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theme/theme2.xml" ContentType="application/vnd.openxmlformats-officedocument.them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charts/chart2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theme/themeOverride2.xml" ContentType="application/vnd.openxmlformats-officedocument.themeOverride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theme/themeOverride3.xml" ContentType="application/vnd.openxmlformats-officedocument.themeOverride+xml"/>
  <Override PartName="/ppt/charts/chart5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theme/themeOverride4.xml" ContentType="application/vnd.openxmlformats-officedocument.themeOverride+xml"/>
  <Override PartName="/ppt/charts/chart6.xml" ContentType="application/vnd.openxmlformats-officedocument.drawingml.chart+xml"/>
  <Override PartName="/ppt/theme/themeOverride5.xml" ContentType="application/vnd.openxmlformats-officedocument.themeOverr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2" r:id="rId1"/>
  </p:sldMasterIdLst>
  <p:notesMasterIdLst>
    <p:notesMasterId r:id="rId47"/>
  </p:notesMasterIdLst>
  <p:sldIdLst>
    <p:sldId id="258" r:id="rId2"/>
    <p:sldId id="316" r:id="rId3"/>
    <p:sldId id="368" r:id="rId4"/>
    <p:sldId id="382" r:id="rId5"/>
    <p:sldId id="263" r:id="rId6"/>
    <p:sldId id="381" r:id="rId7"/>
    <p:sldId id="369" r:id="rId8"/>
    <p:sldId id="370" r:id="rId9"/>
    <p:sldId id="338" r:id="rId10"/>
    <p:sldId id="337" r:id="rId11"/>
    <p:sldId id="371" r:id="rId12"/>
    <p:sldId id="374" r:id="rId13"/>
    <p:sldId id="372" r:id="rId14"/>
    <p:sldId id="348" r:id="rId15"/>
    <p:sldId id="373" r:id="rId16"/>
    <p:sldId id="375" r:id="rId17"/>
    <p:sldId id="359" r:id="rId18"/>
    <p:sldId id="360" r:id="rId19"/>
    <p:sldId id="377" r:id="rId20"/>
    <p:sldId id="361" r:id="rId21"/>
    <p:sldId id="376" r:id="rId22"/>
    <p:sldId id="343" r:id="rId23"/>
    <p:sldId id="345" r:id="rId24"/>
    <p:sldId id="362" r:id="rId25"/>
    <p:sldId id="363" r:id="rId26"/>
    <p:sldId id="380" r:id="rId27"/>
    <p:sldId id="378" r:id="rId28"/>
    <p:sldId id="364" r:id="rId29"/>
    <p:sldId id="379" r:id="rId30"/>
    <p:sldId id="346" r:id="rId31"/>
    <p:sldId id="365" r:id="rId32"/>
    <p:sldId id="356" r:id="rId33"/>
    <p:sldId id="366" r:id="rId34"/>
    <p:sldId id="351" r:id="rId35"/>
    <p:sldId id="352" r:id="rId36"/>
    <p:sldId id="353" r:id="rId37"/>
    <p:sldId id="354" r:id="rId38"/>
    <p:sldId id="367" r:id="rId39"/>
    <p:sldId id="358" r:id="rId40"/>
    <p:sldId id="357" r:id="rId41"/>
    <p:sldId id="349" r:id="rId42"/>
    <p:sldId id="385" r:id="rId43"/>
    <p:sldId id="383" r:id="rId44"/>
    <p:sldId id="384" r:id="rId45"/>
    <p:sldId id="336" r:id="rId46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2" pos="363" userDrawn="1">
          <p15:clr>
            <a:srgbClr val="A4A3A4"/>
          </p15:clr>
        </p15:guide>
        <p15:guide id="4" pos="7439" userDrawn="1">
          <p15:clr>
            <a:srgbClr val="A4A3A4"/>
          </p15:clr>
        </p15:guide>
        <p15:guide id="5" orient="horz" pos="2137" userDrawn="1">
          <p15:clr>
            <a:srgbClr val="A4A3A4"/>
          </p15:clr>
        </p15:guide>
        <p15:guide id="7" orient="horz" pos="3952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692536"/>
    <a:srgbClr val="560015"/>
    <a:srgbClr val="E7E6E6"/>
    <a:srgbClr val="08305B"/>
    <a:srgbClr val="926F48"/>
    <a:srgbClr val="C0C0BF"/>
    <a:srgbClr val="787878"/>
    <a:srgbClr val="FFFFFF"/>
    <a:srgbClr val="094587"/>
    <a:srgbClr val="B59E7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Estilo Médio 2 - Ênfase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3551" autoAdjust="0"/>
    <p:restoredTop sz="94660"/>
  </p:normalViewPr>
  <p:slideViewPr>
    <p:cSldViewPr snapToGrid="0">
      <p:cViewPr varScale="1">
        <p:scale>
          <a:sx n="59" d="100"/>
          <a:sy n="59" d="100"/>
        </p:scale>
        <p:origin x="186" y="96"/>
      </p:cViewPr>
      <p:guideLst>
        <p:guide pos="363"/>
        <p:guide pos="7439"/>
        <p:guide orient="horz" pos="2137"/>
        <p:guide orient="horz" pos="3952"/>
      </p:guideLst>
    </p:cSldViewPr>
  </p:slideViewPr>
  <p:notesTextViewPr>
    <p:cViewPr>
      <p:scale>
        <a:sx n="3" d="2"/>
        <a:sy n="3" d="2"/>
      </p:scale>
      <p:origin x="0" y="0"/>
    </p:cViewPr>
  </p:notesTextViewPr>
  <p:sorterViewPr>
    <p:cViewPr>
      <p:scale>
        <a:sx n="200" d="100"/>
        <a:sy n="200" d="100"/>
      </p:scale>
      <p:origin x="0" y="-12312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notesMaster" Target="notesMasters/notesMaster1.xml"/><Relationship Id="rId50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presProps" Target="presProps.xml"/><Relationship Id="rId8" Type="http://schemas.openxmlformats.org/officeDocument/2006/relationships/slide" Target="slides/slide7.xml"/><Relationship Id="rId51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.xlsx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1.xml"/><Relationship Id="rId1" Type="http://schemas.microsoft.com/office/2011/relationships/chartStyle" Target="style1.xml"/><Relationship Id="rId4" Type="http://schemas.openxmlformats.org/officeDocument/2006/relationships/oleObject" Target="../embeddings/oleObject1.bin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\\d8231s051\area_comum\Mesa\Portfolio%20Specialists\Mesas&amp;Produtos\RV\Estudos\Estudos%20RV%2019%2006.xlsx" TargetMode="Externa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3.xml"/><Relationship Id="rId2" Type="http://schemas.microsoft.com/office/2011/relationships/chartColorStyle" Target="colors2.xml"/><Relationship Id="rId1" Type="http://schemas.microsoft.com/office/2011/relationships/chartStyle" Target="style2.xml"/><Relationship Id="rId4" Type="http://schemas.openxmlformats.org/officeDocument/2006/relationships/oleObject" Target="../embeddings/oleObject2.bin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4.xml"/><Relationship Id="rId2" Type="http://schemas.microsoft.com/office/2011/relationships/chartColorStyle" Target="colors3.xml"/><Relationship Id="rId1" Type="http://schemas.microsoft.com/office/2011/relationships/chartStyle" Target="style3.xml"/><Relationship Id="rId4" Type="http://schemas.openxmlformats.org/officeDocument/2006/relationships/oleObject" Target="../embeddings/oleObject3.bin"/></Relationships>
</file>

<file path=ppt/charts/_rels/chart6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i368279\AppData\Local\Microsoft\Windows\Temporary%20Internet%20Files\Content.Outlook\4SWQQ4PH\Infos%20BCIA%20-%20Mar%2019.xlsx" TargetMode="External"/><Relationship Id="rId1" Type="http://schemas.openxmlformats.org/officeDocument/2006/relationships/themeOverride" Target="../theme/themeOverride5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6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r>
              <a:rPr lang="en-US" sz="1600" dirty="0"/>
              <a:t>Taxa de </a:t>
            </a:r>
            <a:r>
              <a:rPr lang="en-US" sz="1600" dirty="0" err="1"/>
              <a:t>Juros</a:t>
            </a:r>
            <a:r>
              <a:rPr lang="en-US" sz="1600" dirty="0"/>
              <a:t> Real (%)</a:t>
            </a:r>
          </a:p>
        </c:rich>
      </c:tx>
      <c:layout>
        <c:manualLayout>
          <c:xMode val="edge"/>
          <c:yMode val="edge"/>
          <c:x val="0.38398912307390481"/>
          <c:y val="0"/>
        </c:manualLayout>
      </c:layout>
      <c:overlay val="0"/>
      <c:spPr>
        <a:noFill/>
        <a:ln>
          <a:noFill/>
        </a:ln>
        <a:effectLst/>
      </c:sp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spPr>
            <a:solidFill>
              <a:sysClr val="windowText" lastClr="000000">
                <a:lumMod val="50000"/>
                <a:lumOff val="50000"/>
              </a:sysClr>
            </a:solidFill>
            <a:ln>
              <a:noFill/>
            </a:ln>
            <a:effectLst/>
          </c:spPr>
          <c:invertIfNegative val="0"/>
          <c:dPt>
            <c:idx val="4"/>
            <c:invertIfNegative val="0"/>
            <c:bubble3D val="0"/>
            <c:spPr>
              <a:solidFill>
                <a:srgbClr val="08305B"/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44A3-4B90-BB26-6CA33EF4BEB5}"/>
              </c:ext>
            </c:extLst>
          </c:dPt>
          <c:dLbls>
            <c:dLbl>
              <c:idx val="4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2400" b="1" i="0" u="none" strike="noStrike" kern="1200" baseline="0">
                      <a:solidFill>
                        <a:srgbClr val="08305B"/>
                      </a:solidFill>
                      <a:latin typeface="Century Gothic" panose="020B0502020202020204" pitchFamily="34" charset="0"/>
                      <a:ea typeface="+mn-ea"/>
                      <a:cs typeface="+mn-cs"/>
                    </a:defRPr>
                  </a:pPr>
                  <a:endParaRPr lang="pt-BR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1-44A3-4B90-BB26-6CA33EF4BEB5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4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Century Gothic" panose="020B0502020202020204" pitchFamily="34" charset="0"/>
                    <a:ea typeface="+mn-ea"/>
                    <a:cs typeface="+mn-cs"/>
                  </a:defRPr>
                </a:pPr>
                <a:endParaRPr lang="pt-BR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'Juros Real BCB'!$N$24:$U$24</c:f>
              <c:strCache>
                <c:ptCount val="8"/>
                <c:pt idx="0">
                  <c:v>Chile</c:v>
                </c:pt>
                <c:pt idx="1">
                  <c:v>Peru</c:v>
                </c:pt>
                <c:pt idx="2">
                  <c:v> Colômbia</c:v>
                </c:pt>
                <c:pt idx="3">
                  <c:v>África do Sul</c:v>
                </c:pt>
                <c:pt idx="4">
                  <c:v>Brasil</c:v>
                </c:pt>
                <c:pt idx="5">
                  <c:v>Rússia</c:v>
                </c:pt>
                <c:pt idx="6">
                  <c:v>México</c:v>
                </c:pt>
                <c:pt idx="7">
                  <c:v>Turquia </c:v>
                </c:pt>
              </c:strCache>
            </c:strRef>
          </c:cat>
          <c:val>
            <c:numRef>
              <c:f>'Juros Real BCB'!$N$25:$U$25</c:f>
              <c:numCache>
                <c:formatCode>0.0</c:formatCode>
                <c:ptCount val="8"/>
                <c:pt idx="0">
                  <c:v>0.2324199658058026</c:v>
                </c:pt>
                <c:pt idx="1">
                  <c:v>0.59803317592856997</c:v>
                </c:pt>
                <c:pt idx="2">
                  <c:v>0.91283323673557915</c:v>
                </c:pt>
                <c:pt idx="3">
                  <c:v>1.5834931085150354</c:v>
                </c:pt>
                <c:pt idx="4">
                  <c:v>2.6607120292556852</c:v>
                </c:pt>
                <c:pt idx="5">
                  <c:v>2.8696345019809923</c:v>
                </c:pt>
                <c:pt idx="6">
                  <c:v>4.7609986516011098</c:v>
                </c:pt>
                <c:pt idx="7">
                  <c:v>5.837700724048223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4A3-4B90-BB26-6CA33EF4BEB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0"/>
        <c:overlap val="-27"/>
        <c:axId val="94110080"/>
        <c:axId val="94111616"/>
      </c:barChart>
      <c:catAx>
        <c:axId val="9411008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pt-BR"/>
          </a:p>
        </c:txPr>
        <c:crossAx val="94111616"/>
        <c:crosses val="autoZero"/>
        <c:auto val="1"/>
        <c:lblAlgn val="ctr"/>
        <c:lblOffset val="100"/>
        <c:noMultiLvlLbl val="0"/>
      </c:catAx>
      <c:valAx>
        <c:axId val="94111616"/>
        <c:scaling>
          <c:orientation val="minMax"/>
        </c:scaling>
        <c:delete val="0"/>
        <c:axPos val="l"/>
        <c:numFmt formatCode="0.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pt-BR"/>
          </a:p>
        </c:txPr>
        <c:crossAx val="9411008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 sz="1100">
          <a:latin typeface="Century Gothic" panose="020B0502020202020204" pitchFamily="34" charset="0"/>
        </a:defRPr>
      </a:pPr>
      <a:endParaRPr lang="pt-BR"/>
    </a:p>
  </c:txPr>
  <c:externalData r:id="rId2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/>
      <c:lineChart>
        <c:grouping val="standard"/>
        <c:varyColors val="0"/>
        <c:ser>
          <c:idx val="0"/>
          <c:order val="0"/>
          <c:tx>
            <c:v>MULTIMERCADO MACRO</c:v>
          </c:tx>
          <c:spPr>
            <a:ln w="28575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cat>
            <c:numRef>
              <c:f>'[DadosIndustria48.xlsx]Quantum Axis'!$H$2:$H$742</c:f>
              <c:numCache>
                <c:formatCode>[$-416]mmm\-yy;@</c:formatCode>
                <c:ptCount val="741"/>
                <c:pt idx="0">
                  <c:v>42537</c:v>
                </c:pt>
                <c:pt idx="1">
                  <c:v>42538</c:v>
                </c:pt>
                <c:pt idx="2">
                  <c:v>42541</c:v>
                </c:pt>
                <c:pt idx="3">
                  <c:v>42542</c:v>
                </c:pt>
                <c:pt idx="4">
                  <c:v>42543</c:v>
                </c:pt>
                <c:pt idx="5">
                  <c:v>42544</c:v>
                </c:pt>
                <c:pt idx="6">
                  <c:v>42545</c:v>
                </c:pt>
                <c:pt idx="7">
                  <c:v>42548</c:v>
                </c:pt>
                <c:pt idx="8">
                  <c:v>42549</c:v>
                </c:pt>
                <c:pt idx="9">
                  <c:v>42550</c:v>
                </c:pt>
                <c:pt idx="10">
                  <c:v>42551</c:v>
                </c:pt>
                <c:pt idx="11">
                  <c:v>42552</c:v>
                </c:pt>
                <c:pt idx="12">
                  <c:v>42555</c:v>
                </c:pt>
                <c:pt idx="13">
                  <c:v>42556</c:v>
                </c:pt>
                <c:pt idx="14">
                  <c:v>42557</c:v>
                </c:pt>
                <c:pt idx="15">
                  <c:v>42558</c:v>
                </c:pt>
                <c:pt idx="16">
                  <c:v>42559</c:v>
                </c:pt>
                <c:pt idx="17">
                  <c:v>42562</c:v>
                </c:pt>
                <c:pt idx="18">
                  <c:v>42563</c:v>
                </c:pt>
                <c:pt idx="19">
                  <c:v>42564</c:v>
                </c:pt>
                <c:pt idx="20">
                  <c:v>42565</c:v>
                </c:pt>
                <c:pt idx="21">
                  <c:v>42566</c:v>
                </c:pt>
                <c:pt idx="22">
                  <c:v>42569</c:v>
                </c:pt>
                <c:pt idx="23">
                  <c:v>42570</c:v>
                </c:pt>
                <c:pt idx="24">
                  <c:v>42571</c:v>
                </c:pt>
                <c:pt idx="25">
                  <c:v>42572</c:v>
                </c:pt>
                <c:pt idx="26">
                  <c:v>42573</c:v>
                </c:pt>
                <c:pt idx="27">
                  <c:v>42576</c:v>
                </c:pt>
                <c:pt idx="28">
                  <c:v>42577</c:v>
                </c:pt>
                <c:pt idx="29">
                  <c:v>42578</c:v>
                </c:pt>
                <c:pt idx="30">
                  <c:v>42579</c:v>
                </c:pt>
                <c:pt idx="31">
                  <c:v>42580</c:v>
                </c:pt>
                <c:pt idx="32">
                  <c:v>42583</c:v>
                </c:pt>
                <c:pt idx="33">
                  <c:v>42584</c:v>
                </c:pt>
                <c:pt idx="34">
                  <c:v>42585</c:v>
                </c:pt>
                <c:pt idx="35">
                  <c:v>42586</c:v>
                </c:pt>
                <c:pt idx="36">
                  <c:v>42587</c:v>
                </c:pt>
                <c:pt idx="37">
                  <c:v>42590</c:v>
                </c:pt>
                <c:pt idx="38">
                  <c:v>42591</c:v>
                </c:pt>
                <c:pt idx="39">
                  <c:v>42592</c:v>
                </c:pt>
                <c:pt idx="40">
                  <c:v>42593</c:v>
                </c:pt>
                <c:pt idx="41">
                  <c:v>42594</c:v>
                </c:pt>
                <c:pt idx="42">
                  <c:v>42597</c:v>
                </c:pt>
                <c:pt idx="43">
                  <c:v>42598</c:v>
                </c:pt>
                <c:pt idx="44">
                  <c:v>42599</c:v>
                </c:pt>
                <c:pt idx="45">
                  <c:v>42600</c:v>
                </c:pt>
                <c:pt idx="46">
                  <c:v>42601</c:v>
                </c:pt>
                <c:pt idx="47">
                  <c:v>42604</c:v>
                </c:pt>
                <c:pt idx="48">
                  <c:v>42605</c:v>
                </c:pt>
                <c:pt idx="49">
                  <c:v>42606</c:v>
                </c:pt>
                <c:pt idx="50">
                  <c:v>42607</c:v>
                </c:pt>
                <c:pt idx="51">
                  <c:v>42608</c:v>
                </c:pt>
                <c:pt idx="52">
                  <c:v>42611</c:v>
                </c:pt>
                <c:pt idx="53">
                  <c:v>42612</c:v>
                </c:pt>
                <c:pt idx="54">
                  <c:v>42613</c:v>
                </c:pt>
                <c:pt idx="55">
                  <c:v>42614</c:v>
                </c:pt>
                <c:pt idx="56">
                  <c:v>42615</c:v>
                </c:pt>
                <c:pt idx="57">
                  <c:v>42618</c:v>
                </c:pt>
                <c:pt idx="58">
                  <c:v>42619</c:v>
                </c:pt>
                <c:pt idx="59">
                  <c:v>42621</c:v>
                </c:pt>
                <c:pt idx="60">
                  <c:v>42622</c:v>
                </c:pt>
                <c:pt idx="61">
                  <c:v>42625</c:v>
                </c:pt>
                <c:pt idx="62">
                  <c:v>42626</c:v>
                </c:pt>
                <c:pt idx="63">
                  <c:v>42627</c:v>
                </c:pt>
                <c:pt idx="64">
                  <c:v>42628</c:v>
                </c:pt>
                <c:pt idx="65">
                  <c:v>42629</c:v>
                </c:pt>
                <c:pt idx="66">
                  <c:v>42632</c:v>
                </c:pt>
                <c:pt idx="67">
                  <c:v>42633</c:v>
                </c:pt>
                <c:pt idx="68">
                  <c:v>42634</c:v>
                </c:pt>
                <c:pt idx="69">
                  <c:v>42635</c:v>
                </c:pt>
                <c:pt idx="70">
                  <c:v>42636</c:v>
                </c:pt>
                <c:pt idx="71">
                  <c:v>42639</c:v>
                </c:pt>
                <c:pt idx="72">
                  <c:v>42640</c:v>
                </c:pt>
                <c:pt idx="73">
                  <c:v>42641</c:v>
                </c:pt>
                <c:pt idx="74">
                  <c:v>42642</c:v>
                </c:pt>
                <c:pt idx="75">
                  <c:v>42643</c:v>
                </c:pt>
                <c:pt idx="76">
                  <c:v>42646</c:v>
                </c:pt>
                <c:pt idx="77">
                  <c:v>42647</c:v>
                </c:pt>
                <c:pt idx="78">
                  <c:v>42648</c:v>
                </c:pt>
                <c:pt idx="79">
                  <c:v>42649</c:v>
                </c:pt>
                <c:pt idx="80">
                  <c:v>42650</c:v>
                </c:pt>
                <c:pt idx="81">
                  <c:v>42653</c:v>
                </c:pt>
                <c:pt idx="82">
                  <c:v>42654</c:v>
                </c:pt>
                <c:pt idx="83">
                  <c:v>42656</c:v>
                </c:pt>
                <c:pt idx="84">
                  <c:v>42657</c:v>
                </c:pt>
                <c:pt idx="85">
                  <c:v>42660</c:v>
                </c:pt>
                <c:pt idx="86">
                  <c:v>42661</c:v>
                </c:pt>
                <c:pt idx="87">
                  <c:v>42662</c:v>
                </c:pt>
                <c:pt idx="88">
                  <c:v>42663</c:v>
                </c:pt>
                <c:pt idx="89">
                  <c:v>42664</c:v>
                </c:pt>
                <c:pt idx="90">
                  <c:v>42667</c:v>
                </c:pt>
                <c:pt idx="91">
                  <c:v>42668</c:v>
                </c:pt>
                <c:pt idx="92">
                  <c:v>42669</c:v>
                </c:pt>
                <c:pt idx="93">
                  <c:v>42670</c:v>
                </c:pt>
                <c:pt idx="94">
                  <c:v>42671</c:v>
                </c:pt>
                <c:pt idx="95">
                  <c:v>42674</c:v>
                </c:pt>
                <c:pt idx="96">
                  <c:v>42675</c:v>
                </c:pt>
                <c:pt idx="97">
                  <c:v>42677</c:v>
                </c:pt>
                <c:pt idx="98">
                  <c:v>42678</c:v>
                </c:pt>
                <c:pt idx="99">
                  <c:v>42681</c:v>
                </c:pt>
                <c:pt idx="100">
                  <c:v>42682</c:v>
                </c:pt>
                <c:pt idx="101">
                  <c:v>42683</c:v>
                </c:pt>
                <c:pt idx="102">
                  <c:v>42684</c:v>
                </c:pt>
                <c:pt idx="103">
                  <c:v>42685</c:v>
                </c:pt>
                <c:pt idx="104">
                  <c:v>42688</c:v>
                </c:pt>
                <c:pt idx="105">
                  <c:v>42690</c:v>
                </c:pt>
                <c:pt idx="106">
                  <c:v>42691</c:v>
                </c:pt>
                <c:pt idx="107">
                  <c:v>42692</c:v>
                </c:pt>
                <c:pt idx="108">
                  <c:v>42695</c:v>
                </c:pt>
                <c:pt idx="109">
                  <c:v>42696</c:v>
                </c:pt>
                <c:pt idx="110">
                  <c:v>42697</c:v>
                </c:pt>
                <c:pt idx="111">
                  <c:v>42698</c:v>
                </c:pt>
                <c:pt idx="112">
                  <c:v>42699</c:v>
                </c:pt>
                <c:pt idx="113">
                  <c:v>42702</c:v>
                </c:pt>
                <c:pt idx="114">
                  <c:v>42703</c:v>
                </c:pt>
                <c:pt idx="115">
                  <c:v>42704</c:v>
                </c:pt>
                <c:pt idx="116">
                  <c:v>42705</c:v>
                </c:pt>
                <c:pt idx="117">
                  <c:v>42706</c:v>
                </c:pt>
                <c:pt idx="118">
                  <c:v>42709</c:v>
                </c:pt>
                <c:pt idx="119">
                  <c:v>42710</c:v>
                </c:pt>
                <c:pt idx="120">
                  <c:v>42711</c:v>
                </c:pt>
                <c:pt idx="121">
                  <c:v>42712</c:v>
                </c:pt>
                <c:pt idx="122">
                  <c:v>42713</c:v>
                </c:pt>
                <c:pt idx="123">
                  <c:v>42716</c:v>
                </c:pt>
                <c:pt idx="124">
                  <c:v>42717</c:v>
                </c:pt>
                <c:pt idx="125">
                  <c:v>42718</c:v>
                </c:pt>
                <c:pt idx="126">
                  <c:v>42719</c:v>
                </c:pt>
                <c:pt idx="127">
                  <c:v>42720</c:v>
                </c:pt>
                <c:pt idx="128">
                  <c:v>42723</c:v>
                </c:pt>
                <c:pt idx="129">
                  <c:v>42724</c:v>
                </c:pt>
                <c:pt idx="130">
                  <c:v>42725</c:v>
                </c:pt>
                <c:pt idx="131">
                  <c:v>42726</c:v>
                </c:pt>
                <c:pt idx="132">
                  <c:v>42727</c:v>
                </c:pt>
                <c:pt idx="133">
                  <c:v>42730</c:v>
                </c:pt>
                <c:pt idx="134">
                  <c:v>42731</c:v>
                </c:pt>
                <c:pt idx="135">
                  <c:v>42732</c:v>
                </c:pt>
                <c:pt idx="136">
                  <c:v>42733</c:v>
                </c:pt>
                <c:pt idx="137">
                  <c:v>42734</c:v>
                </c:pt>
                <c:pt idx="138">
                  <c:v>42737</c:v>
                </c:pt>
                <c:pt idx="139">
                  <c:v>42738</c:v>
                </c:pt>
                <c:pt idx="140">
                  <c:v>42739</c:v>
                </c:pt>
                <c:pt idx="141">
                  <c:v>42740</c:v>
                </c:pt>
                <c:pt idx="142">
                  <c:v>42741</c:v>
                </c:pt>
                <c:pt idx="143">
                  <c:v>42744</c:v>
                </c:pt>
                <c:pt idx="144">
                  <c:v>42745</c:v>
                </c:pt>
                <c:pt idx="145">
                  <c:v>42746</c:v>
                </c:pt>
                <c:pt idx="146">
                  <c:v>42747</c:v>
                </c:pt>
                <c:pt idx="147">
                  <c:v>42748</c:v>
                </c:pt>
                <c:pt idx="148">
                  <c:v>42751</c:v>
                </c:pt>
                <c:pt idx="149">
                  <c:v>42752</c:v>
                </c:pt>
                <c:pt idx="150">
                  <c:v>42753</c:v>
                </c:pt>
                <c:pt idx="151">
                  <c:v>42754</c:v>
                </c:pt>
                <c:pt idx="152">
                  <c:v>42755</c:v>
                </c:pt>
                <c:pt idx="153">
                  <c:v>42758</c:v>
                </c:pt>
                <c:pt idx="154">
                  <c:v>42759</c:v>
                </c:pt>
                <c:pt idx="155">
                  <c:v>42760</c:v>
                </c:pt>
                <c:pt idx="156">
                  <c:v>42761</c:v>
                </c:pt>
                <c:pt idx="157">
                  <c:v>42762</c:v>
                </c:pt>
                <c:pt idx="158">
                  <c:v>42765</c:v>
                </c:pt>
                <c:pt idx="159">
                  <c:v>42766</c:v>
                </c:pt>
                <c:pt idx="160">
                  <c:v>42767</c:v>
                </c:pt>
                <c:pt idx="161">
                  <c:v>42768</c:v>
                </c:pt>
                <c:pt idx="162">
                  <c:v>42769</c:v>
                </c:pt>
                <c:pt idx="163">
                  <c:v>42772</c:v>
                </c:pt>
                <c:pt idx="164">
                  <c:v>42773</c:v>
                </c:pt>
                <c:pt idx="165">
                  <c:v>42774</c:v>
                </c:pt>
                <c:pt idx="166">
                  <c:v>42775</c:v>
                </c:pt>
                <c:pt idx="167">
                  <c:v>42776</c:v>
                </c:pt>
                <c:pt idx="168">
                  <c:v>42779</c:v>
                </c:pt>
                <c:pt idx="169">
                  <c:v>42780</c:v>
                </c:pt>
                <c:pt idx="170">
                  <c:v>42781</c:v>
                </c:pt>
                <c:pt idx="171">
                  <c:v>42782</c:v>
                </c:pt>
                <c:pt idx="172">
                  <c:v>42783</c:v>
                </c:pt>
                <c:pt idx="173">
                  <c:v>42786</c:v>
                </c:pt>
                <c:pt idx="174">
                  <c:v>42787</c:v>
                </c:pt>
                <c:pt idx="175">
                  <c:v>42788</c:v>
                </c:pt>
                <c:pt idx="176">
                  <c:v>42789</c:v>
                </c:pt>
                <c:pt idx="177">
                  <c:v>42790</c:v>
                </c:pt>
                <c:pt idx="178">
                  <c:v>42795</c:v>
                </c:pt>
                <c:pt idx="179">
                  <c:v>42796</c:v>
                </c:pt>
                <c:pt idx="180">
                  <c:v>42797</c:v>
                </c:pt>
                <c:pt idx="181">
                  <c:v>42800</c:v>
                </c:pt>
                <c:pt idx="182">
                  <c:v>42801</c:v>
                </c:pt>
                <c:pt idx="183">
                  <c:v>42802</c:v>
                </c:pt>
                <c:pt idx="184">
                  <c:v>42803</c:v>
                </c:pt>
                <c:pt idx="185">
                  <c:v>42804</c:v>
                </c:pt>
                <c:pt idx="186">
                  <c:v>42807</c:v>
                </c:pt>
                <c:pt idx="187">
                  <c:v>42808</c:v>
                </c:pt>
                <c:pt idx="188">
                  <c:v>42809</c:v>
                </c:pt>
                <c:pt idx="189">
                  <c:v>42810</c:v>
                </c:pt>
                <c:pt idx="190">
                  <c:v>42811</c:v>
                </c:pt>
                <c:pt idx="191">
                  <c:v>42814</c:v>
                </c:pt>
                <c:pt idx="192">
                  <c:v>42815</c:v>
                </c:pt>
                <c:pt idx="193">
                  <c:v>42816</c:v>
                </c:pt>
                <c:pt idx="194">
                  <c:v>42817</c:v>
                </c:pt>
                <c:pt idx="195">
                  <c:v>42818</c:v>
                </c:pt>
                <c:pt idx="196">
                  <c:v>42821</c:v>
                </c:pt>
                <c:pt idx="197">
                  <c:v>42822</c:v>
                </c:pt>
                <c:pt idx="198">
                  <c:v>42823</c:v>
                </c:pt>
                <c:pt idx="199">
                  <c:v>42824</c:v>
                </c:pt>
                <c:pt idx="200">
                  <c:v>42825</c:v>
                </c:pt>
                <c:pt idx="201">
                  <c:v>42828</c:v>
                </c:pt>
                <c:pt idx="202">
                  <c:v>42829</c:v>
                </c:pt>
                <c:pt idx="203">
                  <c:v>42830</c:v>
                </c:pt>
                <c:pt idx="204">
                  <c:v>42831</c:v>
                </c:pt>
                <c:pt idx="205">
                  <c:v>42832</c:v>
                </c:pt>
                <c:pt idx="206">
                  <c:v>42835</c:v>
                </c:pt>
                <c:pt idx="207">
                  <c:v>42836</c:v>
                </c:pt>
                <c:pt idx="208">
                  <c:v>42837</c:v>
                </c:pt>
                <c:pt idx="209">
                  <c:v>42838</c:v>
                </c:pt>
                <c:pt idx="210">
                  <c:v>42842</c:v>
                </c:pt>
                <c:pt idx="211">
                  <c:v>42843</c:v>
                </c:pt>
                <c:pt idx="212">
                  <c:v>42844</c:v>
                </c:pt>
                <c:pt idx="213">
                  <c:v>42845</c:v>
                </c:pt>
                <c:pt idx="214">
                  <c:v>42849</c:v>
                </c:pt>
                <c:pt idx="215">
                  <c:v>42850</c:v>
                </c:pt>
                <c:pt idx="216">
                  <c:v>42851</c:v>
                </c:pt>
                <c:pt idx="217">
                  <c:v>42852</c:v>
                </c:pt>
                <c:pt idx="218">
                  <c:v>42853</c:v>
                </c:pt>
                <c:pt idx="219">
                  <c:v>42857</c:v>
                </c:pt>
                <c:pt idx="220">
                  <c:v>42858</c:v>
                </c:pt>
                <c:pt idx="221">
                  <c:v>42859</c:v>
                </c:pt>
                <c:pt idx="222">
                  <c:v>42860</c:v>
                </c:pt>
                <c:pt idx="223">
                  <c:v>42863</c:v>
                </c:pt>
                <c:pt idx="224">
                  <c:v>42864</c:v>
                </c:pt>
                <c:pt idx="225">
                  <c:v>42865</c:v>
                </c:pt>
                <c:pt idx="226">
                  <c:v>42866</c:v>
                </c:pt>
                <c:pt idx="227">
                  <c:v>42867</c:v>
                </c:pt>
                <c:pt idx="228">
                  <c:v>42870</c:v>
                </c:pt>
                <c:pt idx="229">
                  <c:v>42871</c:v>
                </c:pt>
                <c:pt idx="230">
                  <c:v>42872</c:v>
                </c:pt>
                <c:pt idx="231">
                  <c:v>42873</c:v>
                </c:pt>
                <c:pt idx="232">
                  <c:v>42874</c:v>
                </c:pt>
                <c:pt idx="233">
                  <c:v>42877</c:v>
                </c:pt>
                <c:pt idx="234">
                  <c:v>42878</c:v>
                </c:pt>
                <c:pt idx="235">
                  <c:v>42879</c:v>
                </c:pt>
                <c:pt idx="236">
                  <c:v>42880</c:v>
                </c:pt>
                <c:pt idx="237">
                  <c:v>42881</c:v>
                </c:pt>
                <c:pt idx="238">
                  <c:v>42884</c:v>
                </c:pt>
                <c:pt idx="239">
                  <c:v>42885</c:v>
                </c:pt>
                <c:pt idx="240">
                  <c:v>42886</c:v>
                </c:pt>
                <c:pt idx="241">
                  <c:v>42887</c:v>
                </c:pt>
                <c:pt idx="242">
                  <c:v>42888</c:v>
                </c:pt>
                <c:pt idx="243">
                  <c:v>42891</c:v>
                </c:pt>
                <c:pt idx="244">
                  <c:v>42892</c:v>
                </c:pt>
                <c:pt idx="245">
                  <c:v>42893</c:v>
                </c:pt>
                <c:pt idx="246">
                  <c:v>42894</c:v>
                </c:pt>
                <c:pt idx="247">
                  <c:v>42895</c:v>
                </c:pt>
                <c:pt idx="248">
                  <c:v>42898</c:v>
                </c:pt>
                <c:pt idx="249">
                  <c:v>42899</c:v>
                </c:pt>
                <c:pt idx="250">
                  <c:v>42900</c:v>
                </c:pt>
                <c:pt idx="251">
                  <c:v>42902</c:v>
                </c:pt>
                <c:pt idx="252">
                  <c:v>42905</c:v>
                </c:pt>
                <c:pt idx="253">
                  <c:v>42906</c:v>
                </c:pt>
                <c:pt idx="254">
                  <c:v>42907</c:v>
                </c:pt>
                <c:pt idx="255">
                  <c:v>42908</c:v>
                </c:pt>
                <c:pt idx="256">
                  <c:v>42909</c:v>
                </c:pt>
                <c:pt idx="257">
                  <c:v>42912</c:v>
                </c:pt>
                <c:pt idx="258">
                  <c:v>42913</c:v>
                </c:pt>
                <c:pt idx="259">
                  <c:v>42914</c:v>
                </c:pt>
                <c:pt idx="260">
                  <c:v>42915</c:v>
                </c:pt>
                <c:pt idx="261">
                  <c:v>42916</c:v>
                </c:pt>
                <c:pt idx="262">
                  <c:v>42919</c:v>
                </c:pt>
                <c:pt idx="263">
                  <c:v>42920</c:v>
                </c:pt>
                <c:pt idx="264">
                  <c:v>42921</c:v>
                </c:pt>
                <c:pt idx="265">
                  <c:v>42922</c:v>
                </c:pt>
                <c:pt idx="266">
                  <c:v>42923</c:v>
                </c:pt>
                <c:pt idx="267">
                  <c:v>42926</c:v>
                </c:pt>
                <c:pt idx="268">
                  <c:v>42927</c:v>
                </c:pt>
                <c:pt idx="269">
                  <c:v>42928</c:v>
                </c:pt>
                <c:pt idx="270">
                  <c:v>42929</c:v>
                </c:pt>
                <c:pt idx="271">
                  <c:v>42930</c:v>
                </c:pt>
                <c:pt idx="272">
                  <c:v>42933</c:v>
                </c:pt>
                <c:pt idx="273">
                  <c:v>42934</c:v>
                </c:pt>
                <c:pt idx="274">
                  <c:v>42935</c:v>
                </c:pt>
                <c:pt idx="275">
                  <c:v>42936</c:v>
                </c:pt>
                <c:pt idx="276">
                  <c:v>42937</c:v>
                </c:pt>
                <c:pt idx="277">
                  <c:v>42940</c:v>
                </c:pt>
                <c:pt idx="278">
                  <c:v>42941</c:v>
                </c:pt>
                <c:pt idx="279">
                  <c:v>42942</c:v>
                </c:pt>
                <c:pt idx="280">
                  <c:v>42943</c:v>
                </c:pt>
                <c:pt idx="281">
                  <c:v>42944</c:v>
                </c:pt>
                <c:pt idx="282">
                  <c:v>42947</c:v>
                </c:pt>
                <c:pt idx="283">
                  <c:v>42948</c:v>
                </c:pt>
                <c:pt idx="284">
                  <c:v>42949</c:v>
                </c:pt>
                <c:pt idx="285">
                  <c:v>42950</c:v>
                </c:pt>
                <c:pt idx="286">
                  <c:v>42951</c:v>
                </c:pt>
                <c:pt idx="287">
                  <c:v>42954</c:v>
                </c:pt>
                <c:pt idx="288">
                  <c:v>42955</c:v>
                </c:pt>
                <c:pt idx="289">
                  <c:v>42956</c:v>
                </c:pt>
                <c:pt idx="290">
                  <c:v>42957</c:v>
                </c:pt>
                <c:pt idx="291">
                  <c:v>42958</c:v>
                </c:pt>
                <c:pt idx="292">
                  <c:v>42961</c:v>
                </c:pt>
                <c:pt idx="293">
                  <c:v>42962</c:v>
                </c:pt>
                <c:pt idx="294">
                  <c:v>42963</c:v>
                </c:pt>
                <c:pt idx="295">
                  <c:v>42964</c:v>
                </c:pt>
                <c:pt idx="296">
                  <c:v>42965</c:v>
                </c:pt>
                <c:pt idx="297">
                  <c:v>42968</c:v>
                </c:pt>
                <c:pt idx="298">
                  <c:v>42969</c:v>
                </c:pt>
                <c:pt idx="299">
                  <c:v>42970</c:v>
                </c:pt>
                <c:pt idx="300">
                  <c:v>42971</c:v>
                </c:pt>
                <c:pt idx="301">
                  <c:v>42972</c:v>
                </c:pt>
                <c:pt idx="302">
                  <c:v>42975</c:v>
                </c:pt>
                <c:pt idx="303">
                  <c:v>42976</c:v>
                </c:pt>
                <c:pt idx="304">
                  <c:v>42977</c:v>
                </c:pt>
                <c:pt idx="305">
                  <c:v>42978</c:v>
                </c:pt>
                <c:pt idx="306">
                  <c:v>42979</c:v>
                </c:pt>
                <c:pt idx="307">
                  <c:v>42982</c:v>
                </c:pt>
                <c:pt idx="308">
                  <c:v>42983</c:v>
                </c:pt>
                <c:pt idx="309">
                  <c:v>42984</c:v>
                </c:pt>
                <c:pt idx="310">
                  <c:v>42986</c:v>
                </c:pt>
                <c:pt idx="311">
                  <c:v>42989</c:v>
                </c:pt>
                <c:pt idx="312">
                  <c:v>42990</c:v>
                </c:pt>
                <c:pt idx="313">
                  <c:v>42991</c:v>
                </c:pt>
                <c:pt idx="314">
                  <c:v>42992</c:v>
                </c:pt>
                <c:pt idx="315">
                  <c:v>42993</c:v>
                </c:pt>
                <c:pt idx="316">
                  <c:v>42996</c:v>
                </c:pt>
                <c:pt idx="317">
                  <c:v>42997</c:v>
                </c:pt>
                <c:pt idx="318">
                  <c:v>42998</c:v>
                </c:pt>
                <c:pt idx="319">
                  <c:v>42999</c:v>
                </c:pt>
                <c:pt idx="320">
                  <c:v>43000</c:v>
                </c:pt>
                <c:pt idx="321">
                  <c:v>43003</c:v>
                </c:pt>
                <c:pt idx="322">
                  <c:v>43004</c:v>
                </c:pt>
                <c:pt idx="323">
                  <c:v>43005</c:v>
                </c:pt>
                <c:pt idx="324">
                  <c:v>43006</c:v>
                </c:pt>
                <c:pt idx="325">
                  <c:v>43007</c:v>
                </c:pt>
                <c:pt idx="326">
                  <c:v>43010</c:v>
                </c:pt>
                <c:pt idx="327">
                  <c:v>43011</c:v>
                </c:pt>
                <c:pt idx="328">
                  <c:v>43012</c:v>
                </c:pt>
                <c:pt idx="329">
                  <c:v>43013</c:v>
                </c:pt>
                <c:pt idx="330">
                  <c:v>43014</c:v>
                </c:pt>
                <c:pt idx="331">
                  <c:v>43017</c:v>
                </c:pt>
                <c:pt idx="332">
                  <c:v>43018</c:v>
                </c:pt>
                <c:pt idx="333">
                  <c:v>43019</c:v>
                </c:pt>
                <c:pt idx="334">
                  <c:v>43021</c:v>
                </c:pt>
                <c:pt idx="335">
                  <c:v>43024</c:v>
                </c:pt>
                <c:pt idx="336">
                  <c:v>43025</c:v>
                </c:pt>
                <c:pt idx="337">
                  <c:v>43026</c:v>
                </c:pt>
                <c:pt idx="338">
                  <c:v>43027</c:v>
                </c:pt>
                <c:pt idx="339">
                  <c:v>43028</c:v>
                </c:pt>
                <c:pt idx="340">
                  <c:v>43031</c:v>
                </c:pt>
                <c:pt idx="341">
                  <c:v>43032</c:v>
                </c:pt>
                <c:pt idx="342">
                  <c:v>43033</c:v>
                </c:pt>
                <c:pt idx="343">
                  <c:v>43034</c:v>
                </c:pt>
                <c:pt idx="344">
                  <c:v>43035</c:v>
                </c:pt>
                <c:pt idx="345">
                  <c:v>43038</c:v>
                </c:pt>
                <c:pt idx="346">
                  <c:v>43039</c:v>
                </c:pt>
                <c:pt idx="347">
                  <c:v>43040</c:v>
                </c:pt>
                <c:pt idx="348">
                  <c:v>43042</c:v>
                </c:pt>
                <c:pt idx="349">
                  <c:v>43045</c:v>
                </c:pt>
                <c:pt idx="350">
                  <c:v>43046</c:v>
                </c:pt>
                <c:pt idx="351">
                  <c:v>43047</c:v>
                </c:pt>
                <c:pt idx="352">
                  <c:v>43048</c:v>
                </c:pt>
                <c:pt idx="353">
                  <c:v>43049</c:v>
                </c:pt>
                <c:pt idx="354">
                  <c:v>43052</c:v>
                </c:pt>
                <c:pt idx="355">
                  <c:v>43053</c:v>
                </c:pt>
                <c:pt idx="356">
                  <c:v>43055</c:v>
                </c:pt>
                <c:pt idx="357">
                  <c:v>43056</c:v>
                </c:pt>
                <c:pt idx="358">
                  <c:v>43059</c:v>
                </c:pt>
                <c:pt idx="359">
                  <c:v>43060</c:v>
                </c:pt>
                <c:pt idx="360">
                  <c:v>43061</c:v>
                </c:pt>
                <c:pt idx="361">
                  <c:v>43062</c:v>
                </c:pt>
                <c:pt idx="362">
                  <c:v>43063</c:v>
                </c:pt>
                <c:pt idx="363">
                  <c:v>43066</c:v>
                </c:pt>
                <c:pt idx="364">
                  <c:v>43067</c:v>
                </c:pt>
                <c:pt idx="365">
                  <c:v>43068</c:v>
                </c:pt>
                <c:pt idx="366">
                  <c:v>43069</c:v>
                </c:pt>
                <c:pt idx="367">
                  <c:v>43070</c:v>
                </c:pt>
                <c:pt idx="368">
                  <c:v>43073</c:v>
                </c:pt>
                <c:pt idx="369">
                  <c:v>43074</c:v>
                </c:pt>
                <c:pt idx="370">
                  <c:v>43075</c:v>
                </c:pt>
                <c:pt idx="371">
                  <c:v>43076</c:v>
                </c:pt>
                <c:pt idx="372">
                  <c:v>43077</c:v>
                </c:pt>
                <c:pt idx="373">
                  <c:v>43080</c:v>
                </c:pt>
                <c:pt idx="374">
                  <c:v>43081</c:v>
                </c:pt>
                <c:pt idx="375">
                  <c:v>43082</c:v>
                </c:pt>
                <c:pt idx="376">
                  <c:v>43083</c:v>
                </c:pt>
                <c:pt idx="377">
                  <c:v>43084</c:v>
                </c:pt>
                <c:pt idx="378">
                  <c:v>43087</c:v>
                </c:pt>
                <c:pt idx="379">
                  <c:v>43088</c:v>
                </c:pt>
                <c:pt idx="380">
                  <c:v>43089</c:v>
                </c:pt>
                <c:pt idx="381">
                  <c:v>43090</c:v>
                </c:pt>
                <c:pt idx="382">
                  <c:v>43091</c:v>
                </c:pt>
                <c:pt idx="383">
                  <c:v>43095</c:v>
                </c:pt>
                <c:pt idx="384">
                  <c:v>43096</c:v>
                </c:pt>
                <c:pt idx="385">
                  <c:v>43097</c:v>
                </c:pt>
                <c:pt idx="386">
                  <c:v>43098</c:v>
                </c:pt>
                <c:pt idx="387">
                  <c:v>43102</c:v>
                </c:pt>
                <c:pt idx="388">
                  <c:v>43103</c:v>
                </c:pt>
                <c:pt idx="389">
                  <c:v>43104</c:v>
                </c:pt>
                <c:pt idx="390">
                  <c:v>43105</c:v>
                </c:pt>
                <c:pt idx="391">
                  <c:v>43108</c:v>
                </c:pt>
                <c:pt idx="392">
                  <c:v>43109</c:v>
                </c:pt>
                <c:pt idx="393">
                  <c:v>43110</c:v>
                </c:pt>
                <c:pt idx="394">
                  <c:v>43111</c:v>
                </c:pt>
                <c:pt idx="395">
                  <c:v>43112</c:v>
                </c:pt>
                <c:pt idx="396">
                  <c:v>43115</c:v>
                </c:pt>
                <c:pt idx="397">
                  <c:v>43116</c:v>
                </c:pt>
                <c:pt idx="398">
                  <c:v>43117</c:v>
                </c:pt>
                <c:pt idx="399">
                  <c:v>43118</c:v>
                </c:pt>
                <c:pt idx="400">
                  <c:v>43119</c:v>
                </c:pt>
                <c:pt idx="401">
                  <c:v>43122</c:v>
                </c:pt>
                <c:pt idx="402">
                  <c:v>43123</c:v>
                </c:pt>
                <c:pt idx="403">
                  <c:v>43124</c:v>
                </c:pt>
                <c:pt idx="404">
                  <c:v>43125</c:v>
                </c:pt>
                <c:pt idx="405">
                  <c:v>43126</c:v>
                </c:pt>
                <c:pt idx="406">
                  <c:v>43129</c:v>
                </c:pt>
                <c:pt idx="407">
                  <c:v>43130</c:v>
                </c:pt>
                <c:pt idx="408">
                  <c:v>43131</c:v>
                </c:pt>
                <c:pt idx="409">
                  <c:v>43132</c:v>
                </c:pt>
                <c:pt idx="410">
                  <c:v>43133</c:v>
                </c:pt>
                <c:pt idx="411">
                  <c:v>43136</c:v>
                </c:pt>
                <c:pt idx="412">
                  <c:v>43137</c:v>
                </c:pt>
                <c:pt idx="413">
                  <c:v>43138</c:v>
                </c:pt>
                <c:pt idx="414">
                  <c:v>43139</c:v>
                </c:pt>
                <c:pt idx="415">
                  <c:v>43140</c:v>
                </c:pt>
                <c:pt idx="416">
                  <c:v>43145</c:v>
                </c:pt>
                <c:pt idx="417">
                  <c:v>43146</c:v>
                </c:pt>
                <c:pt idx="418">
                  <c:v>43147</c:v>
                </c:pt>
                <c:pt idx="419">
                  <c:v>43150</c:v>
                </c:pt>
                <c:pt idx="420">
                  <c:v>43151</c:v>
                </c:pt>
                <c:pt idx="421">
                  <c:v>43152</c:v>
                </c:pt>
                <c:pt idx="422">
                  <c:v>43153</c:v>
                </c:pt>
                <c:pt idx="423">
                  <c:v>43154</c:v>
                </c:pt>
                <c:pt idx="424">
                  <c:v>43157</c:v>
                </c:pt>
                <c:pt idx="425">
                  <c:v>43158</c:v>
                </c:pt>
                <c:pt idx="426">
                  <c:v>43159</c:v>
                </c:pt>
                <c:pt idx="427">
                  <c:v>43160</c:v>
                </c:pt>
                <c:pt idx="428">
                  <c:v>43161</c:v>
                </c:pt>
                <c:pt idx="429">
                  <c:v>43164</c:v>
                </c:pt>
                <c:pt idx="430">
                  <c:v>43165</c:v>
                </c:pt>
                <c:pt idx="431">
                  <c:v>43166</c:v>
                </c:pt>
                <c:pt idx="432">
                  <c:v>43167</c:v>
                </c:pt>
                <c:pt idx="433">
                  <c:v>43168</c:v>
                </c:pt>
                <c:pt idx="434">
                  <c:v>43171</c:v>
                </c:pt>
                <c:pt idx="435">
                  <c:v>43172</c:v>
                </c:pt>
                <c:pt idx="436">
                  <c:v>43173</c:v>
                </c:pt>
                <c:pt idx="437">
                  <c:v>43174</c:v>
                </c:pt>
                <c:pt idx="438">
                  <c:v>43175</c:v>
                </c:pt>
                <c:pt idx="439">
                  <c:v>43178</c:v>
                </c:pt>
                <c:pt idx="440">
                  <c:v>43179</c:v>
                </c:pt>
                <c:pt idx="441">
                  <c:v>43180</c:v>
                </c:pt>
                <c:pt idx="442">
                  <c:v>43181</c:v>
                </c:pt>
                <c:pt idx="443">
                  <c:v>43182</c:v>
                </c:pt>
                <c:pt idx="444">
                  <c:v>43185</c:v>
                </c:pt>
                <c:pt idx="445">
                  <c:v>43186</c:v>
                </c:pt>
                <c:pt idx="446">
                  <c:v>43187</c:v>
                </c:pt>
                <c:pt idx="447">
                  <c:v>43188</c:v>
                </c:pt>
                <c:pt idx="448">
                  <c:v>43192</c:v>
                </c:pt>
                <c:pt idx="449">
                  <c:v>43193</c:v>
                </c:pt>
                <c:pt idx="450">
                  <c:v>43194</c:v>
                </c:pt>
                <c:pt idx="451">
                  <c:v>43195</c:v>
                </c:pt>
                <c:pt idx="452">
                  <c:v>43196</c:v>
                </c:pt>
                <c:pt idx="453">
                  <c:v>43199</c:v>
                </c:pt>
                <c:pt idx="454">
                  <c:v>43200</c:v>
                </c:pt>
                <c:pt idx="455">
                  <c:v>43201</c:v>
                </c:pt>
                <c:pt idx="456">
                  <c:v>43202</c:v>
                </c:pt>
                <c:pt idx="457">
                  <c:v>43203</c:v>
                </c:pt>
                <c:pt idx="458">
                  <c:v>43206</c:v>
                </c:pt>
                <c:pt idx="459">
                  <c:v>43207</c:v>
                </c:pt>
                <c:pt idx="460">
                  <c:v>43208</c:v>
                </c:pt>
                <c:pt idx="461">
                  <c:v>43209</c:v>
                </c:pt>
                <c:pt idx="462">
                  <c:v>43210</c:v>
                </c:pt>
                <c:pt idx="463">
                  <c:v>43213</c:v>
                </c:pt>
                <c:pt idx="464">
                  <c:v>43214</c:v>
                </c:pt>
                <c:pt idx="465">
                  <c:v>43215</c:v>
                </c:pt>
                <c:pt idx="466">
                  <c:v>43216</c:v>
                </c:pt>
                <c:pt idx="467">
                  <c:v>43217</c:v>
                </c:pt>
                <c:pt idx="468">
                  <c:v>43220</c:v>
                </c:pt>
                <c:pt idx="469">
                  <c:v>43222</c:v>
                </c:pt>
                <c:pt idx="470">
                  <c:v>43223</c:v>
                </c:pt>
                <c:pt idx="471">
                  <c:v>43224</c:v>
                </c:pt>
                <c:pt idx="472">
                  <c:v>43227</c:v>
                </c:pt>
                <c:pt idx="473">
                  <c:v>43228</c:v>
                </c:pt>
                <c:pt idx="474">
                  <c:v>43229</c:v>
                </c:pt>
                <c:pt idx="475">
                  <c:v>43230</c:v>
                </c:pt>
                <c:pt idx="476">
                  <c:v>43231</c:v>
                </c:pt>
                <c:pt idx="477">
                  <c:v>43234</c:v>
                </c:pt>
                <c:pt idx="478">
                  <c:v>43235</c:v>
                </c:pt>
                <c:pt idx="479">
                  <c:v>43236</c:v>
                </c:pt>
                <c:pt idx="480">
                  <c:v>43237</c:v>
                </c:pt>
                <c:pt idx="481">
                  <c:v>43238</c:v>
                </c:pt>
                <c:pt idx="482">
                  <c:v>43241</c:v>
                </c:pt>
                <c:pt idx="483">
                  <c:v>43242</c:v>
                </c:pt>
                <c:pt idx="484">
                  <c:v>43243</c:v>
                </c:pt>
                <c:pt idx="485">
                  <c:v>43244</c:v>
                </c:pt>
                <c:pt idx="486">
                  <c:v>43245</c:v>
                </c:pt>
                <c:pt idx="487">
                  <c:v>43248</c:v>
                </c:pt>
                <c:pt idx="488">
                  <c:v>43249</c:v>
                </c:pt>
                <c:pt idx="489">
                  <c:v>43250</c:v>
                </c:pt>
                <c:pt idx="490">
                  <c:v>43252</c:v>
                </c:pt>
                <c:pt idx="491">
                  <c:v>43255</c:v>
                </c:pt>
                <c:pt idx="492">
                  <c:v>43256</c:v>
                </c:pt>
                <c:pt idx="493">
                  <c:v>43257</c:v>
                </c:pt>
                <c:pt idx="494">
                  <c:v>43258</c:v>
                </c:pt>
                <c:pt idx="495">
                  <c:v>43259</c:v>
                </c:pt>
                <c:pt idx="496">
                  <c:v>43262</c:v>
                </c:pt>
                <c:pt idx="497">
                  <c:v>43263</c:v>
                </c:pt>
                <c:pt idx="498">
                  <c:v>43264</c:v>
                </c:pt>
                <c:pt idx="499">
                  <c:v>43265</c:v>
                </c:pt>
                <c:pt idx="500">
                  <c:v>43266</c:v>
                </c:pt>
                <c:pt idx="501">
                  <c:v>43269</c:v>
                </c:pt>
                <c:pt idx="502">
                  <c:v>43270</c:v>
                </c:pt>
                <c:pt idx="503">
                  <c:v>43271</c:v>
                </c:pt>
                <c:pt idx="504">
                  <c:v>43272</c:v>
                </c:pt>
                <c:pt idx="505">
                  <c:v>43273</c:v>
                </c:pt>
                <c:pt idx="506">
                  <c:v>43276</c:v>
                </c:pt>
                <c:pt idx="507">
                  <c:v>43277</c:v>
                </c:pt>
                <c:pt idx="508">
                  <c:v>43278</c:v>
                </c:pt>
                <c:pt idx="509">
                  <c:v>43279</c:v>
                </c:pt>
                <c:pt idx="510">
                  <c:v>43280</c:v>
                </c:pt>
                <c:pt idx="511">
                  <c:v>43283</c:v>
                </c:pt>
                <c:pt idx="512">
                  <c:v>43284</c:v>
                </c:pt>
                <c:pt idx="513">
                  <c:v>43285</c:v>
                </c:pt>
                <c:pt idx="514">
                  <c:v>43286</c:v>
                </c:pt>
                <c:pt idx="515">
                  <c:v>43287</c:v>
                </c:pt>
                <c:pt idx="516">
                  <c:v>43290</c:v>
                </c:pt>
                <c:pt idx="517">
                  <c:v>43291</c:v>
                </c:pt>
                <c:pt idx="518">
                  <c:v>43292</c:v>
                </c:pt>
                <c:pt idx="519">
                  <c:v>43293</c:v>
                </c:pt>
                <c:pt idx="520">
                  <c:v>43294</c:v>
                </c:pt>
                <c:pt idx="521">
                  <c:v>43297</c:v>
                </c:pt>
                <c:pt idx="522">
                  <c:v>43298</c:v>
                </c:pt>
                <c:pt idx="523">
                  <c:v>43299</c:v>
                </c:pt>
                <c:pt idx="524">
                  <c:v>43300</c:v>
                </c:pt>
                <c:pt idx="525">
                  <c:v>43301</c:v>
                </c:pt>
                <c:pt idx="526">
                  <c:v>43304</c:v>
                </c:pt>
                <c:pt idx="527">
                  <c:v>43305</c:v>
                </c:pt>
                <c:pt idx="528">
                  <c:v>43306</c:v>
                </c:pt>
                <c:pt idx="529">
                  <c:v>43307</c:v>
                </c:pt>
                <c:pt idx="530">
                  <c:v>43308</c:v>
                </c:pt>
                <c:pt idx="531">
                  <c:v>43311</c:v>
                </c:pt>
                <c:pt idx="532">
                  <c:v>43312</c:v>
                </c:pt>
                <c:pt idx="533">
                  <c:v>43313</c:v>
                </c:pt>
                <c:pt idx="534">
                  <c:v>43314</c:v>
                </c:pt>
                <c:pt idx="535">
                  <c:v>43315</c:v>
                </c:pt>
                <c:pt idx="536">
                  <c:v>43318</c:v>
                </c:pt>
                <c:pt idx="537">
                  <c:v>43319</c:v>
                </c:pt>
                <c:pt idx="538">
                  <c:v>43320</c:v>
                </c:pt>
                <c:pt idx="539">
                  <c:v>43321</c:v>
                </c:pt>
                <c:pt idx="540">
                  <c:v>43322</c:v>
                </c:pt>
                <c:pt idx="541">
                  <c:v>43325</c:v>
                </c:pt>
                <c:pt idx="542">
                  <c:v>43326</c:v>
                </c:pt>
                <c:pt idx="543">
                  <c:v>43327</c:v>
                </c:pt>
                <c:pt idx="544">
                  <c:v>43328</c:v>
                </c:pt>
                <c:pt idx="545">
                  <c:v>43329</c:v>
                </c:pt>
                <c:pt idx="546">
                  <c:v>43332</c:v>
                </c:pt>
                <c:pt idx="547">
                  <c:v>43333</c:v>
                </c:pt>
                <c:pt idx="548">
                  <c:v>43334</c:v>
                </c:pt>
                <c:pt idx="549">
                  <c:v>43335</c:v>
                </c:pt>
                <c:pt idx="550">
                  <c:v>43336</c:v>
                </c:pt>
                <c:pt idx="551">
                  <c:v>43339</c:v>
                </c:pt>
                <c:pt idx="552">
                  <c:v>43340</c:v>
                </c:pt>
                <c:pt idx="553">
                  <c:v>43341</c:v>
                </c:pt>
                <c:pt idx="554">
                  <c:v>43342</c:v>
                </c:pt>
                <c:pt idx="555">
                  <c:v>43343</c:v>
                </c:pt>
                <c:pt idx="556">
                  <c:v>43346</c:v>
                </c:pt>
                <c:pt idx="557">
                  <c:v>43347</c:v>
                </c:pt>
                <c:pt idx="558">
                  <c:v>43348</c:v>
                </c:pt>
                <c:pt idx="559">
                  <c:v>43349</c:v>
                </c:pt>
                <c:pt idx="560">
                  <c:v>43353</c:v>
                </c:pt>
                <c:pt idx="561">
                  <c:v>43354</c:v>
                </c:pt>
                <c:pt idx="562">
                  <c:v>43355</c:v>
                </c:pt>
                <c:pt idx="563">
                  <c:v>43356</c:v>
                </c:pt>
                <c:pt idx="564">
                  <c:v>43357</c:v>
                </c:pt>
                <c:pt idx="565">
                  <c:v>43360</c:v>
                </c:pt>
                <c:pt idx="566">
                  <c:v>43361</c:v>
                </c:pt>
                <c:pt idx="567">
                  <c:v>43362</c:v>
                </c:pt>
                <c:pt idx="568">
                  <c:v>43363</c:v>
                </c:pt>
                <c:pt idx="569">
                  <c:v>43364</c:v>
                </c:pt>
                <c:pt idx="570">
                  <c:v>43367</c:v>
                </c:pt>
                <c:pt idx="571">
                  <c:v>43368</c:v>
                </c:pt>
                <c:pt idx="572">
                  <c:v>43369</c:v>
                </c:pt>
                <c:pt idx="573">
                  <c:v>43370</c:v>
                </c:pt>
                <c:pt idx="574">
                  <c:v>43371</c:v>
                </c:pt>
                <c:pt idx="575">
                  <c:v>43374</c:v>
                </c:pt>
                <c:pt idx="576">
                  <c:v>43375</c:v>
                </c:pt>
                <c:pt idx="577">
                  <c:v>43376</c:v>
                </c:pt>
                <c:pt idx="578">
                  <c:v>43377</c:v>
                </c:pt>
                <c:pt idx="579">
                  <c:v>43378</c:v>
                </c:pt>
                <c:pt idx="580">
                  <c:v>43381</c:v>
                </c:pt>
                <c:pt idx="581">
                  <c:v>43382</c:v>
                </c:pt>
                <c:pt idx="582">
                  <c:v>43383</c:v>
                </c:pt>
                <c:pt idx="583">
                  <c:v>43384</c:v>
                </c:pt>
                <c:pt idx="584">
                  <c:v>43388</c:v>
                </c:pt>
                <c:pt idx="585">
                  <c:v>43389</c:v>
                </c:pt>
                <c:pt idx="586">
                  <c:v>43390</c:v>
                </c:pt>
                <c:pt idx="587">
                  <c:v>43391</c:v>
                </c:pt>
                <c:pt idx="588">
                  <c:v>43392</c:v>
                </c:pt>
                <c:pt idx="589">
                  <c:v>43395</c:v>
                </c:pt>
                <c:pt idx="590">
                  <c:v>43396</c:v>
                </c:pt>
                <c:pt idx="591">
                  <c:v>43397</c:v>
                </c:pt>
                <c:pt idx="592">
                  <c:v>43398</c:v>
                </c:pt>
                <c:pt idx="593">
                  <c:v>43399</c:v>
                </c:pt>
                <c:pt idx="594">
                  <c:v>43402</c:v>
                </c:pt>
                <c:pt idx="595">
                  <c:v>43403</c:v>
                </c:pt>
                <c:pt idx="596">
                  <c:v>43404</c:v>
                </c:pt>
                <c:pt idx="597">
                  <c:v>43405</c:v>
                </c:pt>
                <c:pt idx="598">
                  <c:v>43409</c:v>
                </c:pt>
                <c:pt idx="599">
                  <c:v>43410</c:v>
                </c:pt>
                <c:pt idx="600">
                  <c:v>43411</c:v>
                </c:pt>
                <c:pt idx="601">
                  <c:v>43412</c:v>
                </c:pt>
                <c:pt idx="602">
                  <c:v>43413</c:v>
                </c:pt>
                <c:pt idx="603">
                  <c:v>43416</c:v>
                </c:pt>
                <c:pt idx="604">
                  <c:v>43417</c:v>
                </c:pt>
                <c:pt idx="605">
                  <c:v>43418</c:v>
                </c:pt>
                <c:pt idx="606">
                  <c:v>43420</c:v>
                </c:pt>
                <c:pt idx="607">
                  <c:v>43423</c:v>
                </c:pt>
                <c:pt idx="608">
                  <c:v>43424</c:v>
                </c:pt>
                <c:pt idx="609">
                  <c:v>43425</c:v>
                </c:pt>
                <c:pt idx="610">
                  <c:v>43426</c:v>
                </c:pt>
                <c:pt idx="611">
                  <c:v>43427</c:v>
                </c:pt>
                <c:pt idx="612">
                  <c:v>43430</c:v>
                </c:pt>
                <c:pt idx="613">
                  <c:v>43431</c:v>
                </c:pt>
                <c:pt idx="614">
                  <c:v>43432</c:v>
                </c:pt>
                <c:pt idx="615">
                  <c:v>43433</c:v>
                </c:pt>
                <c:pt idx="616">
                  <c:v>43434</c:v>
                </c:pt>
                <c:pt idx="617">
                  <c:v>43437</c:v>
                </c:pt>
                <c:pt idx="618">
                  <c:v>43438</c:v>
                </c:pt>
                <c:pt idx="619">
                  <c:v>43439</c:v>
                </c:pt>
                <c:pt idx="620">
                  <c:v>43440</c:v>
                </c:pt>
                <c:pt idx="621">
                  <c:v>43441</c:v>
                </c:pt>
                <c:pt idx="622">
                  <c:v>43444</c:v>
                </c:pt>
                <c:pt idx="623">
                  <c:v>43445</c:v>
                </c:pt>
                <c:pt idx="624">
                  <c:v>43446</c:v>
                </c:pt>
                <c:pt idx="625">
                  <c:v>43447</c:v>
                </c:pt>
                <c:pt idx="626">
                  <c:v>43448</c:v>
                </c:pt>
                <c:pt idx="627">
                  <c:v>43451</c:v>
                </c:pt>
                <c:pt idx="628">
                  <c:v>43452</c:v>
                </c:pt>
                <c:pt idx="629">
                  <c:v>43453</c:v>
                </c:pt>
                <c:pt idx="630">
                  <c:v>43454</c:v>
                </c:pt>
                <c:pt idx="631">
                  <c:v>43455</c:v>
                </c:pt>
                <c:pt idx="632">
                  <c:v>43458</c:v>
                </c:pt>
                <c:pt idx="633">
                  <c:v>43460</c:v>
                </c:pt>
                <c:pt idx="634">
                  <c:v>43461</c:v>
                </c:pt>
                <c:pt idx="635">
                  <c:v>43462</c:v>
                </c:pt>
                <c:pt idx="636">
                  <c:v>43465</c:v>
                </c:pt>
                <c:pt idx="637">
                  <c:v>43467</c:v>
                </c:pt>
                <c:pt idx="638">
                  <c:v>43468</c:v>
                </c:pt>
                <c:pt idx="639">
                  <c:v>43469</c:v>
                </c:pt>
                <c:pt idx="640">
                  <c:v>43472</c:v>
                </c:pt>
                <c:pt idx="641">
                  <c:v>43473</c:v>
                </c:pt>
                <c:pt idx="642">
                  <c:v>43474</c:v>
                </c:pt>
                <c:pt idx="643">
                  <c:v>43475</c:v>
                </c:pt>
                <c:pt idx="644">
                  <c:v>43476</c:v>
                </c:pt>
                <c:pt idx="645">
                  <c:v>43479</c:v>
                </c:pt>
                <c:pt idx="646">
                  <c:v>43480</c:v>
                </c:pt>
                <c:pt idx="647">
                  <c:v>43481</c:v>
                </c:pt>
                <c:pt idx="648">
                  <c:v>43482</c:v>
                </c:pt>
                <c:pt idx="649">
                  <c:v>43483</c:v>
                </c:pt>
                <c:pt idx="650">
                  <c:v>43486</c:v>
                </c:pt>
                <c:pt idx="651">
                  <c:v>43487</c:v>
                </c:pt>
                <c:pt idx="652">
                  <c:v>43488</c:v>
                </c:pt>
                <c:pt idx="653">
                  <c:v>43489</c:v>
                </c:pt>
                <c:pt idx="654">
                  <c:v>43490</c:v>
                </c:pt>
                <c:pt idx="655">
                  <c:v>43493</c:v>
                </c:pt>
                <c:pt idx="656">
                  <c:v>43494</c:v>
                </c:pt>
                <c:pt idx="657">
                  <c:v>43495</c:v>
                </c:pt>
                <c:pt idx="658">
                  <c:v>43496</c:v>
                </c:pt>
                <c:pt idx="659">
                  <c:v>43497</c:v>
                </c:pt>
                <c:pt idx="660">
                  <c:v>43500</c:v>
                </c:pt>
                <c:pt idx="661">
                  <c:v>43501</c:v>
                </c:pt>
                <c:pt idx="662">
                  <c:v>43502</c:v>
                </c:pt>
                <c:pt idx="663">
                  <c:v>43503</c:v>
                </c:pt>
                <c:pt idx="664">
                  <c:v>43504</c:v>
                </c:pt>
                <c:pt idx="665">
                  <c:v>43507</c:v>
                </c:pt>
                <c:pt idx="666">
                  <c:v>43508</c:v>
                </c:pt>
                <c:pt idx="667">
                  <c:v>43509</c:v>
                </c:pt>
                <c:pt idx="668">
                  <c:v>43510</c:v>
                </c:pt>
                <c:pt idx="669">
                  <c:v>43511</c:v>
                </c:pt>
                <c:pt idx="670">
                  <c:v>43514</c:v>
                </c:pt>
                <c:pt idx="671">
                  <c:v>43515</c:v>
                </c:pt>
                <c:pt idx="672">
                  <c:v>43516</c:v>
                </c:pt>
                <c:pt idx="673">
                  <c:v>43517</c:v>
                </c:pt>
                <c:pt idx="674">
                  <c:v>43518</c:v>
                </c:pt>
                <c:pt idx="675">
                  <c:v>43521</c:v>
                </c:pt>
                <c:pt idx="676">
                  <c:v>43522</c:v>
                </c:pt>
                <c:pt idx="677">
                  <c:v>43523</c:v>
                </c:pt>
                <c:pt idx="678">
                  <c:v>43524</c:v>
                </c:pt>
                <c:pt idx="679">
                  <c:v>43525</c:v>
                </c:pt>
                <c:pt idx="680">
                  <c:v>43530</c:v>
                </c:pt>
                <c:pt idx="681">
                  <c:v>43531</c:v>
                </c:pt>
                <c:pt idx="682">
                  <c:v>43532</c:v>
                </c:pt>
                <c:pt idx="683">
                  <c:v>43535</c:v>
                </c:pt>
                <c:pt idx="684">
                  <c:v>43536</c:v>
                </c:pt>
                <c:pt idx="685">
                  <c:v>43537</c:v>
                </c:pt>
                <c:pt idx="686">
                  <c:v>43538</c:v>
                </c:pt>
                <c:pt idx="687">
                  <c:v>43539</c:v>
                </c:pt>
                <c:pt idx="688">
                  <c:v>43542</c:v>
                </c:pt>
                <c:pt idx="689">
                  <c:v>43543</c:v>
                </c:pt>
                <c:pt idx="690">
                  <c:v>43544</c:v>
                </c:pt>
                <c:pt idx="691">
                  <c:v>43545</c:v>
                </c:pt>
                <c:pt idx="692">
                  <c:v>43546</c:v>
                </c:pt>
                <c:pt idx="693">
                  <c:v>43549</c:v>
                </c:pt>
                <c:pt idx="694">
                  <c:v>43550</c:v>
                </c:pt>
                <c:pt idx="695">
                  <c:v>43551</c:v>
                </c:pt>
                <c:pt idx="696">
                  <c:v>43552</c:v>
                </c:pt>
                <c:pt idx="697">
                  <c:v>43553</c:v>
                </c:pt>
                <c:pt idx="698">
                  <c:v>43556</c:v>
                </c:pt>
                <c:pt idx="699">
                  <c:v>43557</c:v>
                </c:pt>
                <c:pt idx="700">
                  <c:v>43558</c:v>
                </c:pt>
                <c:pt idx="701">
                  <c:v>43559</c:v>
                </c:pt>
                <c:pt idx="702">
                  <c:v>43560</c:v>
                </c:pt>
                <c:pt idx="703">
                  <c:v>43563</c:v>
                </c:pt>
                <c:pt idx="704">
                  <c:v>43564</c:v>
                </c:pt>
                <c:pt idx="705">
                  <c:v>43565</c:v>
                </c:pt>
                <c:pt idx="706">
                  <c:v>43566</c:v>
                </c:pt>
                <c:pt idx="707">
                  <c:v>43567</c:v>
                </c:pt>
                <c:pt idx="708">
                  <c:v>43570</c:v>
                </c:pt>
                <c:pt idx="709">
                  <c:v>43571</c:v>
                </c:pt>
                <c:pt idx="710">
                  <c:v>43572</c:v>
                </c:pt>
                <c:pt idx="711">
                  <c:v>43573</c:v>
                </c:pt>
                <c:pt idx="712">
                  <c:v>43577</c:v>
                </c:pt>
                <c:pt idx="713">
                  <c:v>43578</c:v>
                </c:pt>
                <c:pt idx="714">
                  <c:v>43579</c:v>
                </c:pt>
                <c:pt idx="715">
                  <c:v>43580</c:v>
                </c:pt>
                <c:pt idx="716">
                  <c:v>43581</c:v>
                </c:pt>
                <c:pt idx="717">
                  <c:v>43584</c:v>
                </c:pt>
                <c:pt idx="718">
                  <c:v>43585</c:v>
                </c:pt>
                <c:pt idx="719">
                  <c:v>43587</c:v>
                </c:pt>
                <c:pt idx="720">
                  <c:v>43588</c:v>
                </c:pt>
                <c:pt idx="721">
                  <c:v>43591</c:v>
                </c:pt>
                <c:pt idx="722">
                  <c:v>43592</c:v>
                </c:pt>
                <c:pt idx="723">
                  <c:v>43593</c:v>
                </c:pt>
                <c:pt idx="724">
                  <c:v>43594</c:v>
                </c:pt>
                <c:pt idx="725">
                  <c:v>43595</c:v>
                </c:pt>
                <c:pt idx="726">
                  <c:v>43598</c:v>
                </c:pt>
                <c:pt idx="727">
                  <c:v>43599</c:v>
                </c:pt>
                <c:pt idx="728">
                  <c:v>43600</c:v>
                </c:pt>
                <c:pt idx="729">
                  <c:v>43601</c:v>
                </c:pt>
                <c:pt idx="730">
                  <c:v>43602</c:v>
                </c:pt>
                <c:pt idx="731">
                  <c:v>43605</c:v>
                </c:pt>
                <c:pt idx="732">
                  <c:v>43606</c:v>
                </c:pt>
                <c:pt idx="733">
                  <c:v>43607</c:v>
                </c:pt>
                <c:pt idx="734">
                  <c:v>43608</c:v>
                </c:pt>
                <c:pt idx="735">
                  <c:v>43609</c:v>
                </c:pt>
                <c:pt idx="736">
                  <c:v>43612</c:v>
                </c:pt>
                <c:pt idx="737">
                  <c:v>43613</c:v>
                </c:pt>
                <c:pt idx="738">
                  <c:v>43614</c:v>
                </c:pt>
                <c:pt idx="739">
                  <c:v>43615</c:v>
                </c:pt>
                <c:pt idx="740">
                  <c:v>43616</c:v>
                </c:pt>
              </c:numCache>
            </c:numRef>
          </c:cat>
          <c:val>
            <c:numRef>
              <c:f>'[DadosIndustria48.xlsx]Quantum Axis'!$E$2:$E$742</c:f>
              <c:numCache>
                <c:formatCode>0%</c:formatCode>
                <c:ptCount val="741"/>
                <c:pt idx="0">
                  <c:v>0</c:v>
                </c:pt>
                <c:pt idx="1">
                  <c:v>3.1329999999996083E-4</c:v>
                </c:pt>
                <c:pt idx="2">
                  <c:v>4.1169999999990381E-4</c:v>
                </c:pt>
                <c:pt idx="3">
                  <c:v>1.6605000000000647E-3</c:v>
                </c:pt>
                <c:pt idx="4">
                  <c:v>1.5458999999999889E-3</c:v>
                </c:pt>
                <c:pt idx="5">
                  <c:v>2.4868000000000112E-3</c:v>
                </c:pt>
                <c:pt idx="6">
                  <c:v>2.9954000000000924E-3</c:v>
                </c:pt>
                <c:pt idx="7">
                  <c:v>5.1190000000000957E-3</c:v>
                </c:pt>
                <c:pt idx="8">
                  <c:v>4.8524999999999263E-3</c:v>
                </c:pt>
                <c:pt idx="9">
                  <c:v>3.5411000000000747E-3</c:v>
                </c:pt>
                <c:pt idx="10">
                  <c:v>3.5742999999999192E-3</c:v>
                </c:pt>
                <c:pt idx="11">
                  <c:v>5.2531000000000105E-3</c:v>
                </c:pt>
                <c:pt idx="12">
                  <c:v>5.615900000000007E-3</c:v>
                </c:pt>
                <c:pt idx="13">
                  <c:v>5.3153999999999701E-3</c:v>
                </c:pt>
                <c:pt idx="14">
                  <c:v>5.1377999999999702E-3</c:v>
                </c:pt>
                <c:pt idx="15">
                  <c:v>5.7612000000000219E-3</c:v>
                </c:pt>
                <c:pt idx="16">
                  <c:v>7.5686999999999838E-3</c:v>
                </c:pt>
                <c:pt idx="17">
                  <c:v>8.4740000000000926E-3</c:v>
                </c:pt>
                <c:pt idx="18">
                  <c:v>8.4982000000000113E-3</c:v>
                </c:pt>
                <c:pt idx="19">
                  <c:v>9.3438999999999606E-3</c:v>
                </c:pt>
                <c:pt idx="20">
                  <c:v>1.0503300000000104E-2</c:v>
                </c:pt>
                <c:pt idx="21">
                  <c:v>1.0958999999999941E-2</c:v>
                </c:pt>
                <c:pt idx="22">
                  <c:v>1.1736100000000027E-2</c:v>
                </c:pt>
                <c:pt idx="23">
                  <c:v>1.1475300000000077E-2</c:v>
                </c:pt>
                <c:pt idx="24">
                  <c:v>1.1685500000000015E-2</c:v>
                </c:pt>
                <c:pt idx="25">
                  <c:v>1.1149000000000076E-2</c:v>
                </c:pt>
                <c:pt idx="26">
                  <c:v>1.120359999999998E-2</c:v>
                </c:pt>
                <c:pt idx="27">
                  <c:v>1.1144000000000043E-2</c:v>
                </c:pt>
                <c:pt idx="28">
                  <c:v>1.2335200000000102E-2</c:v>
                </c:pt>
                <c:pt idx="29">
                  <c:v>1.3183900000000026E-2</c:v>
                </c:pt>
                <c:pt idx="30">
                  <c:v>1.3117000000000045E-2</c:v>
                </c:pt>
                <c:pt idx="31">
                  <c:v>1.4264599999999961E-2</c:v>
                </c:pt>
                <c:pt idx="32">
                  <c:v>1.5578700000000056E-2</c:v>
                </c:pt>
                <c:pt idx="33">
                  <c:v>1.5320699999999965E-2</c:v>
                </c:pt>
                <c:pt idx="34">
                  <c:v>1.5700100000000106E-2</c:v>
                </c:pt>
                <c:pt idx="35">
                  <c:v>1.7414400000000052E-2</c:v>
                </c:pt>
                <c:pt idx="36">
                  <c:v>1.9991300000000045E-2</c:v>
                </c:pt>
                <c:pt idx="37">
                  <c:v>1.9813300000000034E-2</c:v>
                </c:pt>
                <c:pt idx="38">
                  <c:v>2.1516400000000102E-2</c:v>
                </c:pt>
                <c:pt idx="39">
                  <c:v>2.2145199999999976E-2</c:v>
                </c:pt>
                <c:pt idx="40">
                  <c:v>2.2855400000000081E-2</c:v>
                </c:pt>
                <c:pt idx="41">
                  <c:v>2.3282299999999978E-2</c:v>
                </c:pt>
                <c:pt idx="42">
                  <c:v>2.3293000000000008E-2</c:v>
                </c:pt>
                <c:pt idx="43">
                  <c:v>2.2959299999999905E-2</c:v>
                </c:pt>
                <c:pt idx="44">
                  <c:v>2.3314099999999893E-2</c:v>
                </c:pt>
                <c:pt idx="45">
                  <c:v>2.279169999999997E-2</c:v>
                </c:pt>
                <c:pt idx="46">
                  <c:v>2.4494500000000086E-2</c:v>
                </c:pt>
                <c:pt idx="47">
                  <c:v>2.4688299999999996E-2</c:v>
                </c:pt>
                <c:pt idx="48">
                  <c:v>2.5487500000000107E-2</c:v>
                </c:pt>
                <c:pt idx="49">
                  <c:v>2.5362399999999896E-2</c:v>
                </c:pt>
                <c:pt idx="50">
                  <c:v>2.5308499999999956E-2</c:v>
                </c:pt>
                <c:pt idx="51">
                  <c:v>2.4622700000000108E-2</c:v>
                </c:pt>
                <c:pt idx="52">
                  <c:v>2.5204000000000004E-2</c:v>
                </c:pt>
                <c:pt idx="53">
                  <c:v>2.5768000000000013E-2</c:v>
                </c:pt>
                <c:pt idx="54">
                  <c:v>2.7291000000000176E-2</c:v>
                </c:pt>
                <c:pt idx="55">
                  <c:v>2.9931300000000327E-2</c:v>
                </c:pt>
                <c:pt idx="56">
                  <c:v>3.1114100000000144E-2</c:v>
                </c:pt>
                <c:pt idx="57">
                  <c:v>3.1124000000000152E-2</c:v>
                </c:pt>
                <c:pt idx="58">
                  <c:v>3.2577800000000323E-2</c:v>
                </c:pt>
                <c:pt idx="59">
                  <c:v>3.3168500000000156E-2</c:v>
                </c:pt>
                <c:pt idx="60">
                  <c:v>3.2282800000000167E-2</c:v>
                </c:pt>
                <c:pt idx="61">
                  <c:v>3.3609500000000292E-2</c:v>
                </c:pt>
                <c:pt idx="62">
                  <c:v>3.2544000000000128E-2</c:v>
                </c:pt>
                <c:pt idx="63">
                  <c:v>3.358820000000029E-2</c:v>
                </c:pt>
                <c:pt idx="64">
                  <c:v>3.4587000000000145E-2</c:v>
                </c:pt>
                <c:pt idx="65">
                  <c:v>3.5725199999999901E-2</c:v>
                </c:pt>
                <c:pt idx="66">
                  <c:v>3.6362599999999912E-2</c:v>
                </c:pt>
                <c:pt idx="67">
                  <c:v>3.718189999999999E-2</c:v>
                </c:pt>
                <c:pt idx="68">
                  <c:v>3.9352999999999971E-2</c:v>
                </c:pt>
                <c:pt idx="69">
                  <c:v>4.1352300000000008E-2</c:v>
                </c:pt>
                <c:pt idx="70">
                  <c:v>4.200219999999999E-2</c:v>
                </c:pt>
                <c:pt idx="71">
                  <c:v>4.2201799999999956E-2</c:v>
                </c:pt>
                <c:pt idx="72">
                  <c:v>4.3987699999999963E-2</c:v>
                </c:pt>
                <c:pt idx="73">
                  <c:v>4.4436099999999978E-2</c:v>
                </c:pt>
                <c:pt idx="74">
                  <c:v>4.3840399999999891E-2</c:v>
                </c:pt>
                <c:pt idx="75">
                  <c:v>4.4238299999999953E-2</c:v>
                </c:pt>
                <c:pt idx="76">
                  <c:v>4.7507799999999989E-2</c:v>
                </c:pt>
                <c:pt idx="77">
                  <c:v>4.6813699999999958E-2</c:v>
                </c:pt>
                <c:pt idx="78">
                  <c:v>4.9094799999999994E-2</c:v>
                </c:pt>
                <c:pt idx="79">
                  <c:v>4.98672E-2</c:v>
                </c:pt>
                <c:pt idx="80">
                  <c:v>5.1625599999999938E-2</c:v>
                </c:pt>
                <c:pt idx="81">
                  <c:v>5.1841299999999979E-2</c:v>
                </c:pt>
                <c:pt idx="82">
                  <c:v>5.1695199999999941E-2</c:v>
                </c:pt>
                <c:pt idx="83">
                  <c:v>5.2726400000000284E-2</c:v>
                </c:pt>
                <c:pt idx="84">
                  <c:v>5.3096700000000219E-2</c:v>
                </c:pt>
                <c:pt idx="85">
                  <c:v>5.360010000000015E-2</c:v>
                </c:pt>
                <c:pt idx="86">
                  <c:v>5.4580600000000201E-2</c:v>
                </c:pt>
                <c:pt idx="87">
                  <c:v>5.5881800000000315E-2</c:v>
                </c:pt>
                <c:pt idx="88">
                  <c:v>5.6184500000000304E-2</c:v>
                </c:pt>
                <c:pt idx="89">
                  <c:v>5.4718100000000325E-2</c:v>
                </c:pt>
                <c:pt idx="90">
                  <c:v>5.5104300000000217E-2</c:v>
                </c:pt>
                <c:pt idx="91">
                  <c:v>5.436120000000022E-2</c:v>
                </c:pt>
                <c:pt idx="92">
                  <c:v>5.472530000000031E-2</c:v>
                </c:pt>
                <c:pt idx="93">
                  <c:v>5.4481700000000188E-2</c:v>
                </c:pt>
                <c:pt idx="94">
                  <c:v>5.5095300000000291E-2</c:v>
                </c:pt>
                <c:pt idx="95">
                  <c:v>5.624970000000018E-2</c:v>
                </c:pt>
                <c:pt idx="96">
                  <c:v>5.4420000000000135E-2</c:v>
                </c:pt>
                <c:pt idx="97">
                  <c:v>5.4565700000000161E-2</c:v>
                </c:pt>
                <c:pt idx="98">
                  <c:v>5.6196100000000193E-2</c:v>
                </c:pt>
                <c:pt idx="99">
                  <c:v>5.8419300000000174E-2</c:v>
                </c:pt>
                <c:pt idx="100">
                  <c:v>5.9340200000000287E-2</c:v>
                </c:pt>
                <c:pt idx="101">
                  <c:v>5.6515400000000326E-2</c:v>
                </c:pt>
                <c:pt idx="102">
                  <c:v>4.8847900000000166E-2</c:v>
                </c:pt>
                <c:pt idx="103">
                  <c:v>4.6895900000000212E-2</c:v>
                </c:pt>
                <c:pt idx="104">
                  <c:v>3.7293800000000266E-2</c:v>
                </c:pt>
                <c:pt idx="105">
                  <c:v>4.3816000000000299E-2</c:v>
                </c:pt>
                <c:pt idx="106">
                  <c:v>4.3761200000000278E-2</c:v>
                </c:pt>
                <c:pt idx="107">
                  <c:v>4.535760000000022E-2</c:v>
                </c:pt>
                <c:pt idx="108">
                  <c:v>5.2623800000000331E-2</c:v>
                </c:pt>
                <c:pt idx="109">
                  <c:v>5.3561700000000156E-2</c:v>
                </c:pt>
                <c:pt idx="110">
                  <c:v>5.354020000000026E-2</c:v>
                </c:pt>
                <c:pt idx="111">
                  <c:v>5.3772300000000328E-2</c:v>
                </c:pt>
                <c:pt idx="112">
                  <c:v>5.192090000000027E-2</c:v>
                </c:pt>
                <c:pt idx="113">
                  <c:v>5.4353600000000224E-2</c:v>
                </c:pt>
                <c:pt idx="114">
                  <c:v>5.5901100000000259E-2</c:v>
                </c:pt>
                <c:pt idx="115">
                  <c:v>5.781510000000023E-2</c:v>
                </c:pt>
                <c:pt idx="116">
                  <c:v>4.8768000000000145E-2</c:v>
                </c:pt>
                <c:pt idx="117">
                  <c:v>4.8148800000000325E-2</c:v>
                </c:pt>
                <c:pt idx="118">
                  <c:v>5.4653300000000238E-2</c:v>
                </c:pt>
                <c:pt idx="119">
                  <c:v>5.482940000000025E-2</c:v>
                </c:pt>
                <c:pt idx="120">
                  <c:v>5.7186700000000146E-2</c:v>
                </c:pt>
                <c:pt idx="121">
                  <c:v>6.0563600000000273E-2</c:v>
                </c:pt>
                <c:pt idx="122">
                  <c:v>6.1153400000000246E-2</c:v>
                </c:pt>
                <c:pt idx="123">
                  <c:v>6.1736900000000317E-2</c:v>
                </c:pt>
                <c:pt idx="124">
                  <c:v>6.134900000000032E-2</c:v>
                </c:pt>
                <c:pt idx="125">
                  <c:v>6.2105800000000322E-2</c:v>
                </c:pt>
                <c:pt idx="126">
                  <c:v>6.3287900000000175E-2</c:v>
                </c:pt>
                <c:pt idx="127">
                  <c:v>6.4707200000000187E-2</c:v>
                </c:pt>
                <c:pt idx="128">
                  <c:v>6.6298600000000318E-2</c:v>
                </c:pt>
                <c:pt idx="129">
                  <c:v>6.7385100000000309E-2</c:v>
                </c:pt>
                <c:pt idx="130">
                  <c:v>7.1383100000000255E-2</c:v>
                </c:pt>
                <c:pt idx="131">
                  <c:v>7.2346000000000243E-2</c:v>
                </c:pt>
                <c:pt idx="132">
                  <c:v>7.2690500000000435E-2</c:v>
                </c:pt>
                <c:pt idx="133">
                  <c:v>7.3755700000000424E-2</c:v>
                </c:pt>
                <c:pt idx="134">
                  <c:v>7.4386100000000344E-2</c:v>
                </c:pt>
                <c:pt idx="135">
                  <c:v>7.4917600000000473E-2</c:v>
                </c:pt>
                <c:pt idx="136">
                  <c:v>7.5356200000000539E-2</c:v>
                </c:pt>
                <c:pt idx="137">
                  <c:v>7.5863500000000528E-2</c:v>
                </c:pt>
                <c:pt idx="138">
                  <c:v>7.9134600000000388E-2</c:v>
                </c:pt>
                <c:pt idx="139">
                  <c:v>7.9433600000000437E-2</c:v>
                </c:pt>
                <c:pt idx="140">
                  <c:v>7.8494600000000414E-2</c:v>
                </c:pt>
                <c:pt idx="141">
                  <c:v>8.0512700000000548E-2</c:v>
                </c:pt>
                <c:pt idx="142">
                  <c:v>8.0463400000000407E-2</c:v>
                </c:pt>
                <c:pt idx="143">
                  <c:v>8.1028500000000392E-2</c:v>
                </c:pt>
                <c:pt idx="144">
                  <c:v>8.2515500000000408E-2</c:v>
                </c:pt>
                <c:pt idx="145">
                  <c:v>8.2464200000000432E-2</c:v>
                </c:pt>
                <c:pt idx="146">
                  <c:v>8.9056300000000643E-2</c:v>
                </c:pt>
                <c:pt idx="147">
                  <c:v>8.9017900000000649E-2</c:v>
                </c:pt>
                <c:pt idx="148">
                  <c:v>9.0513200000000626E-2</c:v>
                </c:pt>
                <c:pt idx="149">
                  <c:v>9.0264000000000566E-2</c:v>
                </c:pt>
                <c:pt idx="150">
                  <c:v>8.9615700000000631E-2</c:v>
                </c:pt>
                <c:pt idx="151">
                  <c:v>9.2740800000000734E-2</c:v>
                </c:pt>
                <c:pt idx="152">
                  <c:v>9.4549700000000625E-2</c:v>
                </c:pt>
                <c:pt idx="153">
                  <c:v>9.3327000000000604E-2</c:v>
                </c:pt>
                <c:pt idx="154">
                  <c:v>9.3817500000000775E-2</c:v>
                </c:pt>
                <c:pt idx="155">
                  <c:v>9.4315000000000593E-2</c:v>
                </c:pt>
                <c:pt idx="156">
                  <c:v>9.2569300000000743E-2</c:v>
                </c:pt>
                <c:pt idx="157">
                  <c:v>9.4964000000000492E-2</c:v>
                </c:pt>
                <c:pt idx="158">
                  <c:v>9.3602900000000488E-2</c:v>
                </c:pt>
                <c:pt idx="159">
                  <c:v>9.5251200000000535E-2</c:v>
                </c:pt>
                <c:pt idx="160">
                  <c:v>9.6195800000000498E-2</c:v>
                </c:pt>
                <c:pt idx="161">
                  <c:v>9.7507900000000314E-2</c:v>
                </c:pt>
                <c:pt idx="162">
                  <c:v>0.10018300000000013</c:v>
                </c:pt>
                <c:pt idx="163">
                  <c:v>0.10138040000000026</c:v>
                </c:pt>
                <c:pt idx="164">
                  <c:v>0.10386820000000019</c:v>
                </c:pt>
                <c:pt idx="165">
                  <c:v>0.10550380000000015</c:v>
                </c:pt>
                <c:pt idx="166">
                  <c:v>0.10619910000000021</c:v>
                </c:pt>
                <c:pt idx="167">
                  <c:v>0.10758650000000025</c:v>
                </c:pt>
                <c:pt idx="168">
                  <c:v>0.10861430000000016</c:v>
                </c:pt>
                <c:pt idx="169">
                  <c:v>0.10910479999999989</c:v>
                </c:pt>
                <c:pt idx="170">
                  <c:v>0.10958810000000008</c:v>
                </c:pt>
                <c:pt idx="171">
                  <c:v>0.10681019999999997</c:v>
                </c:pt>
                <c:pt idx="172">
                  <c:v>0.10886320000000005</c:v>
                </c:pt>
                <c:pt idx="173">
                  <c:v>0.10941559999999995</c:v>
                </c:pt>
                <c:pt idx="174">
                  <c:v>0.11116250000000005</c:v>
                </c:pt>
                <c:pt idx="175">
                  <c:v>0.11224049999999997</c:v>
                </c:pt>
                <c:pt idx="176">
                  <c:v>0.11634070000000007</c:v>
                </c:pt>
                <c:pt idx="177">
                  <c:v>0.11449759999999998</c:v>
                </c:pt>
                <c:pt idx="178">
                  <c:v>0.11851370000000006</c:v>
                </c:pt>
                <c:pt idx="179">
                  <c:v>0.1161852000000001</c:v>
                </c:pt>
                <c:pt idx="180">
                  <c:v>0.11982340000000002</c:v>
                </c:pt>
                <c:pt idx="181">
                  <c:v>0.1209403</c:v>
                </c:pt>
                <c:pt idx="182">
                  <c:v>0.12047619999999992</c:v>
                </c:pt>
                <c:pt idx="183">
                  <c:v>0.11815400000000009</c:v>
                </c:pt>
                <c:pt idx="184">
                  <c:v>0.11621339999999991</c:v>
                </c:pt>
                <c:pt idx="185">
                  <c:v>0.1227225999999999</c:v>
                </c:pt>
                <c:pt idx="186">
                  <c:v>0.123672</c:v>
                </c:pt>
                <c:pt idx="187">
                  <c:v>0.12030950000000007</c:v>
                </c:pt>
                <c:pt idx="188">
                  <c:v>0.12377820000000006</c:v>
                </c:pt>
                <c:pt idx="189">
                  <c:v>0.12335300000000005</c:v>
                </c:pt>
                <c:pt idx="190">
                  <c:v>0.12465520000000008</c:v>
                </c:pt>
                <c:pt idx="191">
                  <c:v>0.12532450000000028</c:v>
                </c:pt>
                <c:pt idx="192">
                  <c:v>0.12678880000000015</c:v>
                </c:pt>
                <c:pt idx="193">
                  <c:v>0.12581020000000032</c:v>
                </c:pt>
                <c:pt idx="194">
                  <c:v>0.12457760000000029</c:v>
                </c:pt>
                <c:pt idx="195">
                  <c:v>0.12783150000000032</c:v>
                </c:pt>
                <c:pt idx="196">
                  <c:v>0.12836940000000019</c:v>
                </c:pt>
                <c:pt idx="197">
                  <c:v>0.12779360000000017</c:v>
                </c:pt>
                <c:pt idx="198">
                  <c:v>0.12911560000000022</c:v>
                </c:pt>
                <c:pt idx="199">
                  <c:v>0.12856150000000022</c:v>
                </c:pt>
                <c:pt idx="200">
                  <c:v>0.12894870000000025</c:v>
                </c:pt>
                <c:pt idx="201">
                  <c:v>0.1305894000000003</c:v>
                </c:pt>
                <c:pt idx="202">
                  <c:v>0.13193460000000012</c:v>
                </c:pt>
                <c:pt idx="203">
                  <c:v>0.13156610000000013</c:v>
                </c:pt>
                <c:pt idx="204">
                  <c:v>0.12891330000000023</c:v>
                </c:pt>
                <c:pt idx="205">
                  <c:v>0.13032590000000033</c:v>
                </c:pt>
                <c:pt idx="206">
                  <c:v>0.13231720000000013</c:v>
                </c:pt>
                <c:pt idx="207">
                  <c:v>0.13258070000000033</c:v>
                </c:pt>
                <c:pt idx="208">
                  <c:v>0.13242810000000027</c:v>
                </c:pt>
                <c:pt idx="209">
                  <c:v>0.13228000000000018</c:v>
                </c:pt>
                <c:pt idx="210">
                  <c:v>0.13322920000000016</c:v>
                </c:pt>
                <c:pt idx="211">
                  <c:v>0.13465190000000016</c:v>
                </c:pt>
                <c:pt idx="212">
                  <c:v>0.13474850000000038</c:v>
                </c:pt>
                <c:pt idx="213">
                  <c:v>0.13464110000000051</c:v>
                </c:pt>
                <c:pt idx="214">
                  <c:v>0.13533230000000041</c:v>
                </c:pt>
                <c:pt idx="215">
                  <c:v>0.13349480000000047</c:v>
                </c:pt>
                <c:pt idx="216">
                  <c:v>0.13389940000000045</c:v>
                </c:pt>
                <c:pt idx="217">
                  <c:v>0.13404600000000055</c:v>
                </c:pt>
                <c:pt idx="218">
                  <c:v>0.13564630000000055</c:v>
                </c:pt>
                <c:pt idx="219">
                  <c:v>0.13731510000000013</c:v>
                </c:pt>
                <c:pt idx="220">
                  <c:v>0.1373017000000003</c:v>
                </c:pt>
                <c:pt idx="221">
                  <c:v>0.13658020000000026</c:v>
                </c:pt>
                <c:pt idx="222">
                  <c:v>0.13792550000000015</c:v>
                </c:pt>
                <c:pt idx="223">
                  <c:v>0.13861650000000014</c:v>
                </c:pt>
                <c:pt idx="224">
                  <c:v>0.14037670000000024</c:v>
                </c:pt>
                <c:pt idx="225">
                  <c:v>0.14233080000000031</c:v>
                </c:pt>
                <c:pt idx="226">
                  <c:v>0.14433120000000033</c:v>
                </c:pt>
                <c:pt idx="227">
                  <c:v>0.14589140000000023</c:v>
                </c:pt>
                <c:pt idx="228">
                  <c:v>0.14803460000000013</c:v>
                </c:pt>
                <c:pt idx="229">
                  <c:v>0.14900639999999998</c:v>
                </c:pt>
                <c:pt idx="230">
                  <c:v>0.14896149999999997</c:v>
                </c:pt>
                <c:pt idx="231">
                  <c:v>0.13150430000000002</c:v>
                </c:pt>
                <c:pt idx="232">
                  <c:v>0.13377930000000005</c:v>
                </c:pt>
                <c:pt idx="233">
                  <c:v>0.12894690000000009</c:v>
                </c:pt>
                <c:pt idx="234">
                  <c:v>0.13582329999999998</c:v>
                </c:pt>
                <c:pt idx="235">
                  <c:v>0.13989469999999993</c:v>
                </c:pt>
                <c:pt idx="236">
                  <c:v>0.14019200000000009</c:v>
                </c:pt>
                <c:pt idx="237">
                  <c:v>0.14433870000000004</c:v>
                </c:pt>
                <c:pt idx="238">
                  <c:v>0.14628350000000001</c:v>
                </c:pt>
                <c:pt idx="239">
                  <c:v>0.14507549999999991</c:v>
                </c:pt>
                <c:pt idx="240">
                  <c:v>0.14691769999999993</c:v>
                </c:pt>
                <c:pt idx="241">
                  <c:v>0.14418400000000009</c:v>
                </c:pt>
                <c:pt idx="242">
                  <c:v>0.14349659999999997</c:v>
                </c:pt>
                <c:pt idx="243">
                  <c:v>0.14372479999999999</c:v>
                </c:pt>
                <c:pt idx="244">
                  <c:v>0.14631189999999994</c:v>
                </c:pt>
                <c:pt idx="245">
                  <c:v>0.14639129999999989</c:v>
                </c:pt>
                <c:pt idx="246">
                  <c:v>0.14720690000000003</c:v>
                </c:pt>
                <c:pt idx="247">
                  <c:v>0.15045179999999969</c:v>
                </c:pt>
                <c:pt idx="248">
                  <c:v>0.15120519999999971</c:v>
                </c:pt>
                <c:pt idx="249">
                  <c:v>0.15065699999999982</c:v>
                </c:pt>
                <c:pt idx="250">
                  <c:v>0.15174469999999984</c:v>
                </c:pt>
                <c:pt idx="251">
                  <c:v>0.15344209999999969</c:v>
                </c:pt>
                <c:pt idx="252">
                  <c:v>0.15505459999999971</c:v>
                </c:pt>
                <c:pt idx="253">
                  <c:v>0.15455239999999981</c:v>
                </c:pt>
                <c:pt idx="254">
                  <c:v>0.15609099999999976</c:v>
                </c:pt>
                <c:pt idx="255">
                  <c:v>0.15633279999999972</c:v>
                </c:pt>
                <c:pt idx="256">
                  <c:v>0.15639749999999975</c:v>
                </c:pt>
                <c:pt idx="257">
                  <c:v>0.15662929999999986</c:v>
                </c:pt>
                <c:pt idx="258">
                  <c:v>0.15692889999999982</c:v>
                </c:pt>
                <c:pt idx="259">
                  <c:v>0.15779999999999972</c:v>
                </c:pt>
                <c:pt idx="260">
                  <c:v>0.15693219999999974</c:v>
                </c:pt>
                <c:pt idx="261">
                  <c:v>0.1579334999999995</c:v>
                </c:pt>
                <c:pt idx="262">
                  <c:v>0.15836309999999942</c:v>
                </c:pt>
                <c:pt idx="263">
                  <c:v>0.15918579999999927</c:v>
                </c:pt>
                <c:pt idx="264">
                  <c:v>0.15969349999999927</c:v>
                </c:pt>
                <c:pt idx="265">
                  <c:v>0.1606442999999993</c:v>
                </c:pt>
                <c:pt idx="266">
                  <c:v>0.16162219999999938</c:v>
                </c:pt>
                <c:pt idx="267">
                  <c:v>0.1618433999999993</c:v>
                </c:pt>
                <c:pt idx="268">
                  <c:v>0.16251809999999933</c:v>
                </c:pt>
                <c:pt idx="269">
                  <c:v>0.16351139999999931</c:v>
                </c:pt>
                <c:pt idx="270">
                  <c:v>0.16351189999999938</c:v>
                </c:pt>
                <c:pt idx="271">
                  <c:v>0.16422839999999939</c:v>
                </c:pt>
                <c:pt idx="272">
                  <c:v>0.16564399999999924</c:v>
                </c:pt>
                <c:pt idx="273">
                  <c:v>0.16630909999999965</c:v>
                </c:pt>
                <c:pt idx="274">
                  <c:v>0.16731569999999962</c:v>
                </c:pt>
                <c:pt idx="275">
                  <c:v>0.16790099999999963</c:v>
                </c:pt>
                <c:pt idx="276">
                  <c:v>0.16697299999999959</c:v>
                </c:pt>
                <c:pt idx="277">
                  <c:v>0.16742929999999978</c:v>
                </c:pt>
                <c:pt idx="278">
                  <c:v>0.1672946999999998</c:v>
                </c:pt>
                <c:pt idx="279">
                  <c:v>0.16783279999999978</c:v>
                </c:pt>
                <c:pt idx="280">
                  <c:v>0.1695281999999998</c:v>
                </c:pt>
                <c:pt idx="281">
                  <c:v>0.17060439999999977</c:v>
                </c:pt>
                <c:pt idx="282">
                  <c:v>0.17145029999999983</c:v>
                </c:pt>
                <c:pt idx="283">
                  <c:v>0.1729172000000001</c:v>
                </c:pt>
                <c:pt idx="284">
                  <c:v>0.17386020000000002</c:v>
                </c:pt>
                <c:pt idx="285">
                  <c:v>0.17503369999999996</c:v>
                </c:pt>
                <c:pt idx="286">
                  <c:v>0.1747993000000001</c:v>
                </c:pt>
                <c:pt idx="287">
                  <c:v>0.17442869999999999</c:v>
                </c:pt>
                <c:pt idx="288">
                  <c:v>0.1746238</c:v>
                </c:pt>
                <c:pt idx="289">
                  <c:v>0.17376750000000007</c:v>
                </c:pt>
                <c:pt idx="290">
                  <c:v>0.17331479999999999</c:v>
                </c:pt>
                <c:pt idx="291">
                  <c:v>0.17435040000000002</c:v>
                </c:pt>
                <c:pt idx="292">
                  <c:v>0.17473720000000004</c:v>
                </c:pt>
                <c:pt idx="293">
                  <c:v>0.17526010000000003</c:v>
                </c:pt>
                <c:pt idx="294">
                  <c:v>0.1762490000000001</c:v>
                </c:pt>
                <c:pt idx="295">
                  <c:v>0.1748076999999999</c:v>
                </c:pt>
                <c:pt idx="296">
                  <c:v>0.17606670000000002</c:v>
                </c:pt>
                <c:pt idx="297">
                  <c:v>0.17531119999999989</c:v>
                </c:pt>
                <c:pt idx="298">
                  <c:v>0.17614920000000001</c:v>
                </c:pt>
                <c:pt idx="299">
                  <c:v>0.179732</c:v>
                </c:pt>
                <c:pt idx="300">
                  <c:v>0.18184440000000013</c:v>
                </c:pt>
                <c:pt idx="301">
                  <c:v>0.18335160000000017</c:v>
                </c:pt>
                <c:pt idx="302">
                  <c:v>0.18320610000000026</c:v>
                </c:pt>
                <c:pt idx="303">
                  <c:v>0.18427990000000016</c:v>
                </c:pt>
                <c:pt idx="304">
                  <c:v>0.18545700000000021</c:v>
                </c:pt>
                <c:pt idx="305">
                  <c:v>0.18674130000000022</c:v>
                </c:pt>
                <c:pt idx="306">
                  <c:v>0.18661790000000011</c:v>
                </c:pt>
                <c:pt idx="307">
                  <c:v>0.18697460000000032</c:v>
                </c:pt>
                <c:pt idx="308">
                  <c:v>0.1889293000000003</c:v>
                </c:pt>
                <c:pt idx="309">
                  <c:v>0.19295500000000021</c:v>
                </c:pt>
                <c:pt idx="310">
                  <c:v>0.19316760000000022</c:v>
                </c:pt>
                <c:pt idx="311">
                  <c:v>0.19216080000000013</c:v>
                </c:pt>
                <c:pt idx="312">
                  <c:v>0.19264450000000033</c:v>
                </c:pt>
                <c:pt idx="313">
                  <c:v>0.19389610000000035</c:v>
                </c:pt>
                <c:pt idx="314">
                  <c:v>0.19598910000000047</c:v>
                </c:pt>
                <c:pt idx="315">
                  <c:v>0.19671320000000048</c:v>
                </c:pt>
                <c:pt idx="316">
                  <c:v>0.19832780000000039</c:v>
                </c:pt>
                <c:pt idx="317">
                  <c:v>0.20074340000000035</c:v>
                </c:pt>
                <c:pt idx="318">
                  <c:v>0.20212780000000041</c:v>
                </c:pt>
                <c:pt idx="319">
                  <c:v>0.20536920000000047</c:v>
                </c:pt>
                <c:pt idx="320">
                  <c:v>0.20567980000000041</c:v>
                </c:pt>
                <c:pt idx="321">
                  <c:v>0.20436390000000038</c:v>
                </c:pt>
                <c:pt idx="322">
                  <c:v>0.20639270000000054</c:v>
                </c:pt>
                <c:pt idx="323">
                  <c:v>0.20538870000000053</c:v>
                </c:pt>
                <c:pt idx="324">
                  <c:v>0.20522020000000052</c:v>
                </c:pt>
                <c:pt idx="325">
                  <c:v>0.20678400000000074</c:v>
                </c:pt>
                <c:pt idx="326">
                  <c:v>0.20753700000000075</c:v>
                </c:pt>
                <c:pt idx="327">
                  <c:v>0.20710310000000076</c:v>
                </c:pt>
                <c:pt idx="328">
                  <c:v>0.20593290000000075</c:v>
                </c:pt>
                <c:pt idx="329">
                  <c:v>0.20389040000000058</c:v>
                </c:pt>
                <c:pt idx="330">
                  <c:v>0.20382470000000064</c:v>
                </c:pt>
                <c:pt idx="331">
                  <c:v>0.20267990000000058</c:v>
                </c:pt>
                <c:pt idx="332">
                  <c:v>0.20482540000000071</c:v>
                </c:pt>
                <c:pt idx="333">
                  <c:v>0.20556220000000058</c:v>
                </c:pt>
                <c:pt idx="334">
                  <c:v>0.20595940000000068</c:v>
                </c:pt>
                <c:pt idx="335">
                  <c:v>0.20554160000000077</c:v>
                </c:pt>
                <c:pt idx="336">
                  <c:v>0.20542880000000063</c:v>
                </c:pt>
                <c:pt idx="337">
                  <c:v>0.20587170000000055</c:v>
                </c:pt>
                <c:pt idx="338">
                  <c:v>0.20702170000000031</c:v>
                </c:pt>
                <c:pt idx="339">
                  <c:v>0.20603900000000031</c:v>
                </c:pt>
                <c:pt idx="340">
                  <c:v>0.20557830000000021</c:v>
                </c:pt>
                <c:pt idx="341">
                  <c:v>0.20441420000000021</c:v>
                </c:pt>
                <c:pt idx="342">
                  <c:v>0.20636460000000012</c:v>
                </c:pt>
                <c:pt idx="343">
                  <c:v>0.20038420000000023</c:v>
                </c:pt>
                <c:pt idx="344">
                  <c:v>0.2022769000000002</c:v>
                </c:pt>
                <c:pt idx="345">
                  <c:v>0.2005644000000002</c:v>
                </c:pt>
                <c:pt idx="346">
                  <c:v>0.20294170000000022</c:v>
                </c:pt>
                <c:pt idx="347">
                  <c:v>0.2031067000000002</c:v>
                </c:pt>
                <c:pt idx="348">
                  <c:v>0.20225720000000025</c:v>
                </c:pt>
                <c:pt idx="349">
                  <c:v>0.20279990000000025</c:v>
                </c:pt>
                <c:pt idx="350">
                  <c:v>0.20194440000000013</c:v>
                </c:pt>
                <c:pt idx="351">
                  <c:v>0.20541420000000055</c:v>
                </c:pt>
                <c:pt idx="352">
                  <c:v>0.20376450000000035</c:v>
                </c:pt>
                <c:pt idx="353">
                  <c:v>0.2039148000000004</c:v>
                </c:pt>
                <c:pt idx="354">
                  <c:v>0.20617870000000038</c:v>
                </c:pt>
                <c:pt idx="355">
                  <c:v>0.20713630000000061</c:v>
                </c:pt>
                <c:pt idx="356">
                  <c:v>0.20772240000000064</c:v>
                </c:pt>
                <c:pt idx="357">
                  <c:v>0.20929430000000071</c:v>
                </c:pt>
                <c:pt idx="358">
                  <c:v>0.20962490000000056</c:v>
                </c:pt>
                <c:pt idx="359">
                  <c:v>0.21015280000000058</c:v>
                </c:pt>
                <c:pt idx="360">
                  <c:v>0.21095570000000063</c:v>
                </c:pt>
                <c:pt idx="361">
                  <c:v>0.21358340000000076</c:v>
                </c:pt>
                <c:pt idx="362">
                  <c:v>0.21414120000000092</c:v>
                </c:pt>
                <c:pt idx="363">
                  <c:v>0.21535150000000081</c:v>
                </c:pt>
                <c:pt idx="364">
                  <c:v>0.21667670000000094</c:v>
                </c:pt>
                <c:pt idx="365">
                  <c:v>0.21573000000000087</c:v>
                </c:pt>
                <c:pt idx="366">
                  <c:v>0.21528360000000091</c:v>
                </c:pt>
                <c:pt idx="367">
                  <c:v>0.21740730000000097</c:v>
                </c:pt>
                <c:pt idx="368">
                  <c:v>0.21891280000000091</c:v>
                </c:pt>
                <c:pt idx="369">
                  <c:v>0.21948890000000065</c:v>
                </c:pt>
                <c:pt idx="370">
                  <c:v>0.21971330000000067</c:v>
                </c:pt>
                <c:pt idx="371">
                  <c:v>0.21940080000000073</c:v>
                </c:pt>
                <c:pt idx="372">
                  <c:v>0.22037650000000064</c:v>
                </c:pt>
                <c:pt idx="373">
                  <c:v>0.22117740000000063</c:v>
                </c:pt>
                <c:pt idx="374">
                  <c:v>0.22270150000000077</c:v>
                </c:pt>
                <c:pt idx="375">
                  <c:v>0.22344760000000075</c:v>
                </c:pt>
                <c:pt idx="376">
                  <c:v>0.22274050000000067</c:v>
                </c:pt>
                <c:pt idx="377">
                  <c:v>0.22422720000000096</c:v>
                </c:pt>
                <c:pt idx="378">
                  <c:v>0.22531550000000067</c:v>
                </c:pt>
                <c:pt idx="379">
                  <c:v>0.2257824000000006</c:v>
                </c:pt>
                <c:pt idx="380">
                  <c:v>0.2280077000000007</c:v>
                </c:pt>
                <c:pt idx="381">
                  <c:v>0.22760090000000077</c:v>
                </c:pt>
                <c:pt idx="382">
                  <c:v>0.22816360000000069</c:v>
                </c:pt>
                <c:pt idx="383">
                  <c:v>0.22961060000000066</c:v>
                </c:pt>
                <c:pt idx="384">
                  <c:v>0.23020590000000052</c:v>
                </c:pt>
                <c:pt idx="385">
                  <c:v>0.23051120000000047</c:v>
                </c:pt>
                <c:pt idx="386">
                  <c:v>0.23081220000000058</c:v>
                </c:pt>
                <c:pt idx="387">
                  <c:v>0.23467890000000069</c:v>
                </c:pt>
                <c:pt idx="388">
                  <c:v>0.23536800000000069</c:v>
                </c:pt>
                <c:pt idx="389">
                  <c:v>0.23574520000000088</c:v>
                </c:pt>
                <c:pt idx="390">
                  <c:v>0.23511880000000085</c:v>
                </c:pt>
                <c:pt idx="391">
                  <c:v>0.23561360000000087</c:v>
                </c:pt>
                <c:pt idx="392">
                  <c:v>0.23510120000000079</c:v>
                </c:pt>
                <c:pt idx="393">
                  <c:v>0.23368520000000093</c:v>
                </c:pt>
                <c:pt idx="394">
                  <c:v>0.23402370000000117</c:v>
                </c:pt>
                <c:pt idx="395">
                  <c:v>0.23345970000000116</c:v>
                </c:pt>
                <c:pt idx="396">
                  <c:v>0.23473490000000119</c:v>
                </c:pt>
                <c:pt idx="397">
                  <c:v>0.23464840000000109</c:v>
                </c:pt>
                <c:pt idx="398">
                  <c:v>0.23453290000000115</c:v>
                </c:pt>
                <c:pt idx="399">
                  <c:v>0.23355930000000114</c:v>
                </c:pt>
                <c:pt idx="400">
                  <c:v>0.2344666000000013</c:v>
                </c:pt>
                <c:pt idx="401">
                  <c:v>0.23485600000000129</c:v>
                </c:pt>
                <c:pt idx="402">
                  <c:v>0.2354790000000011</c:v>
                </c:pt>
                <c:pt idx="403">
                  <c:v>0.23790670000000103</c:v>
                </c:pt>
                <c:pt idx="404">
                  <c:v>0.23820990000000108</c:v>
                </c:pt>
                <c:pt idx="405">
                  <c:v>0.23953570000000113</c:v>
                </c:pt>
                <c:pt idx="406">
                  <c:v>0.23893740000000108</c:v>
                </c:pt>
                <c:pt idx="407">
                  <c:v>0.23824700000000121</c:v>
                </c:pt>
                <c:pt idx="408">
                  <c:v>0.23786050000000114</c:v>
                </c:pt>
                <c:pt idx="409">
                  <c:v>0.23753990000000114</c:v>
                </c:pt>
                <c:pt idx="410">
                  <c:v>0.23631440000000103</c:v>
                </c:pt>
                <c:pt idx="411">
                  <c:v>0.23621290000000106</c:v>
                </c:pt>
                <c:pt idx="412">
                  <c:v>0.23723140000000109</c:v>
                </c:pt>
                <c:pt idx="413">
                  <c:v>0.23754400000000109</c:v>
                </c:pt>
                <c:pt idx="414">
                  <c:v>0.24037450000000105</c:v>
                </c:pt>
                <c:pt idx="415">
                  <c:v>0.24119820000000103</c:v>
                </c:pt>
                <c:pt idx="416">
                  <c:v>0.2444877000000012</c:v>
                </c:pt>
                <c:pt idx="417">
                  <c:v>0.24668420000000113</c:v>
                </c:pt>
                <c:pt idx="418">
                  <c:v>0.2491934000000009</c:v>
                </c:pt>
                <c:pt idx="419">
                  <c:v>0.24997480000000083</c:v>
                </c:pt>
                <c:pt idx="420">
                  <c:v>0.25138670000000074</c:v>
                </c:pt>
                <c:pt idx="421">
                  <c:v>0.25172930000000071</c:v>
                </c:pt>
                <c:pt idx="422">
                  <c:v>0.25057780000000074</c:v>
                </c:pt>
                <c:pt idx="423">
                  <c:v>0.2509179000000008</c:v>
                </c:pt>
                <c:pt idx="424">
                  <c:v>0.25121000000000082</c:v>
                </c:pt>
                <c:pt idx="425">
                  <c:v>0.25173610000000091</c:v>
                </c:pt>
                <c:pt idx="426">
                  <c:v>0.25194420000000095</c:v>
                </c:pt>
                <c:pt idx="427">
                  <c:v>0.25132400000000099</c:v>
                </c:pt>
                <c:pt idx="428">
                  <c:v>0.25302760000000069</c:v>
                </c:pt>
                <c:pt idx="429">
                  <c:v>0.25462960000000057</c:v>
                </c:pt>
                <c:pt idx="430">
                  <c:v>0.25507230000000058</c:v>
                </c:pt>
                <c:pt idx="431">
                  <c:v>0.2552678000000006</c:v>
                </c:pt>
                <c:pt idx="432">
                  <c:v>0.25582730000000065</c:v>
                </c:pt>
                <c:pt idx="433">
                  <c:v>0.25735780000000075</c:v>
                </c:pt>
                <c:pt idx="434">
                  <c:v>0.2577040000000006</c:v>
                </c:pt>
                <c:pt idx="435">
                  <c:v>0.25773150000000067</c:v>
                </c:pt>
                <c:pt idx="436">
                  <c:v>0.25681840000000067</c:v>
                </c:pt>
                <c:pt idx="437">
                  <c:v>0.25635780000000064</c:v>
                </c:pt>
                <c:pt idx="438">
                  <c:v>0.25717080000000059</c:v>
                </c:pt>
                <c:pt idx="439">
                  <c:v>0.25698050000000072</c:v>
                </c:pt>
                <c:pt idx="440">
                  <c:v>0.25693360000000065</c:v>
                </c:pt>
                <c:pt idx="441">
                  <c:v>0.25838600000000067</c:v>
                </c:pt>
                <c:pt idx="442">
                  <c:v>0.25907130000000067</c:v>
                </c:pt>
                <c:pt idx="443">
                  <c:v>0.25840290000000077</c:v>
                </c:pt>
                <c:pt idx="444">
                  <c:v>0.26175690000000063</c:v>
                </c:pt>
                <c:pt idx="445">
                  <c:v>0.26087840000000062</c:v>
                </c:pt>
                <c:pt idx="446">
                  <c:v>0.26068450000000065</c:v>
                </c:pt>
                <c:pt idx="447">
                  <c:v>0.26294600000000035</c:v>
                </c:pt>
                <c:pt idx="448">
                  <c:v>0.26154940000000049</c:v>
                </c:pt>
                <c:pt idx="449">
                  <c:v>0.26134430000000042</c:v>
                </c:pt>
                <c:pt idx="450">
                  <c:v>0.26075990000000049</c:v>
                </c:pt>
                <c:pt idx="451">
                  <c:v>0.26300910000000055</c:v>
                </c:pt>
                <c:pt idx="452">
                  <c:v>0.26112220000000042</c:v>
                </c:pt>
                <c:pt idx="453">
                  <c:v>0.25994080000000053</c:v>
                </c:pt>
                <c:pt idx="454">
                  <c:v>0.26043360000000049</c:v>
                </c:pt>
                <c:pt idx="455">
                  <c:v>0.26199670000000053</c:v>
                </c:pt>
                <c:pt idx="456">
                  <c:v>0.26365060000000051</c:v>
                </c:pt>
                <c:pt idx="457">
                  <c:v>0.26395970000000069</c:v>
                </c:pt>
                <c:pt idx="458">
                  <c:v>0.26447020000000077</c:v>
                </c:pt>
                <c:pt idx="459">
                  <c:v>0.26553620000000078</c:v>
                </c:pt>
                <c:pt idx="460">
                  <c:v>0.26764890000000063</c:v>
                </c:pt>
                <c:pt idx="461">
                  <c:v>0.26725800000000066</c:v>
                </c:pt>
                <c:pt idx="462">
                  <c:v>0.26886030000000072</c:v>
                </c:pt>
                <c:pt idx="463">
                  <c:v>0.26803020000000077</c:v>
                </c:pt>
                <c:pt idx="464">
                  <c:v>0.26765030000000056</c:v>
                </c:pt>
                <c:pt idx="465">
                  <c:v>0.26720490000000074</c:v>
                </c:pt>
                <c:pt idx="466">
                  <c:v>0.26824460000000072</c:v>
                </c:pt>
                <c:pt idx="467">
                  <c:v>0.2698452000000009</c:v>
                </c:pt>
                <c:pt idx="468">
                  <c:v>0.26826300000000081</c:v>
                </c:pt>
                <c:pt idx="469">
                  <c:v>0.26724870000000078</c:v>
                </c:pt>
                <c:pt idx="470">
                  <c:v>0.26629660000000088</c:v>
                </c:pt>
                <c:pt idx="471">
                  <c:v>0.26626410000000078</c:v>
                </c:pt>
                <c:pt idx="472">
                  <c:v>0.26431610000000094</c:v>
                </c:pt>
                <c:pt idx="473">
                  <c:v>0.26203490000000085</c:v>
                </c:pt>
                <c:pt idx="474">
                  <c:v>0.25906770000000079</c:v>
                </c:pt>
                <c:pt idx="475">
                  <c:v>0.26410900000000082</c:v>
                </c:pt>
                <c:pt idx="476">
                  <c:v>0.26120070000000095</c:v>
                </c:pt>
                <c:pt idx="477">
                  <c:v>0.25864540000000091</c:v>
                </c:pt>
                <c:pt idx="478">
                  <c:v>0.25986230000000066</c:v>
                </c:pt>
                <c:pt idx="479">
                  <c:v>0.25984310000000077</c:v>
                </c:pt>
                <c:pt idx="480">
                  <c:v>0.25576910000000064</c:v>
                </c:pt>
                <c:pt idx="481">
                  <c:v>0.25319180000000063</c:v>
                </c:pt>
                <c:pt idx="482">
                  <c:v>0.25627810000000073</c:v>
                </c:pt>
                <c:pt idx="483">
                  <c:v>0.25865750000000065</c:v>
                </c:pt>
                <c:pt idx="484">
                  <c:v>0.26095950000000068</c:v>
                </c:pt>
                <c:pt idx="485">
                  <c:v>0.25902480000000061</c:v>
                </c:pt>
                <c:pt idx="486">
                  <c:v>0.25656970000000068</c:v>
                </c:pt>
                <c:pt idx="487">
                  <c:v>0.25442260000000072</c:v>
                </c:pt>
                <c:pt idx="488">
                  <c:v>0.25251630000000058</c:v>
                </c:pt>
                <c:pt idx="489">
                  <c:v>0.25240560000000056</c:v>
                </c:pt>
                <c:pt idx="490">
                  <c:v>0.25400200000000073</c:v>
                </c:pt>
                <c:pt idx="491">
                  <c:v>0.25529180000000062</c:v>
                </c:pt>
                <c:pt idx="492">
                  <c:v>0.2518620000000007</c:v>
                </c:pt>
                <c:pt idx="493">
                  <c:v>0.25064420000000065</c:v>
                </c:pt>
                <c:pt idx="494">
                  <c:v>0.24364580000000058</c:v>
                </c:pt>
                <c:pt idx="495">
                  <c:v>0.24607410000000063</c:v>
                </c:pt>
                <c:pt idx="496">
                  <c:v>0.24689310000000075</c:v>
                </c:pt>
                <c:pt idx="497">
                  <c:v>0.24729550000000056</c:v>
                </c:pt>
                <c:pt idx="498">
                  <c:v>0.2462446000000007</c:v>
                </c:pt>
                <c:pt idx="499">
                  <c:v>0.24292790000000064</c:v>
                </c:pt>
                <c:pt idx="500">
                  <c:v>0.24600000000000066</c:v>
                </c:pt>
                <c:pt idx="501">
                  <c:v>0.24773210000000057</c:v>
                </c:pt>
                <c:pt idx="502">
                  <c:v>0.24870290000000073</c:v>
                </c:pt>
                <c:pt idx="503">
                  <c:v>0.24887390000000065</c:v>
                </c:pt>
                <c:pt idx="504">
                  <c:v>0.24851800000000068</c:v>
                </c:pt>
                <c:pt idx="505">
                  <c:v>0.24911250000000074</c:v>
                </c:pt>
                <c:pt idx="506">
                  <c:v>0.2494146000000006</c:v>
                </c:pt>
                <c:pt idx="507">
                  <c:v>0.25017250000000057</c:v>
                </c:pt>
                <c:pt idx="508">
                  <c:v>0.25002360000000068</c:v>
                </c:pt>
                <c:pt idx="509">
                  <c:v>0.25100990000000056</c:v>
                </c:pt>
                <c:pt idx="510">
                  <c:v>0.25116160000000076</c:v>
                </c:pt>
                <c:pt idx="511">
                  <c:v>0.2517616000000007</c:v>
                </c:pt>
                <c:pt idx="512">
                  <c:v>0.25151740000000067</c:v>
                </c:pt>
                <c:pt idx="513">
                  <c:v>0.25157050000000059</c:v>
                </c:pt>
                <c:pt idx="514">
                  <c:v>0.25158230000000059</c:v>
                </c:pt>
                <c:pt idx="515">
                  <c:v>0.25218410000000069</c:v>
                </c:pt>
                <c:pt idx="516">
                  <c:v>0.25262010000000057</c:v>
                </c:pt>
                <c:pt idx="517">
                  <c:v>0.25280780000000069</c:v>
                </c:pt>
                <c:pt idx="518">
                  <c:v>0.25251350000000072</c:v>
                </c:pt>
                <c:pt idx="519">
                  <c:v>0.25348790000000077</c:v>
                </c:pt>
                <c:pt idx="520">
                  <c:v>0.25327380000000077</c:v>
                </c:pt>
                <c:pt idx="521">
                  <c:v>0.25414310000000073</c:v>
                </c:pt>
                <c:pt idx="522">
                  <c:v>0.25384120000000077</c:v>
                </c:pt>
                <c:pt idx="523">
                  <c:v>0.25492910000000069</c:v>
                </c:pt>
                <c:pt idx="524">
                  <c:v>0.25479790000000069</c:v>
                </c:pt>
                <c:pt idx="525">
                  <c:v>0.25554600000000072</c:v>
                </c:pt>
                <c:pt idx="526">
                  <c:v>0.25590030000000064</c:v>
                </c:pt>
                <c:pt idx="527">
                  <c:v>0.25600880000000048</c:v>
                </c:pt>
                <c:pt idx="528">
                  <c:v>0.25658870000000022</c:v>
                </c:pt>
                <c:pt idx="529">
                  <c:v>0.25677190000000039</c:v>
                </c:pt>
                <c:pt idx="530">
                  <c:v>0.25729970000000035</c:v>
                </c:pt>
                <c:pt idx="531">
                  <c:v>0.25772960000000023</c:v>
                </c:pt>
                <c:pt idx="532">
                  <c:v>0.25777439999999996</c:v>
                </c:pt>
                <c:pt idx="533">
                  <c:v>0.25801819999999998</c:v>
                </c:pt>
                <c:pt idx="534">
                  <c:v>0.25834549999999989</c:v>
                </c:pt>
                <c:pt idx="535">
                  <c:v>0.25870529999999992</c:v>
                </c:pt>
                <c:pt idx="536">
                  <c:v>0.25902820000000015</c:v>
                </c:pt>
                <c:pt idx="537">
                  <c:v>0.25878080000000026</c:v>
                </c:pt>
                <c:pt idx="538">
                  <c:v>0.2592481000000002</c:v>
                </c:pt>
                <c:pt idx="539">
                  <c:v>0.25942140000000014</c:v>
                </c:pt>
                <c:pt idx="540">
                  <c:v>0.25962710000000033</c:v>
                </c:pt>
                <c:pt idx="541">
                  <c:v>0.25976900000000014</c:v>
                </c:pt>
                <c:pt idx="542">
                  <c:v>0.26040670000000032</c:v>
                </c:pt>
                <c:pt idx="543">
                  <c:v>0.26078710000000016</c:v>
                </c:pt>
                <c:pt idx="544">
                  <c:v>0.26134020000000024</c:v>
                </c:pt>
                <c:pt idx="545">
                  <c:v>0.261517</c:v>
                </c:pt>
                <c:pt idx="546">
                  <c:v>0.26150570000000006</c:v>
                </c:pt>
                <c:pt idx="547">
                  <c:v>0.2615194999999999</c:v>
                </c:pt>
                <c:pt idx="548">
                  <c:v>0.2618079000000002</c:v>
                </c:pt>
                <c:pt idx="549">
                  <c:v>0.26163800000000026</c:v>
                </c:pt>
                <c:pt idx="550">
                  <c:v>0.26229690000000017</c:v>
                </c:pt>
                <c:pt idx="551">
                  <c:v>0.2625717000000003</c:v>
                </c:pt>
                <c:pt idx="552">
                  <c:v>0.26277010000000023</c:v>
                </c:pt>
                <c:pt idx="553">
                  <c:v>0.26325059999999989</c:v>
                </c:pt>
                <c:pt idx="554">
                  <c:v>0.26260360000000005</c:v>
                </c:pt>
                <c:pt idx="555">
                  <c:v>0.26289729999999989</c:v>
                </c:pt>
                <c:pt idx="556">
                  <c:v>0.26308630000000033</c:v>
                </c:pt>
                <c:pt idx="557">
                  <c:v>0.26348930000000026</c:v>
                </c:pt>
                <c:pt idx="558">
                  <c:v>0.26408760000000031</c:v>
                </c:pt>
                <c:pt idx="559">
                  <c:v>0.26502680000000023</c:v>
                </c:pt>
                <c:pt idx="560">
                  <c:v>0.26521870000000014</c:v>
                </c:pt>
                <c:pt idx="561">
                  <c:v>0.26516950000000028</c:v>
                </c:pt>
                <c:pt idx="562">
                  <c:v>0.2657942000000002</c:v>
                </c:pt>
                <c:pt idx="563">
                  <c:v>0.26541720000000013</c:v>
                </c:pt>
                <c:pt idx="564">
                  <c:v>0.26592520000000031</c:v>
                </c:pt>
                <c:pt idx="565">
                  <c:v>0.26643790000000012</c:v>
                </c:pt>
                <c:pt idx="566">
                  <c:v>0.26619340000000014</c:v>
                </c:pt>
                <c:pt idx="567">
                  <c:v>0.26643449999999991</c:v>
                </c:pt>
                <c:pt idx="568">
                  <c:v>0.26662049999999993</c:v>
                </c:pt>
                <c:pt idx="569">
                  <c:v>0.26683150000000011</c:v>
                </c:pt>
                <c:pt idx="570">
                  <c:v>0.26710020000000001</c:v>
                </c:pt>
                <c:pt idx="571">
                  <c:v>0.26738559999999989</c:v>
                </c:pt>
                <c:pt idx="572">
                  <c:v>0.26769550000000031</c:v>
                </c:pt>
                <c:pt idx="573">
                  <c:v>0.26797380000000026</c:v>
                </c:pt>
                <c:pt idx="574">
                  <c:v>0.26823060000000032</c:v>
                </c:pt>
                <c:pt idx="575">
                  <c:v>0.26850570000000018</c:v>
                </c:pt>
                <c:pt idx="576">
                  <c:v>0.26879730000000013</c:v>
                </c:pt>
                <c:pt idx="577">
                  <c:v>0.26893990000000012</c:v>
                </c:pt>
                <c:pt idx="578">
                  <c:v>0.26917380000000013</c:v>
                </c:pt>
                <c:pt idx="579">
                  <c:v>0.26932749999999994</c:v>
                </c:pt>
                <c:pt idx="580">
                  <c:v>0.27041289999999996</c:v>
                </c:pt>
                <c:pt idx="581">
                  <c:v>0.27234570000000002</c:v>
                </c:pt>
                <c:pt idx="582">
                  <c:v>0.27102490000000001</c:v>
                </c:pt>
                <c:pt idx="583">
                  <c:v>0.27119230000000005</c:v>
                </c:pt>
                <c:pt idx="584">
                  <c:v>0.27268029999999999</c:v>
                </c:pt>
                <c:pt idx="585">
                  <c:v>0.27436149999999992</c:v>
                </c:pt>
                <c:pt idx="586">
                  <c:v>0.27474179999999992</c:v>
                </c:pt>
                <c:pt idx="587">
                  <c:v>0.27406229999999998</c:v>
                </c:pt>
                <c:pt idx="588">
                  <c:v>0.27425579999999994</c:v>
                </c:pt>
                <c:pt idx="589">
                  <c:v>0.27670360000000005</c:v>
                </c:pt>
                <c:pt idx="590">
                  <c:v>0.27736519999999998</c:v>
                </c:pt>
                <c:pt idx="591">
                  <c:v>0.27619159999999998</c:v>
                </c:pt>
                <c:pt idx="592">
                  <c:v>0.27614369999999999</c:v>
                </c:pt>
                <c:pt idx="593">
                  <c:v>0.2793068000000003</c:v>
                </c:pt>
                <c:pt idx="594">
                  <c:v>0.28068820000000017</c:v>
                </c:pt>
                <c:pt idx="595">
                  <c:v>0.28192520000000032</c:v>
                </c:pt>
                <c:pt idx="596">
                  <c:v>0.28243510000000027</c:v>
                </c:pt>
                <c:pt idx="597">
                  <c:v>0.28301420000000044</c:v>
                </c:pt>
                <c:pt idx="598">
                  <c:v>0.28382210000000052</c:v>
                </c:pt>
                <c:pt idx="599">
                  <c:v>0.28372000000000042</c:v>
                </c:pt>
                <c:pt idx="600">
                  <c:v>0.28401650000000034</c:v>
                </c:pt>
                <c:pt idx="601">
                  <c:v>0.28335700000000053</c:v>
                </c:pt>
                <c:pt idx="602">
                  <c:v>0.28350820000000043</c:v>
                </c:pt>
                <c:pt idx="603">
                  <c:v>0.28414390000000034</c:v>
                </c:pt>
                <c:pt idx="604">
                  <c:v>0.28468750000000043</c:v>
                </c:pt>
                <c:pt idx="605">
                  <c:v>0.28485560000000043</c:v>
                </c:pt>
                <c:pt idx="606">
                  <c:v>0.28530300000000053</c:v>
                </c:pt>
                <c:pt idx="607">
                  <c:v>0.28533980000000048</c:v>
                </c:pt>
                <c:pt idx="608">
                  <c:v>0.28560400000000041</c:v>
                </c:pt>
                <c:pt idx="609">
                  <c:v>0.28585730000000042</c:v>
                </c:pt>
                <c:pt idx="610">
                  <c:v>0.28585940000000054</c:v>
                </c:pt>
                <c:pt idx="611">
                  <c:v>0.28644300000000045</c:v>
                </c:pt>
                <c:pt idx="612">
                  <c:v>0.2866667000000005</c:v>
                </c:pt>
                <c:pt idx="613">
                  <c:v>0.2871147000000005</c:v>
                </c:pt>
                <c:pt idx="614">
                  <c:v>0.28817400000000037</c:v>
                </c:pt>
                <c:pt idx="615">
                  <c:v>0.28863220000000034</c:v>
                </c:pt>
                <c:pt idx="616">
                  <c:v>0.28887260000000037</c:v>
                </c:pt>
                <c:pt idx="617">
                  <c:v>0.28950380000000053</c:v>
                </c:pt>
                <c:pt idx="618">
                  <c:v>0.28873990000000038</c:v>
                </c:pt>
                <c:pt idx="619">
                  <c:v>0.28912600000000044</c:v>
                </c:pt>
                <c:pt idx="620">
                  <c:v>0.28946760000000049</c:v>
                </c:pt>
                <c:pt idx="621">
                  <c:v>0.29001070000000051</c:v>
                </c:pt>
                <c:pt idx="622">
                  <c:v>0.29064110000000043</c:v>
                </c:pt>
                <c:pt idx="623">
                  <c:v>0.29137580000000041</c:v>
                </c:pt>
                <c:pt idx="624">
                  <c:v>0.29188090000000044</c:v>
                </c:pt>
                <c:pt idx="625">
                  <c:v>0.29285100000000042</c:v>
                </c:pt>
                <c:pt idx="626">
                  <c:v>0.29261660000000034</c:v>
                </c:pt>
                <c:pt idx="627">
                  <c:v>0.29218510000000042</c:v>
                </c:pt>
                <c:pt idx="628">
                  <c:v>0.29217060000000039</c:v>
                </c:pt>
                <c:pt idx="629">
                  <c:v>0.29178830000000033</c:v>
                </c:pt>
                <c:pt idx="630">
                  <c:v>0.29172080000000045</c:v>
                </c:pt>
                <c:pt idx="631">
                  <c:v>0.29188530000000035</c:v>
                </c:pt>
                <c:pt idx="632">
                  <c:v>0.29216260000000016</c:v>
                </c:pt>
                <c:pt idx="633">
                  <c:v>0.29168540000000021</c:v>
                </c:pt>
                <c:pt idx="634">
                  <c:v>0.29238890000000017</c:v>
                </c:pt>
                <c:pt idx="635">
                  <c:v>0.29503210000000024</c:v>
                </c:pt>
                <c:pt idx="636">
                  <c:v>0.29530950000000011</c:v>
                </c:pt>
                <c:pt idx="637">
                  <c:v>0.29921490000000017</c:v>
                </c:pt>
                <c:pt idx="638">
                  <c:v>0.30033430000000028</c:v>
                </c:pt>
                <c:pt idx="639">
                  <c:v>0.30151970000000028</c:v>
                </c:pt>
                <c:pt idx="640">
                  <c:v>0.30149260000000022</c:v>
                </c:pt>
                <c:pt idx="641">
                  <c:v>0.30236000000000018</c:v>
                </c:pt>
                <c:pt idx="642">
                  <c:v>0.30432020000000026</c:v>
                </c:pt>
                <c:pt idx="643">
                  <c:v>0.30442959999999997</c:v>
                </c:pt>
                <c:pt idx="644">
                  <c:v>0.30434589999999995</c:v>
                </c:pt>
                <c:pt idx="645">
                  <c:v>0.30520060000000004</c:v>
                </c:pt>
                <c:pt idx="646">
                  <c:v>0.30504519999999991</c:v>
                </c:pt>
                <c:pt idx="647">
                  <c:v>0.3053904999999999</c:v>
                </c:pt>
                <c:pt idx="648">
                  <c:v>0.30614499999999989</c:v>
                </c:pt>
                <c:pt idx="649">
                  <c:v>0.3066468</c:v>
                </c:pt>
                <c:pt idx="650">
                  <c:v>0.30696150000000011</c:v>
                </c:pt>
                <c:pt idx="651">
                  <c:v>0.30671969999999993</c:v>
                </c:pt>
                <c:pt idx="652">
                  <c:v>0.30790440000000019</c:v>
                </c:pt>
                <c:pt idx="653">
                  <c:v>0.30869820000000048</c:v>
                </c:pt>
                <c:pt idx="654">
                  <c:v>0.30898780000000037</c:v>
                </c:pt>
                <c:pt idx="655">
                  <c:v>0.30814910000000051</c:v>
                </c:pt>
                <c:pt idx="656">
                  <c:v>0.3089426000000004</c:v>
                </c:pt>
                <c:pt idx="657">
                  <c:v>0.30995370000000055</c:v>
                </c:pt>
                <c:pt idx="658">
                  <c:v>0.31197140000000045</c:v>
                </c:pt>
                <c:pt idx="659">
                  <c:v>0.3124556000000005</c:v>
                </c:pt>
                <c:pt idx="660">
                  <c:v>0.31298850000000034</c:v>
                </c:pt>
                <c:pt idx="661">
                  <c:v>0.31283980000000033</c:v>
                </c:pt>
                <c:pt idx="662">
                  <c:v>0.30829690000000043</c:v>
                </c:pt>
                <c:pt idx="663">
                  <c:v>0.30761760000000038</c:v>
                </c:pt>
                <c:pt idx="664">
                  <c:v>0.3079970000000003</c:v>
                </c:pt>
                <c:pt idx="665">
                  <c:v>0.30726920000000013</c:v>
                </c:pt>
                <c:pt idx="666">
                  <c:v>0.30941560000000012</c:v>
                </c:pt>
                <c:pt idx="667">
                  <c:v>0.30925680000000022</c:v>
                </c:pt>
                <c:pt idx="668">
                  <c:v>0.31141180000000013</c:v>
                </c:pt>
                <c:pt idx="669">
                  <c:v>0.31197089999999994</c:v>
                </c:pt>
                <c:pt idx="670">
                  <c:v>0.31079970000000001</c:v>
                </c:pt>
                <c:pt idx="671">
                  <c:v>0.31222919999999998</c:v>
                </c:pt>
                <c:pt idx="672">
                  <c:v>0.31124499999999999</c:v>
                </c:pt>
                <c:pt idx="673">
                  <c:v>0.31136199999999992</c:v>
                </c:pt>
                <c:pt idx="674">
                  <c:v>0.31234089999999992</c:v>
                </c:pt>
                <c:pt idx="675">
                  <c:v>0.31223660000000009</c:v>
                </c:pt>
                <c:pt idx="676">
                  <c:v>0.31250369999999994</c:v>
                </c:pt>
                <c:pt idx="677">
                  <c:v>0.31290109999999971</c:v>
                </c:pt>
                <c:pt idx="678">
                  <c:v>0.31202849999999982</c:v>
                </c:pt>
                <c:pt idx="679">
                  <c:v>0.31168019999999985</c:v>
                </c:pt>
                <c:pt idx="680">
                  <c:v>0.31144379999999972</c:v>
                </c:pt>
                <c:pt idx="681">
                  <c:v>0.31157639999999986</c:v>
                </c:pt>
                <c:pt idx="682">
                  <c:v>0.31250499999999981</c:v>
                </c:pt>
                <c:pt idx="683">
                  <c:v>0.31436050000000004</c:v>
                </c:pt>
                <c:pt idx="684">
                  <c:v>0.31488260000000001</c:v>
                </c:pt>
                <c:pt idx="685">
                  <c:v>0.31581159999999975</c:v>
                </c:pt>
                <c:pt idx="686">
                  <c:v>0.3156418999999997</c:v>
                </c:pt>
                <c:pt idx="687">
                  <c:v>0.31607679999999982</c:v>
                </c:pt>
                <c:pt idx="688">
                  <c:v>0.31713509999999978</c:v>
                </c:pt>
                <c:pt idx="689">
                  <c:v>0.31733399999999978</c:v>
                </c:pt>
                <c:pt idx="690">
                  <c:v>0.3170474999999997</c:v>
                </c:pt>
                <c:pt idx="691">
                  <c:v>0.31679349999999973</c:v>
                </c:pt>
                <c:pt idx="692">
                  <c:v>0.31483699999999981</c:v>
                </c:pt>
                <c:pt idx="693">
                  <c:v>0.31583099999999975</c:v>
                </c:pt>
                <c:pt idx="694">
                  <c:v>0.31630739999999968</c:v>
                </c:pt>
                <c:pt idx="695">
                  <c:v>0.31378569999999972</c:v>
                </c:pt>
                <c:pt idx="696">
                  <c:v>0.31664569999999981</c:v>
                </c:pt>
                <c:pt idx="697">
                  <c:v>0.31693619999999978</c:v>
                </c:pt>
                <c:pt idx="698">
                  <c:v>0.31816200000000006</c:v>
                </c:pt>
                <c:pt idx="699">
                  <c:v>0.31869290000000006</c:v>
                </c:pt>
                <c:pt idx="700">
                  <c:v>0.31882419999999989</c:v>
                </c:pt>
                <c:pt idx="701">
                  <c:v>0.31938019999999989</c:v>
                </c:pt>
                <c:pt idx="702">
                  <c:v>0.3201518000000001</c:v>
                </c:pt>
                <c:pt idx="703">
                  <c:v>0.32052379999999969</c:v>
                </c:pt>
                <c:pt idx="704">
                  <c:v>0.32036089999999984</c:v>
                </c:pt>
                <c:pt idx="705">
                  <c:v>0.32053699999999985</c:v>
                </c:pt>
                <c:pt idx="706">
                  <c:v>0.31948149999999975</c:v>
                </c:pt>
                <c:pt idx="707">
                  <c:v>0.31900319999999982</c:v>
                </c:pt>
                <c:pt idx="708">
                  <c:v>0.32019009999999981</c:v>
                </c:pt>
                <c:pt idx="709">
                  <c:v>0.32078019999999996</c:v>
                </c:pt>
                <c:pt idx="710">
                  <c:v>0.32080730000000002</c:v>
                </c:pt>
                <c:pt idx="711">
                  <c:v>0.3226420000000001</c:v>
                </c:pt>
                <c:pt idx="712">
                  <c:v>0.32354050000000023</c:v>
                </c:pt>
                <c:pt idx="713">
                  <c:v>0.32498900000000019</c:v>
                </c:pt>
                <c:pt idx="714">
                  <c:v>0.32369550000000014</c:v>
                </c:pt>
                <c:pt idx="715">
                  <c:v>0.32348650000000023</c:v>
                </c:pt>
                <c:pt idx="716">
                  <c:v>0.3231763000000003</c:v>
                </c:pt>
                <c:pt idx="717">
                  <c:v>0.32291270000000027</c:v>
                </c:pt>
                <c:pt idx="718">
                  <c:v>0.3236359000000002</c:v>
                </c:pt>
                <c:pt idx="719">
                  <c:v>0.32301130000000011</c:v>
                </c:pt>
                <c:pt idx="720">
                  <c:v>0.32502770000000036</c:v>
                </c:pt>
                <c:pt idx="721">
                  <c:v>0.32515370000000043</c:v>
                </c:pt>
                <c:pt idx="722">
                  <c:v>0.32574710000000051</c:v>
                </c:pt>
                <c:pt idx="723">
                  <c:v>0.32676490000000036</c:v>
                </c:pt>
                <c:pt idx="724">
                  <c:v>0.32824570000000053</c:v>
                </c:pt>
                <c:pt idx="725">
                  <c:v>0.32903750000000076</c:v>
                </c:pt>
                <c:pt idx="726">
                  <c:v>0.32751970000000075</c:v>
                </c:pt>
                <c:pt idx="727">
                  <c:v>0.32927660000000092</c:v>
                </c:pt>
                <c:pt idx="728">
                  <c:v>0.32905360000000083</c:v>
                </c:pt>
                <c:pt idx="729">
                  <c:v>0.32834230000000098</c:v>
                </c:pt>
                <c:pt idx="730">
                  <c:v>0.32724900000000079</c:v>
                </c:pt>
                <c:pt idx="731">
                  <c:v>0.3291100000000009</c:v>
                </c:pt>
                <c:pt idx="732">
                  <c:v>0.33149560000000089</c:v>
                </c:pt>
                <c:pt idx="733">
                  <c:v>0.3318223000000009</c:v>
                </c:pt>
                <c:pt idx="734">
                  <c:v>0.33229270000000066</c:v>
                </c:pt>
                <c:pt idx="735">
                  <c:v>0.33233900000000038</c:v>
                </c:pt>
                <c:pt idx="736">
                  <c:v>0.33332430000000035</c:v>
                </c:pt>
                <c:pt idx="737">
                  <c:v>0.33515120000000054</c:v>
                </c:pt>
                <c:pt idx="738">
                  <c:v>0.33585940000000036</c:v>
                </c:pt>
                <c:pt idx="739">
                  <c:v>0.33698990000000051</c:v>
                </c:pt>
                <c:pt idx="740">
                  <c:v>0.33807840000000033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FAD7-423B-B4E2-E031C027A50D}"/>
            </c:ext>
          </c:extLst>
        </c:ser>
        <c:ser>
          <c:idx val="1"/>
          <c:order val="1"/>
          <c:tx>
            <c:v>CDI</c:v>
          </c:tx>
          <c:spPr>
            <a:ln w="28575" cap="rnd">
              <a:solidFill>
                <a:schemeClr val="bg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'[DadosIndustria48.xlsx]Quantum Axis'!$H$2:$H$742</c:f>
              <c:numCache>
                <c:formatCode>[$-416]mmm\-yy;@</c:formatCode>
                <c:ptCount val="741"/>
                <c:pt idx="0">
                  <c:v>42537</c:v>
                </c:pt>
                <c:pt idx="1">
                  <c:v>42538</c:v>
                </c:pt>
                <c:pt idx="2">
                  <c:v>42541</c:v>
                </c:pt>
                <c:pt idx="3">
                  <c:v>42542</c:v>
                </c:pt>
                <c:pt idx="4">
                  <c:v>42543</c:v>
                </c:pt>
                <c:pt idx="5">
                  <c:v>42544</c:v>
                </c:pt>
                <c:pt idx="6">
                  <c:v>42545</c:v>
                </c:pt>
                <c:pt idx="7">
                  <c:v>42548</c:v>
                </c:pt>
                <c:pt idx="8">
                  <c:v>42549</c:v>
                </c:pt>
                <c:pt idx="9">
                  <c:v>42550</c:v>
                </c:pt>
                <c:pt idx="10">
                  <c:v>42551</c:v>
                </c:pt>
                <c:pt idx="11">
                  <c:v>42552</c:v>
                </c:pt>
                <c:pt idx="12">
                  <c:v>42555</c:v>
                </c:pt>
                <c:pt idx="13">
                  <c:v>42556</c:v>
                </c:pt>
                <c:pt idx="14">
                  <c:v>42557</c:v>
                </c:pt>
                <c:pt idx="15">
                  <c:v>42558</c:v>
                </c:pt>
                <c:pt idx="16">
                  <c:v>42559</c:v>
                </c:pt>
                <c:pt idx="17">
                  <c:v>42562</c:v>
                </c:pt>
                <c:pt idx="18">
                  <c:v>42563</c:v>
                </c:pt>
                <c:pt idx="19">
                  <c:v>42564</c:v>
                </c:pt>
                <c:pt idx="20">
                  <c:v>42565</c:v>
                </c:pt>
                <c:pt idx="21">
                  <c:v>42566</c:v>
                </c:pt>
                <c:pt idx="22">
                  <c:v>42569</c:v>
                </c:pt>
                <c:pt idx="23">
                  <c:v>42570</c:v>
                </c:pt>
                <c:pt idx="24">
                  <c:v>42571</c:v>
                </c:pt>
                <c:pt idx="25">
                  <c:v>42572</c:v>
                </c:pt>
                <c:pt idx="26">
                  <c:v>42573</c:v>
                </c:pt>
                <c:pt idx="27">
                  <c:v>42576</c:v>
                </c:pt>
                <c:pt idx="28">
                  <c:v>42577</c:v>
                </c:pt>
                <c:pt idx="29">
                  <c:v>42578</c:v>
                </c:pt>
                <c:pt idx="30">
                  <c:v>42579</c:v>
                </c:pt>
                <c:pt idx="31">
                  <c:v>42580</c:v>
                </c:pt>
                <c:pt idx="32">
                  <c:v>42583</c:v>
                </c:pt>
                <c:pt idx="33">
                  <c:v>42584</c:v>
                </c:pt>
                <c:pt idx="34">
                  <c:v>42585</c:v>
                </c:pt>
                <c:pt idx="35">
                  <c:v>42586</c:v>
                </c:pt>
                <c:pt idx="36">
                  <c:v>42587</c:v>
                </c:pt>
                <c:pt idx="37">
                  <c:v>42590</c:v>
                </c:pt>
                <c:pt idx="38">
                  <c:v>42591</c:v>
                </c:pt>
                <c:pt idx="39">
                  <c:v>42592</c:v>
                </c:pt>
                <c:pt idx="40">
                  <c:v>42593</c:v>
                </c:pt>
                <c:pt idx="41">
                  <c:v>42594</c:v>
                </c:pt>
                <c:pt idx="42">
                  <c:v>42597</c:v>
                </c:pt>
                <c:pt idx="43">
                  <c:v>42598</c:v>
                </c:pt>
                <c:pt idx="44">
                  <c:v>42599</c:v>
                </c:pt>
                <c:pt idx="45">
                  <c:v>42600</c:v>
                </c:pt>
                <c:pt idx="46">
                  <c:v>42601</c:v>
                </c:pt>
                <c:pt idx="47">
                  <c:v>42604</c:v>
                </c:pt>
                <c:pt idx="48">
                  <c:v>42605</c:v>
                </c:pt>
                <c:pt idx="49">
                  <c:v>42606</c:v>
                </c:pt>
                <c:pt idx="50">
                  <c:v>42607</c:v>
                </c:pt>
                <c:pt idx="51">
                  <c:v>42608</c:v>
                </c:pt>
                <c:pt idx="52">
                  <c:v>42611</c:v>
                </c:pt>
                <c:pt idx="53">
                  <c:v>42612</c:v>
                </c:pt>
                <c:pt idx="54">
                  <c:v>42613</c:v>
                </c:pt>
                <c:pt idx="55">
                  <c:v>42614</c:v>
                </c:pt>
                <c:pt idx="56">
                  <c:v>42615</c:v>
                </c:pt>
                <c:pt idx="57">
                  <c:v>42618</c:v>
                </c:pt>
                <c:pt idx="58">
                  <c:v>42619</c:v>
                </c:pt>
                <c:pt idx="59">
                  <c:v>42621</c:v>
                </c:pt>
                <c:pt idx="60">
                  <c:v>42622</c:v>
                </c:pt>
                <c:pt idx="61">
                  <c:v>42625</c:v>
                </c:pt>
                <c:pt idx="62">
                  <c:v>42626</c:v>
                </c:pt>
                <c:pt idx="63">
                  <c:v>42627</c:v>
                </c:pt>
                <c:pt idx="64">
                  <c:v>42628</c:v>
                </c:pt>
                <c:pt idx="65">
                  <c:v>42629</c:v>
                </c:pt>
                <c:pt idx="66">
                  <c:v>42632</c:v>
                </c:pt>
                <c:pt idx="67">
                  <c:v>42633</c:v>
                </c:pt>
                <c:pt idx="68">
                  <c:v>42634</c:v>
                </c:pt>
                <c:pt idx="69">
                  <c:v>42635</c:v>
                </c:pt>
                <c:pt idx="70">
                  <c:v>42636</c:v>
                </c:pt>
                <c:pt idx="71">
                  <c:v>42639</c:v>
                </c:pt>
                <c:pt idx="72">
                  <c:v>42640</c:v>
                </c:pt>
                <c:pt idx="73">
                  <c:v>42641</c:v>
                </c:pt>
                <c:pt idx="74">
                  <c:v>42642</c:v>
                </c:pt>
                <c:pt idx="75">
                  <c:v>42643</c:v>
                </c:pt>
                <c:pt idx="76">
                  <c:v>42646</c:v>
                </c:pt>
                <c:pt idx="77">
                  <c:v>42647</c:v>
                </c:pt>
                <c:pt idx="78">
                  <c:v>42648</c:v>
                </c:pt>
                <c:pt idx="79">
                  <c:v>42649</c:v>
                </c:pt>
                <c:pt idx="80">
                  <c:v>42650</c:v>
                </c:pt>
                <c:pt idx="81">
                  <c:v>42653</c:v>
                </c:pt>
                <c:pt idx="82">
                  <c:v>42654</c:v>
                </c:pt>
                <c:pt idx="83">
                  <c:v>42656</c:v>
                </c:pt>
                <c:pt idx="84">
                  <c:v>42657</c:v>
                </c:pt>
                <c:pt idx="85">
                  <c:v>42660</c:v>
                </c:pt>
                <c:pt idx="86">
                  <c:v>42661</c:v>
                </c:pt>
                <c:pt idx="87">
                  <c:v>42662</c:v>
                </c:pt>
                <c:pt idx="88">
                  <c:v>42663</c:v>
                </c:pt>
                <c:pt idx="89">
                  <c:v>42664</c:v>
                </c:pt>
                <c:pt idx="90">
                  <c:v>42667</c:v>
                </c:pt>
                <c:pt idx="91">
                  <c:v>42668</c:v>
                </c:pt>
                <c:pt idx="92">
                  <c:v>42669</c:v>
                </c:pt>
                <c:pt idx="93">
                  <c:v>42670</c:v>
                </c:pt>
                <c:pt idx="94">
                  <c:v>42671</c:v>
                </c:pt>
                <c:pt idx="95">
                  <c:v>42674</c:v>
                </c:pt>
                <c:pt idx="96">
                  <c:v>42675</c:v>
                </c:pt>
                <c:pt idx="97">
                  <c:v>42677</c:v>
                </c:pt>
                <c:pt idx="98">
                  <c:v>42678</c:v>
                </c:pt>
                <c:pt idx="99">
                  <c:v>42681</c:v>
                </c:pt>
                <c:pt idx="100">
                  <c:v>42682</c:v>
                </c:pt>
                <c:pt idx="101">
                  <c:v>42683</c:v>
                </c:pt>
                <c:pt idx="102">
                  <c:v>42684</c:v>
                </c:pt>
                <c:pt idx="103">
                  <c:v>42685</c:v>
                </c:pt>
                <c:pt idx="104">
                  <c:v>42688</c:v>
                </c:pt>
                <c:pt idx="105">
                  <c:v>42690</c:v>
                </c:pt>
                <c:pt idx="106">
                  <c:v>42691</c:v>
                </c:pt>
                <c:pt idx="107">
                  <c:v>42692</c:v>
                </c:pt>
                <c:pt idx="108">
                  <c:v>42695</c:v>
                </c:pt>
                <c:pt idx="109">
                  <c:v>42696</c:v>
                </c:pt>
                <c:pt idx="110">
                  <c:v>42697</c:v>
                </c:pt>
                <c:pt idx="111">
                  <c:v>42698</c:v>
                </c:pt>
                <c:pt idx="112">
                  <c:v>42699</c:v>
                </c:pt>
                <c:pt idx="113">
                  <c:v>42702</c:v>
                </c:pt>
                <c:pt idx="114">
                  <c:v>42703</c:v>
                </c:pt>
                <c:pt idx="115">
                  <c:v>42704</c:v>
                </c:pt>
                <c:pt idx="116">
                  <c:v>42705</c:v>
                </c:pt>
                <c:pt idx="117">
                  <c:v>42706</c:v>
                </c:pt>
                <c:pt idx="118">
                  <c:v>42709</c:v>
                </c:pt>
                <c:pt idx="119">
                  <c:v>42710</c:v>
                </c:pt>
                <c:pt idx="120">
                  <c:v>42711</c:v>
                </c:pt>
                <c:pt idx="121">
                  <c:v>42712</c:v>
                </c:pt>
                <c:pt idx="122">
                  <c:v>42713</c:v>
                </c:pt>
                <c:pt idx="123">
                  <c:v>42716</c:v>
                </c:pt>
                <c:pt idx="124">
                  <c:v>42717</c:v>
                </c:pt>
                <c:pt idx="125">
                  <c:v>42718</c:v>
                </c:pt>
                <c:pt idx="126">
                  <c:v>42719</c:v>
                </c:pt>
                <c:pt idx="127">
                  <c:v>42720</c:v>
                </c:pt>
                <c:pt idx="128">
                  <c:v>42723</c:v>
                </c:pt>
                <c:pt idx="129">
                  <c:v>42724</c:v>
                </c:pt>
                <c:pt idx="130">
                  <c:v>42725</c:v>
                </c:pt>
                <c:pt idx="131">
                  <c:v>42726</c:v>
                </c:pt>
                <c:pt idx="132">
                  <c:v>42727</c:v>
                </c:pt>
                <c:pt idx="133">
                  <c:v>42730</c:v>
                </c:pt>
                <c:pt idx="134">
                  <c:v>42731</c:v>
                </c:pt>
                <c:pt idx="135">
                  <c:v>42732</c:v>
                </c:pt>
                <c:pt idx="136">
                  <c:v>42733</c:v>
                </c:pt>
                <c:pt idx="137">
                  <c:v>42734</c:v>
                </c:pt>
                <c:pt idx="138">
                  <c:v>42737</c:v>
                </c:pt>
                <c:pt idx="139">
                  <c:v>42738</c:v>
                </c:pt>
                <c:pt idx="140">
                  <c:v>42739</c:v>
                </c:pt>
                <c:pt idx="141">
                  <c:v>42740</c:v>
                </c:pt>
                <c:pt idx="142">
                  <c:v>42741</c:v>
                </c:pt>
                <c:pt idx="143">
                  <c:v>42744</c:v>
                </c:pt>
                <c:pt idx="144">
                  <c:v>42745</c:v>
                </c:pt>
                <c:pt idx="145">
                  <c:v>42746</c:v>
                </c:pt>
                <c:pt idx="146">
                  <c:v>42747</c:v>
                </c:pt>
                <c:pt idx="147">
                  <c:v>42748</c:v>
                </c:pt>
                <c:pt idx="148">
                  <c:v>42751</c:v>
                </c:pt>
                <c:pt idx="149">
                  <c:v>42752</c:v>
                </c:pt>
                <c:pt idx="150">
                  <c:v>42753</c:v>
                </c:pt>
                <c:pt idx="151">
                  <c:v>42754</c:v>
                </c:pt>
                <c:pt idx="152">
                  <c:v>42755</c:v>
                </c:pt>
                <c:pt idx="153">
                  <c:v>42758</c:v>
                </c:pt>
                <c:pt idx="154">
                  <c:v>42759</c:v>
                </c:pt>
                <c:pt idx="155">
                  <c:v>42760</c:v>
                </c:pt>
                <c:pt idx="156">
                  <c:v>42761</c:v>
                </c:pt>
                <c:pt idx="157">
                  <c:v>42762</c:v>
                </c:pt>
                <c:pt idx="158">
                  <c:v>42765</c:v>
                </c:pt>
                <c:pt idx="159">
                  <c:v>42766</c:v>
                </c:pt>
                <c:pt idx="160">
                  <c:v>42767</c:v>
                </c:pt>
                <c:pt idx="161">
                  <c:v>42768</c:v>
                </c:pt>
                <c:pt idx="162">
                  <c:v>42769</c:v>
                </c:pt>
                <c:pt idx="163">
                  <c:v>42772</c:v>
                </c:pt>
                <c:pt idx="164">
                  <c:v>42773</c:v>
                </c:pt>
                <c:pt idx="165">
                  <c:v>42774</c:v>
                </c:pt>
                <c:pt idx="166">
                  <c:v>42775</c:v>
                </c:pt>
                <c:pt idx="167">
                  <c:v>42776</c:v>
                </c:pt>
                <c:pt idx="168">
                  <c:v>42779</c:v>
                </c:pt>
                <c:pt idx="169">
                  <c:v>42780</c:v>
                </c:pt>
                <c:pt idx="170">
                  <c:v>42781</c:v>
                </c:pt>
                <c:pt idx="171">
                  <c:v>42782</c:v>
                </c:pt>
                <c:pt idx="172">
                  <c:v>42783</c:v>
                </c:pt>
                <c:pt idx="173">
                  <c:v>42786</c:v>
                </c:pt>
                <c:pt idx="174">
                  <c:v>42787</c:v>
                </c:pt>
                <c:pt idx="175">
                  <c:v>42788</c:v>
                </c:pt>
                <c:pt idx="176">
                  <c:v>42789</c:v>
                </c:pt>
                <c:pt idx="177">
                  <c:v>42790</c:v>
                </c:pt>
                <c:pt idx="178">
                  <c:v>42795</c:v>
                </c:pt>
                <c:pt idx="179">
                  <c:v>42796</c:v>
                </c:pt>
                <c:pt idx="180">
                  <c:v>42797</c:v>
                </c:pt>
                <c:pt idx="181">
                  <c:v>42800</c:v>
                </c:pt>
                <c:pt idx="182">
                  <c:v>42801</c:v>
                </c:pt>
                <c:pt idx="183">
                  <c:v>42802</c:v>
                </c:pt>
                <c:pt idx="184">
                  <c:v>42803</c:v>
                </c:pt>
                <c:pt idx="185">
                  <c:v>42804</c:v>
                </c:pt>
                <c:pt idx="186">
                  <c:v>42807</c:v>
                </c:pt>
                <c:pt idx="187">
                  <c:v>42808</c:v>
                </c:pt>
                <c:pt idx="188">
                  <c:v>42809</c:v>
                </c:pt>
                <c:pt idx="189">
                  <c:v>42810</c:v>
                </c:pt>
                <c:pt idx="190">
                  <c:v>42811</c:v>
                </c:pt>
                <c:pt idx="191">
                  <c:v>42814</c:v>
                </c:pt>
                <c:pt idx="192">
                  <c:v>42815</c:v>
                </c:pt>
                <c:pt idx="193">
                  <c:v>42816</c:v>
                </c:pt>
                <c:pt idx="194">
                  <c:v>42817</c:v>
                </c:pt>
                <c:pt idx="195">
                  <c:v>42818</c:v>
                </c:pt>
                <c:pt idx="196">
                  <c:v>42821</c:v>
                </c:pt>
                <c:pt idx="197">
                  <c:v>42822</c:v>
                </c:pt>
                <c:pt idx="198">
                  <c:v>42823</c:v>
                </c:pt>
                <c:pt idx="199">
                  <c:v>42824</c:v>
                </c:pt>
                <c:pt idx="200">
                  <c:v>42825</c:v>
                </c:pt>
                <c:pt idx="201">
                  <c:v>42828</c:v>
                </c:pt>
                <c:pt idx="202">
                  <c:v>42829</c:v>
                </c:pt>
                <c:pt idx="203">
                  <c:v>42830</c:v>
                </c:pt>
                <c:pt idx="204">
                  <c:v>42831</c:v>
                </c:pt>
                <c:pt idx="205">
                  <c:v>42832</c:v>
                </c:pt>
                <c:pt idx="206">
                  <c:v>42835</c:v>
                </c:pt>
                <c:pt idx="207">
                  <c:v>42836</c:v>
                </c:pt>
                <c:pt idx="208">
                  <c:v>42837</c:v>
                </c:pt>
                <c:pt idx="209">
                  <c:v>42838</c:v>
                </c:pt>
                <c:pt idx="210">
                  <c:v>42842</c:v>
                </c:pt>
                <c:pt idx="211">
                  <c:v>42843</c:v>
                </c:pt>
                <c:pt idx="212">
                  <c:v>42844</c:v>
                </c:pt>
                <c:pt idx="213">
                  <c:v>42845</c:v>
                </c:pt>
                <c:pt idx="214">
                  <c:v>42849</c:v>
                </c:pt>
                <c:pt idx="215">
                  <c:v>42850</c:v>
                </c:pt>
                <c:pt idx="216">
                  <c:v>42851</c:v>
                </c:pt>
                <c:pt idx="217">
                  <c:v>42852</c:v>
                </c:pt>
                <c:pt idx="218">
                  <c:v>42853</c:v>
                </c:pt>
                <c:pt idx="219">
                  <c:v>42857</c:v>
                </c:pt>
                <c:pt idx="220">
                  <c:v>42858</c:v>
                </c:pt>
                <c:pt idx="221">
                  <c:v>42859</c:v>
                </c:pt>
                <c:pt idx="222">
                  <c:v>42860</c:v>
                </c:pt>
                <c:pt idx="223">
                  <c:v>42863</c:v>
                </c:pt>
                <c:pt idx="224">
                  <c:v>42864</c:v>
                </c:pt>
                <c:pt idx="225">
                  <c:v>42865</c:v>
                </c:pt>
                <c:pt idx="226">
                  <c:v>42866</c:v>
                </c:pt>
                <c:pt idx="227">
                  <c:v>42867</c:v>
                </c:pt>
                <c:pt idx="228">
                  <c:v>42870</c:v>
                </c:pt>
                <c:pt idx="229">
                  <c:v>42871</c:v>
                </c:pt>
                <c:pt idx="230">
                  <c:v>42872</c:v>
                </c:pt>
                <c:pt idx="231">
                  <c:v>42873</c:v>
                </c:pt>
                <c:pt idx="232">
                  <c:v>42874</c:v>
                </c:pt>
                <c:pt idx="233">
                  <c:v>42877</c:v>
                </c:pt>
                <c:pt idx="234">
                  <c:v>42878</c:v>
                </c:pt>
                <c:pt idx="235">
                  <c:v>42879</c:v>
                </c:pt>
                <c:pt idx="236">
                  <c:v>42880</c:v>
                </c:pt>
                <c:pt idx="237">
                  <c:v>42881</c:v>
                </c:pt>
                <c:pt idx="238">
                  <c:v>42884</c:v>
                </c:pt>
                <c:pt idx="239">
                  <c:v>42885</c:v>
                </c:pt>
                <c:pt idx="240">
                  <c:v>42886</c:v>
                </c:pt>
                <c:pt idx="241">
                  <c:v>42887</c:v>
                </c:pt>
                <c:pt idx="242">
                  <c:v>42888</c:v>
                </c:pt>
                <c:pt idx="243">
                  <c:v>42891</c:v>
                </c:pt>
                <c:pt idx="244">
                  <c:v>42892</c:v>
                </c:pt>
                <c:pt idx="245">
                  <c:v>42893</c:v>
                </c:pt>
                <c:pt idx="246">
                  <c:v>42894</c:v>
                </c:pt>
                <c:pt idx="247">
                  <c:v>42895</c:v>
                </c:pt>
                <c:pt idx="248">
                  <c:v>42898</c:v>
                </c:pt>
                <c:pt idx="249">
                  <c:v>42899</c:v>
                </c:pt>
                <c:pt idx="250">
                  <c:v>42900</c:v>
                </c:pt>
                <c:pt idx="251">
                  <c:v>42902</c:v>
                </c:pt>
                <c:pt idx="252">
                  <c:v>42905</c:v>
                </c:pt>
                <c:pt idx="253">
                  <c:v>42906</c:v>
                </c:pt>
                <c:pt idx="254">
                  <c:v>42907</c:v>
                </c:pt>
                <c:pt idx="255">
                  <c:v>42908</c:v>
                </c:pt>
                <c:pt idx="256">
                  <c:v>42909</c:v>
                </c:pt>
                <c:pt idx="257">
                  <c:v>42912</c:v>
                </c:pt>
                <c:pt idx="258">
                  <c:v>42913</c:v>
                </c:pt>
                <c:pt idx="259">
                  <c:v>42914</c:v>
                </c:pt>
                <c:pt idx="260">
                  <c:v>42915</c:v>
                </c:pt>
                <c:pt idx="261">
                  <c:v>42916</c:v>
                </c:pt>
                <c:pt idx="262">
                  <c:v>42919</c:v>
                </c:pt>
                <c:pt idx="263">
                  <c:v>42920</c:v>
                </c:pt>
                <c:pt idx="264">
                  <c:v>42921</c:v>
                </c:pt>
                <c:pt idx="265">
                  <c:v>42922</c:v>
                </c:pt>
                <c:pt idx="266">
                  <c:v>42923</c:v>
                </c:pt>
                <c:pt idx="267">
                  <c:v>42926</c:v>
                </c:pt>
                <c:pt idx="268">
                  <c:v>42927</c:v>
                </c:pt>
                <c:pt idx="269">
                  <c:v>42928</c:v>
                </c:pt>
                <c:pt idx="270">
                  <c:v>42929</c:v>
                </c:pt>
                <c:pt idx="271">
                  <c:v>42930</c:v>
                </c:pt>
                <c:pt idx="272">
                  <c:v>42933</c:v>
                </c:pt>
                <c:pt idx="273">
                  <c:v>42934</c:v>
                </c:pt>
                <c:pt idx="274">
                  <c:v>42935</c:v>
                </c:pt>
                <c:pt idx="275">
                  <c:v>42936</c:v>
                </c:pt>
                <c:pt idx="276">
                  <c:v>42937</c:v>
                </c:pt>
                <c:pt idx="277">
                  <c:v>42940</c:v>
                </c:pt>
                <c:pt idx="278">
                  <c:v>42941</c:v>
                </c:pt>
                <c:pt idx="279">
                  <c:v>42942</c:v>
                </c:pt>
                <c:pt idx="280">
                  <c:v>42943</c:v>
                </c:pt>
                <c:pt idx="281">
                  <c:v>42944</c:v>
                </c:pt>
                <c:pt idx="282">
                  <c:v>42947</c:v>
                </c:pt>
                <c:pt idx="283">
                  <c:v>42948</c:v>
                </c:pt>
                <c:pt idx="284">
                  <c:v>42949</c:v>
                </c:pt>
                <c:pt idx="285">
                  <c:v>42950</c:v>
                </c:pt>
                <c:pt idx="286">
                  <c:v>42951</c:v>
                </c:pt>
                <c:pt idx="287">
                  <c:v>42954</c:v>
                </c:pt>
                <c:pt idx="288">
                  <c:v>42955</c:v>
                </c:pt>
                <c:pt idx="289">
                  <c:v>42956</c:v>
                </c:pt>
                <c:pt idx="290">
                  <c:v>42957</c:v>
                </c:pt>
                <c:pt idx="291">
                  <c:v>42958</c:v>
                </c:pt>
                <c:pt idx="292">
                  <c:v>42961</c:v>
                </c:pt>
                <c:pt idx="293">
                  <c:v>42962</c:v>
                </c:pt>
                <c:pt idx="294">
                  <c:v>42963</c:v>
                </c:pt>
                <c:pt idx="295">
                  <c:v>42964</c:v>
                </c:pt>
                <c:pt idx="296">
                  <c:v>42965</c:v>
                </c:pt>
                <c:pt idx="297">
                  <c:v>42968</c:v>
                </c:pt>
                <c:pt idx="298">
                  <c:v>42969</c:v>
                </c:pt>
                <c:pt idx="299">
                  <c:v>42970</c:v>
                </c:pt>
                <c:pt idx="300">
                  <c:v>42971</c:v>
                </c:pt>
                <c:pt idx="301">
                  <c:v>42972</c:v>
                </c:pt>
                <c:pt idx="302">
                  <c:v>42975</c:v>
                </c:pt>
                <c:pt idx="303">
                  <c:v>42976</c:v>
                </c:pt>
                <c:pt idx="304">
                  <c:v>42977</c:v>
                </c:pt>
                <c:pt idx="305">
                  <c:v>42978</c:v>
                </c:pt>
                <c:pt idx="306">
                  <c:v>42979</c:v>
                </c:pt>
                <c:pt idx="307">
                  <c:v>42982</c:v>
                </c:pt>
                <c:pt idx="308">
                  <c:v>42983</c:v>
                </c:pt>
                <c:pt idx="309">
                  <c:v>42984</c:v>
                </c:pt>
                <c:pt idx="310">
                  <c:v>42986</c:v>
                </c:pt>
                <c:pt idx="311">
                  <c:v>42989</c:v>
                </c:pt>
                <c:pt idx="312">
                  <c:v>42990</c:v>
                </c:pt>
                <c:pt idx="313">
                  <c:v>42991</c:v>
                </c:pt>
                <c:pt idx="314">
                  <c:v>42992</c:v>
                </c:pt>
                <c:pt idx="315">
                  <c:v>42993</c:v>
                </c:pt>
                <c:pt idx="316">
                  <c:v>42996</c:v>
                </c:pt>
                <c:pt idx="317">
                  <c:v>42997</c:v>
                </c:pt>
                <c:pt idx="318">
                  <c:v>42998</c:v>
                </c:pt>
                <c:pt idx="319">
                  <c:v>42999</c:v>
                </c:pt>
                <c:pt idx="320">
                  <c:v>43000</c:v>
                </c:pt>
                <c:pt idx="321">
                  <c:v>43003</c:v>
                </c:pt>
                <c:pt idx="322">
                  <c:v>43004</c:v>
                </c:pt>
                <c:pt idx="323">
                  <c:v>43005</c:v>
                </c:pt>
                <c:pt idx="324">
                  <c:v>43006</c:v>
                </c:pt>
                <c:pt idx="325">
                  <c:v>43007</c:v>
                </c:pt>
                <c:pt idx="326">
                  <c:v>43010</c:v>
                </c:pt>
                <c:pt idx="327">
                  <c:v>43011</c:v>
                </c:pt>
                <c:pt idx="328">
                  <c:v>43012</c:v>
                </c:pt>
                <c:pt idx="329">
                  <c:v>43013</c:v>
                </c:pt>
                <c:pt idx="330">
                  <c:v>43014</c:v>
                </c:pt>
                <c:pt idx="331">
                  <c:v>43017</c:v>
                </c:pt>
                <c:pt idx="332">
                  <c:v>43018</c:v>
                </c:pt>
                <c:pt idx="333">
                  <c:v>43019</c:v>
                </c:pt>
                <c:pt idx="334">
                  <c:v>43021</c:v>
                </c:pt>
                <c:pt idx="335">
                  <c:v>43024</c:v>
                </c:pt>
                <c:pt idx="336">
                  <c:v>43025</c:v>
                </c:pt>
                <c:pt idx="337">
                  <c:v>43026</c:v>
                </c:pt>
                <c:pt idx="338">
                  <c:v>43027</c:v>
                </c:pt>
                <c:pt idx="339">
                  <c:v>43028</c:v>
                </c:pt>
                <c:pt idx="340">
                  <c:v>43031</c:v>
                </c:pt>
                <c:pt idx="341">
                  <c:v>43032</c:v>
                </c:pt>
                <c:pt idx="342">
                  <c:v>43033</c:v>
                </c:pt>
                <c:pt idx="343">
                  <c:v>43034</c:v>
                </c:pt>
                <c:pt idx="344">
                  <c:v>43035</c:v>
                </c:pt>
                <c:pt idx="345">
                  <c:v>43038</c:v>
                </c:pt>
                <c:pt idx="346">
                  <c:v>43039</c:v>
                </c:pt>
                <c:pt idx="347">
                  <c:v>43040</c:v>
                </c:pt>
                <c:pt idx="348">
                  <c:v>43042</c:v>
                </c:pt>
                <c:pt idx="349">
                  <c:v>43045</c:v>
                </c:pt>
                <c:pt idx="350">
                  <c:v>43046</c:v>
                </c:pt>
                <c:pt idx="351">
                  <c:v>43047</c:v>
                </c:pt>
                <c:pt idx="352">
                  <c:v>43048</c:v>
                </c:pt>
                <c:pt idx="353">
                  <c:v>43049</c:v>
                </c:pt>
                <c:pt idx="354">
                  <c:v>43052</c:v>
                </c:pt>
                <c:pt idx="355">
                  <c:v>43053</c:v>
                </c:pt>
                <c:pt idx="356">
                  <c:v>43055</c:v>
                </c:pt>
                <c:pt idx="357">
                  <c:v>43056</c:v>
                </c:pt>
                <c:pt idx="358">
                  <c:v>43059</c:v>
                </c:pt>
                <c:pt idx="359">
                  <c:v>43060</c:v>
                </c:pt>
                <c:pt idx="360">
                  <c:v>43061</c:v>
                </c:pt>
                <c:pt idx="361">
                  <c:v>43062</c:v>
                </c:pt>
                <c:pt idx="362">
                  <c:v>43063</c:v>
                </c:pt>
                <c:pt idx="363">
                  <c:v>43066</c:v>
                </c:pt>
                <c:pt idx="364">
                  <c:v>43067</c:v>
                </c:pt>
                <c:pt idx="365">
                  <c:v>43068</c:v>
                </c:pt>
                <c:pt idx="366">
                  <c:v>43069</c:v>
                </c:pt>
                <c:pt idx="367">
                  <c:v>43070</c:v>
                </c:pt>
                <c:pt idx="368">
                  <c:v>43073</c:v>
                </c:pt>
                <c:pt idx="369">
                  <c:v>43074</c:v>
                </c:pt>
                <c:pt idx="370">
                  <c:v>43075</c:v>
                </c:pt>
                <c:pt idx="371">
                  <c:v>43076</c:v>
                </c:pt>
                <c:pt idx="372">
                  <c:v>43077</c:v>
                </c:pt>
                <c:pt idx="373">
                  <c:v>43080</c:v>
                </c:pt>
                <c:pt idx="374">
                  <c:v>43081</c:v>
                </c:pt>
                <c:pt idx="375">
                  <c:v>43082</c:v>
                </c:pt>
                <c:pt idx="376">
                  <c:v>43083</c:v>
                </c:pt>
                <c:pt idx="377">
                  <c:v>43084</c:v>
                </c:pt>
                <c:pt idx="378">
                  <c:v>43087</c:v>
                </c:pt>
                <c:pt idx="379">
                  <c:v>43088</c:v>
                </c:pt>
                <c:pt idx="380">
                  <c:v>43089</c:v>
                </c:pt>
                <c:pt idx="381">
                  <c:v>43090</c:v>
                </c:pt>
                <c:pt idx="382">
                  <c:v>43091</c:v>
                </c:pt>
                <c:pt idx="383">
                  <c:v>43095</c:v>
                </c:pt>
                <c:pt idx="384">
                  <c:v>43096</c:v>
                </c:pt>
                <c:pt idx="385">
                  <c:v>43097</c:v>
                </c:pt>
                <c:pt idx="386">
                  <c:v>43098</c:v>
                </c:pt>
                <c:pt idx="387">
                  <c:v>43102</c:v>
                </c:pt>
                <c:pt idx="388">
                  <c:v>43103</c:v>
                </c:pt>
                <c:pt idx="389">
                  <c:v>43104</c:v>
                </c:pt>
                <c:pt idx="390">
                  <c:v>43105</c:v>
                </c:pt>
                <c:pt idx="391">
                  <c:v>43108</c:v>
                </c:pt>
                <c:pt idx="392">
                  <c:v>43109</c:v>
                </c:pt>
                <c:pt idx="393">
                  <c:v>43110</c:v>
                </c:pt>
                <c:pt idx="394">
                  <c:v>43111</c:v>
                </c:pt>
                <c:pt idx="395">
                  <c:v>43112</c:v>
                </c:pt>
                <c:pt idx="396">
                  <c:v>43115</c:v>
                </c:pt>
                <c:pt idx="397">
                  <c:v>43116</c:v>
                </c:pt>
                <c:pt idx="398">
                  <c:v>43117</c:v>
                </c:pt>
                <c:pt idx="399">
                  <c:v>43118</c:v>
                </c:pt>
                <c:pt idx="400">
                  <c:v>43119</c:v>
                </c:pt>
                <c:pt idx="401">
                  <c:v>43122</c:v>
                </c:pt>
                <c:pt idx="402">
                  <c:v>43123</c:v>
                </c:pt>
                <c:pt idx="403">
                  <c:v>43124</c:v>
                </c:pt>
                <c:pt idx="404">
                  <c:v>43125</c:v>
                </c:pt>
                <c:pt idx="405">
                  <c:v>43126</c:v>
                </c:pt>
                <c:pt idx="406">
                  <c:v>43129</c:v>
                </c:pt>
                <c:pt idx="407">
                  <c:v>43130</c:v>
                </c:pt>
                <c:pt idx="408">
                  <c:v>43131</c:v>
                </c:pt>
                <c:pt idx="409">
                  <c:v>43132</c:v>
                </c:pt>
                <c:pt idx="410">
                  <c:v>43133</c:v>
                </c:pt>
                <c:pt idx="411">
                  <c:v>43136</c:v>
                </c:pt>
                <c:pt idx="412">
                  <c:v>43137</c:v>
                </c:pt>
                <c:pt idx="413">
                  <c:v>43138</c:v>
                </c:pt>
                <c:pt idx="414">
                  <c:v>43139</c:v>
                </c:pt>
                <c:pt idx="415">
                  <c:v>43140</c:v>
                </c:pt>
                <c:pt idx="416">
                  <c:v>43145</c:v>
                </c:pt>
                <c:pt idx="417">
                  <c:v>43146</c:v>
                </c:pt>
                <c:pt idx="418">
                  <c:v>43147</c:v>
                </c:pt>
                <c:pt idx="419">
                  <c:v>43150</c:v>
                </c:pt>
                <c:pt idx="420">
                  <c:v>43151</c:v>
                </c:pt>
                <c:pt idx="421">
                  <c:v>43152</c:v>
                </c:pt>
                <c:pt idx="422">
                  <c:v>43153</c:v>
                </c:pt>
                <c:pt idx="423">
                  <c:v>43154</c:v>
                </c:pt>
                <c:pt idx="424">
                  <c:v>43157</c:v>
                </c:pt>
                <c:pt idx="425">
                  <c:v>43158</c:v>
                </c:pt>
                <c:pt idx="426">
                  <c:v>43159</c:v>
                </c:pt>
                <c:pt idx="427">
                  <c:v>43160</c:v>
                </c:pt>
                <c:pt idx="428">
                  <c:v>43161</c:v>
                </c:pt>
                <c:pt idx="429">
                  <c:v>43164</c:v>
                </c:pt>
                <c:pt idx="430">
                  <c:v>43165</c:v>
                </c:pt>
                <c:pt idx="431">
                  <c:v>43166</c:v>
                </c:pt>
                <c:pt idx="432">
                  <c:v>43167</c:v>
                </c:pt>
                <c:pt idx="433">
                  <c:v>43168</c:v>
                </c:pt>
                <c:pt idx="434">
                  <c:v>43171</c:v>
                </c:pt>
                <c:pt idx="435">
                  <c:v>43172</c:v>
                </c:pt>
                <c:pt idx="436">
                  <c:v>43173</c:v>
                </c:pt>
                <c:pt idx="437">
                  <c:v>43174</c:v>
                </c:pt>
                <c:pt idx="438">
                  <c:v>43175</c:v>
                </c:pt>
                <c:pt idx="439">
                  <c:v>43178</c:v>
                </c:pt>
                <c:pt idx="440">
                  <c:v>43179</c:v>
                </c:pt>
                <c:pt idx="441">
                  <c:v>43180</c:v>
                </c:pt>
                <c:pt idx="442">
                  <c:v>43181</c:v>
                </c:pt>
                <c:pt idx="443">
                  <c:v>43182</c:v>
                </c:pt>
                <c:pt idx="444">
                  <c:v>43185</c:v>
                </c:pt>
                <c:pt idx="445">
                  <c:v>43186</c:v>
                </c:pt>
                <c:pt idx="446">
                  <c:v>43187</c:v>
                </c:pt>
                <c:pt idx="447">
                  <c:v>43188</c:v>
                </c:pt>
                <c:pt idx="448">
                  <c:v>43192</c:v>
                </c:pt>
                <c:pt idx="449">
                  <c:v>43193</c:v>
                </c:pt>
                <c:pt idx="450">
                  <c:v>43194</c:v>
                </c:pt>
                <c:pt idx="451">
                  <c:v>43195</c:v>
                </c:pt>
                <c:pt idx="452">
                  <c:v>43196</c:v>
                </c:pt>
                <c:pt idx="453">
                  <c:v>43199</c:v>
                </c:pt>
                <c:pt idx="454">
                  <c:v>43200</c:v>
                </c:pt>
                <c:pt idx="455">
                  <c:v>43201</c:v>
                </c:pt>
                <c:pt idx="456">
                  <c:v>43202</c:v>
                </c:pt>
                <c:pt idx="457">
                  <c:v>43203</c:v>
                </c:pt>
                <c:pt idx="458">
                  <c:v>43206</c:v>
                </c:pt>
                <c:pt idx="459">
                  <c:v>43207</c:v>
                </c:pt>
                <c:pt idx="460">
                  <c:v>43208</c:v>
                </c:pt>
                <c:pt idx="461">
                  <c:v>43209</c:v>
                </c:pt>
                <c:pt idx="462">
                  <c:v>43210</c:v>
                </c:pt>
                <c:pt idx="463">
                  <c:v>43213</c:v>
                </c:pt>
                <c:pt idx="464">
                  <c:v>43214</c:v>
                </c:pt>
                <c:pt idx="465">
                  <c:v>43215</c:v>
                </c:pt>
                <c:pt idx="466">
                  <c:v>43216</c:v>
                </c:pt>
                <c:pt idx="467">
                  <c:v>43217</c:v>
                </c:pt>
                <c:pt idx="468">
                  <c:v>43220</c:v>
                </c:pt>
                <c:pt idx="469">
                  <c:v>43222</c:v>
                </c:pt>
                <c:pt idx="470">
                  <c:v>43223</c:v>
                </c:pt>
                <c:pt idx="471">
                  <c:v>43224</c:v>
                </c:pt>
                <c:pt idx="472">
                  <c:v>43227</c:v>
                </c:pt>
                <c:pt idx="473">
                  <c:v>43228</c:v>
                </c:pt>
                <c:pt idx="474">
                  <c:v>43229</c:v>
                </c:pt>
                <c:pt idx="475">
                  <c:v>43230</c:v>
                </c:pt>
                <c:pt idx="476">
                  <c:v>43231</c:v>
                </c:pt>
                <c:pt idx="477">
                  <c:v>43234</c:v>
                </c:pt>
                <c:pt idx="478">
                  <c:v>43235</c:v>
                </c:pt>
                <c:pt idx="479">
                  <c:v>43236</c:v>
                </c:pt>
                <c:pt idx="480">
                  <c:v>43237</c:v>
                </c:pt>
                <c:pt idx="481">
                  <c:v>43238</c:v>
                </c:pt>
                <c:pt idx="482">
                  <c:v>43241</c:v>
                </c:pt>
                <c:pt idx="483">
                  <c:v>43242</c:v>
                </c:pt>
                <c:pt idx="484">
                  <c:v>43243</c:v>
                </c:pt>
                <c:pt idx="485">
                  <c:v>43244</c:v>
                </c:pt>
                <c:pt idx="486">
                  <c:v>43245</c:v>
                </c:pt>
                <c:pt idx="487">
                  <c:v>43248</c:v>
                </c:pt>
                <c:pt idx="488">
                  <c:v>43249</c:v>
                </c:pt>
                <c:pt idx="489">
                  <c:v>43250</c:v>
                </c:pt>
                <c:pt idx="490">
                  <c:v>43252</c:v>
                </c:pt>
                <c:pt idx="491">
                  <c:v>43255</c:v>
                </c:pt>
                <c:pt idx="492">
                  <c:v>43256</c:v>
                </c:pt>
                <c:pt idx="493">
                  <c:v>43257</c:v>
                </c:pt>
                <c:pt idx="494">
                  <c:v>43258</c:v>
                </c:pt>
                <c:pt idx="495">
                  <c:v>43259</c:v>
                </c:pt>
                <c:pt idx="496">
                  <c:v>43262</c:v>
                </c:pt>
                <c:pt idx="497">
                  <c:v>43263</c:v>
                </c:pt>
                <c:pt idx="498">
                  <c:v>43264</c:v>
                </c:pt>
                <c:pt idx="499">
                  <c:v>43265</c:v>
                </c:pt>
                <c:pt idx="500">
                  <c:v>43266</c:v>
                </c:pt>
                <c:pt idx="501">
                  <c:v>43269</c:v>
                </c:pt>
                <c:pt idx="502">
                  <c:v>43270</c:v>
                </c:pt>
                <c:pt idx="503">
                  <c:v>43271</c:v>
                </c:pt>
                <c:pt idx="504">
                  <c:v>43272</c:v>
                </c:pt>
                <c:pt idx="505">
                  <c:v>43273</c:v>
                </c:pt>
                <c:pt idx="506">
                  <c:v>43276</c:v>
                </c:pt>
                <c:pt idx="507">
                  <c:v>43277</c:v>
                </c:pt>
                <c:pt idx="508">
                  <c:v>43278</c:v>
                </c:pt>
                <c:pt idx="509">
                  <c:v>43279</c:v>
                </c:pt>
                <c:pt idx="510">
                  <c:v>43280</c:v>
                </c:pt>
                <c:pt idx="511">
                  <c:v>43283</c:v>
                </c:pt>
                <c:pt idx="512">
                  <c:v>43284</c:v>
                </c:pt>
                <c:pt idx="513">
                  <c:v>43285</c:v>
                </c:pt>
                <c:pt idx="514">
                  <c:v>43286</c:v>
                </c:pt>
                <c:pt idx="515">
                  <c:v>43287</c:v>
                </c:pt>
                <c:pt idx="516">
                  <c:v>43290</c:v>
                </c:pt>
                <c:pt idx="517">
                  <c:v>43291</c:v>
                </c:pt>
                <c:pt idx="518">
                  <c:v>43292</c:v>
                </c:pt>
                <c:pt idx="519">
                  <c:v>43293</c:v>
                </c:pt>
                <c:pt idx="520">
                  <c:v>43294</c:v>
                </c:pt>
                <c:pt idx="521">
                  <c:v>43297</c:v>
                </c:pt>
                <c:pt idx="522">
                  <c:v>43298</c:v>
                </c:pt>
                <c:pt idx="523">
                  <c:v>43299</c:v>
                </c:pt>
                <c:pt idx="524">
                  <c:v>43300</c:v>
                </c:pt>
                <c:pt idx="525">
                  <c:v>43301</c:v>
                </c:pt>
                <c:pt idx="526">
                  <c:v>43304</c:v>
                </c:pt>
                <c:pt idx="527">
                  <c:v>43305</c:v>
                </c:pt>
                <c:pt idx="528">
                  <c:v>43306</c:v>
                </c:pt>
                <c:pt idx="529">
                  <c:v>43307</c:v>
                </c:pt>
                <c:pt idx="530">
                  <c:v>43308</c:v>
                </c:pt>
                <c:pt idx="531">
                  <c:v>43311</c:v>
                </c:pt>
                <c:pt idx="532">
                  <c:v>43312</c:v>
                </c:pt>
                <c:pt idx="533">
                  <c:v>43313</c:v>
                </c:pt>
                <c:pt idx="534">
                  <c:v>43314</c:v>
                </c:pt>
                <c:pt idx="535">
                  <c:v>43315</c:v>
                </c:pt>
                <c:pt idx="536">
                  <c:v>43318</c:v>
                </c:pt>
                <c:pt idx="537">
                  <c:v>43319</c:v>
                </c:pt>
                <c:pt idx="538">
                  <c:v>43320</c:v>
                </c:pt>
                <c:pt idx="539">
                  <c:v>43321</c:v>
                </c:pt>
                <c:pt idx="540">
                  <c:v>43322</c:v>
                </c:pt>
                <c:pt idx="541">
                  <c:v>43325</c:v>
                </c:pt>
                <c:pt idx="542">
                  <c:v>43326</c:v>
                </c:pt>
                <c:pt idx="543">
                  <c:v>43327</c:v>
                </c:pt>
                <c:pt idx="544">
                  <c:v>43328</c:v>
                </c:pt>
                <c:pt idx="545">
                  <c:v>43329</c:v>
                </c:pt>
                <c:pt idx="546">
                  <c:v>43332</c:v>
                </c:pt>
                <c:pt idx="547">
                  <c:v>43333</c:v>
                </c:pt>
                <c:pt idx="548">
                  <c:v>43334</c:v>
                </c:pt>
                <c:pt idx="549">
                  <c:v>43335</c:v>
                </c:pt>
                <c:pt idx="550">
                  <c:v>43336</c:v>
                </c:pt>
                <c:pt idx="551">
                  <c:v>43339</c:v>
                </c:pt>
                <c:pt idx="552">
                  <c:v>43340</c:v>
                </c:pt>
                <c:pt idx="553">
                  <c:v>43341</c:v>
                </c:pt>
                <c:pt idx="554">
                  <c:v>43342</c:v>
                </c:pt>
                <c:pt idx="555">
                  <c:v>43343</c:v>
                </c:pt>
                <c:pt idx="556">
                  <c:v>43346</c:v>
                </c:pt>
                <c:pt idx="557">
                  <c:v>43347</c:v>
                </c:pt>
                <c:pt idx="558">
                  <c:v>43348</c:v>
                </c:pt>
                <c:pt idx="559">
                  <c:v>43349</c:v>
                </c:pt>
                <c:pt idx="560">
                  <c:v>43353</c:v>
                </c:pt>
                <c:pt idx="561">
                  <c:v>43354</c:v>
                </c:pt>
                <c:pt idx="562">
                  <c:v>43355</c:v>
                </c:pt>
                <c:pt idx="563">
                  <c:v>43356</c:v>
                </c:pt>
                <c:pt idx="564">
                  <c:v>43357</c:v>
                </c:pt>
                <c:pt idx="565">
                  <c:v>43360</c:v>
                </c:pt>
                <c:pt idx="566">
                  <c:v>43361</c:v>
                </c:pt>
                <c:pt idx="567">
                  <c:v>43362</c:v>
                </c:pt>
                <c:pt idx="568">
                  <c:v>43363</c:v>
                </c:pt>
                <c:pt idx="569">
                  <c:v>43364</c:v>
                </c:pt>
                <c:pt idx="570">
                  <c:v>43367</c:v>
                </c:pt>
                <c:pt idx="571">
                  <c:v>43368</c:v>
                </c:pt>
                <c:pt idx="572">
                  <c:v>43369</c:v>
                </c:pt>
                <c:pt idx="573">
                  <c:v>43370</c:v>
                </c:pt>
                <c:pt idx="574">
                  <c:v>43371</c:v>
                </c:pt>
                <c:pt idx="575">
                  <c:v>43374</c:v>
                </c:pt>
                <c:pt idx="576">
                  <c:v>43375</c:v>
                </c:pt>
                <c:pt idx="577">
                  <c:v>43376</c:v>
                </c:pt>
                <c:pt idx="578">
                  <c:v>43377</c:v>
                </c:pt>
                <c:pt idx="579">
                  <c:v>43378</c:v>
                </c:pt>
                <c:pt idx="580">
                  <c:v>43381</c:v>
                </c:pt>
                <c:pt idx="581">
                  <c:v>43382</c:v>
                </c:pt>
                <c:pt idx="582">
                  <c:v>43383</c:v>
                </c:pt>
                <c:pt idx="583">
                  <c:v>43384</c:v>
                </c:pt>
                <c:pt idx="584">
                  <c:v>43388</c:v>
                </c:pt>
                <c:pt idx="585">
                  <c:v>43389</c:v>
                </c:pt>
                <c:pt idx="586">
                  <c:v>43390</c:v>
                </c:pt>
                <c:pt idx="587">
                  <c:v>43391</c:v>
                </c:pt>
                <c:pt idx="588">
                  <c:v>43392</c:v>
                </c:pt>
                <c:pt idx="589">
                  <c:v>43395</c:v>
                </c:pt>
                <c:pt idx="590">
                  <c:v>43396</c:v>
                </c:pt>
                <c:pt idx="591">
                  <c:v>43397</c:v>
                </c:pt>
                <c:pt idx="592">
                  <c:v>43398</c:v>
                </c:pt>
                <c:pt idx="593">
                  <c:v>43399</c:v>
                </c:pt>
                <c:pt idx="594">
                  <c:v>43402</c:v>
                </c:pt>
                <c:pt idx="595">
                  <c:v>43403</c:v>
                </c:pt>
                <c:pt idx="596">
                  <c:v>43404</c:v>
                </c:pt>
                <c:pt idx="597">
                  <c:v>43405</c:v>
                </c:pt>
                <c:pt idx="598">
                  <c:v>43409</c:v>
                </c:pt>
                <c:pt idx="599">
                  <c:v>43410</c:v>
                </c:pt>
                <c:pt idx="600">
                  <c:v>43411</c:v>
                </c:pt>
                <c:pt idx="601">
                  <c:v>43412</c:v>
                </c:pt>
                <c:pt idx="602">
                  <c:v>43413</c:v>
                </c:pt>
                <c:pt idx="603">
                  <c:v>43416</c:v>
                </c:pt>
                <c:pt idx="604">
                  <c:v>43417</c:v>
                </c:pt>
                <c:pt idx="605">
                  <c:v>43418</c:v>
                </c:pt>
                <c:pt idx="606">
                  <c:v>43420</c:v>
                </c:pt>
                <c:pt idx="607">
                  <c:v>43423</c:v>
                </c:pt>
                <c:pt idx="608">
                  <c:v>43424</c:v>
                </c:pt>
                <c:pt idx="609">
                  <c:v>43425</c:v>
                </c:pt>
                <c:pt idx="610">
                  <c:v>43426</c:v>
                </c:pt>
                <c:pt idx="611">
                  <c:v>43427</c:v>
                </c:pt>
                <c:pt idx="612">
                  <c:v>43430</c:v>
                </c:pt>
                <c:pt idx="613">
                  <c:v>43431</c:v>
                </c:pt>
                <c:pt idx="614">
                  <c:v>43432</c:v>
                </c:pt>
                <c:pt idx="615">
                  <c:v>43433</c:v>
                </c:pt>
                <c:pt idx="616">
                  <c:v>43434</c:v>
                </c:pt>
                <c:pt idx="617">
                  <c:v>43437</c:v>
                </c:pt>
                <c:pt idx="618">
                  <c:v>43438</c:v>
                </c:pt>
                <c:pt idx="619">
                  <c:v>43439</c:v>
                </c:pt>
                <c:pt idx="620">
                  <c:v>43440</c:v>
                </c:pt>
                <c:pt idx="621">
                  <c:v>43441</c:v>
                </c:pt>
                <c:pt idx="622">
                  <c:v>43444</c:v>
                </c:pt>
                <c:pt idx="623">
                  <c:v>43445</c:v>
                </c:pt>
                <c:pt idx="624">
                  <c:v>43446</c:v>
                </c:pt>
                <c:pt idx="625">
                  <c:v>43447</c:v>
                </c:pt>
                <c:pt idx="626">
                  <c:v>43448</c:v>
                </c:pt>
                <c:pt idx="627">
                  <c:v>43451</c:v>
                </c:pt>
                <c:pt idx="628">
                  <c:v>43452</c:v>
                </c:pt>
                <c:pt idx="629">
                  <c:v>43453</c:v>
                </c:pt>
                <c:pt idx="630">
                  <c:v>43454</c:v>
                </c:pt>
                <c:pt idx="631">
                  <c:v>43455</c:v>
                </c:pt>
                <c:pt idx="632">
                  <c:v>43458</c:v>
                </c:pt>
                <c:pt idx="633">
                  <c:v>43460</c:v>
                </c:pt>
                <c:pt idx="634">
                  <c:v>43461</c:v>
                </c:pt>
                <c:pt idx="635">
                  <c:v>43462</c:v>
                </c:pt>
                <c:pt idx="636">
                  <c:v>43465</c:v>
                </c:pt>
                <c:pt idx="637">
                  <c:v>43467</c:v>
                </c:pt>
                <c:pt idx="638">
                  <c:v>43468</c:v>
                </c:pt>
                <c:pt idx="639">
                  <c:v>43469</c:v>
                </c:pt>
                <c:pt idx="640">
                  <c:v>43472</c:v>
                </c:pt>
                <c:pt idx="641">
                  <c:v>43473</c:v>
                </c:pt>
                <c:pt idx="642">
                  <c:v>43474</c:v>
                </c:pt>
                <c:pt idx="643">
                  <c:v>43475</c:v>
                </c:pt>
                <c:pt idx="644">
                  <c:v>43476</c:v>
                </c:pt>
                <c:pt idx="645">
                  <c:v>43479</c:v>
                </c:pt>
                <c:pt idx="646">
                  <c:v>43480</c:v>
                </c:pt>
                <c:pt idx="647">
                  <c:v>43481</c:v>
                </c:pt>
                <c:pt idx="648">
                  <c:v>43482</c:v>
                </c:pt>
                <c:pt idx="649">
                  <c:v>43483</c:v>
                </c:pt>
                <c:pt idx="650">
                  <c:v>43486</c:v>
                </c:pt>
                <c:pt idx="651">
                  <c:v>43487</c:v>
                </c:pt>
                <c:pt idx="652">
                  <c:v>43488</c:v>
                </c:pt>
                <c:pt idx="653">
                  <c:v>43489</c:v>
                </c:pt>
                <c:pt idx="654">
                  <c:v>43490</c:v>
                </c:pt>
                <c:pt idx="655">
                  <c:v>43493</c:v>
                </c:pt>
                <c:pt idx="656">
                  <c:v>43494</c:v>
                </c:pt>
                <c:pt idx="657">
                  <c:v>43495</c:v>
                </c:pt>
                <c:pt idx="658">
                  <c:v>43496</c:v>
                </c:pt>
                <c:pt idx="659">
                  <c:v>43497</c:v>
                </c:pt>
                <c:pt idx="660">
                  <c:v>43500</c:v>
                </c:pt>
                <c:pt idx="661">
                  <c:v>43501</c:v>
                </c:pt>
                <c:pt idx="662">
                  <c:v>43502</c:v>
                </c:pt>
                <c:pt idx="663">
                  <c:v>43503</c:v>
                </c:pt>
                <c:pt idx="664">
                  <c:v>43504</c:v>
                </c:pt>
                <c:pt idx="665">
                  <c:v>43507</c:v>
                </c:pt>
                <c:pt idx="666">
                  <c:v>43508</c:v>
                </c:pt>
                <c:pt idx="667">
                  <c:v>43509</c:v>
                </c:pt>
                <c:pt idx="668">
                  <c:v>43510</c:v>
                </c:pt>
                <c:pt idx="669">
                  <c:v>43511</c:v>
                </c:pt>
                <c:pt idx="670">
                  <c:v>43514</c:v>
                </c:pt>
                <c:pt idx="671">
                  <c:v>43515</c:v>
                </c:pt>
                <c:pt idx="672">
                  <c:v>43516</c:v>
                </c:pt>
                <c:pt idx="673">
                  <c:v>43517</c:v>
                </c:pt>
                <c:pt idx="674">
                  <c:v>43518</c:v>
                </c:pt>
                <c:pt idx="675">
                  <c:v>43521</c:v>
                </c:pt>
                <c:pt idx="676">
                  <c:v>43522</c:v>
                </c:pt>
                <c:pt idx="677">
                  <c:v>43523</c:v>
                </c:pt>
                <c:pt idx="678">
                  <c:v>43524</c:v>
                </c:pt>
                <c:pt idx="679">
                  <c:v>43525</c:v>
                </c:pt>
                <c:pt idx="680">
                  <c:v>43530</c:v>
                </c:pt>
                <c:pt idx="681">
                  <c:v>43531</c:v>
                </c:pt>
                <c:pt idx="682">
                  <c:v>43532</c:v>
                </c:pt>
                <c:pt idx="683">
                  <c:v>43535</c:v>
                </c:pt>
                <c:pt idx="684">
                  <c:v>43536</c:v>
                </c:pt>
                <c:pt idx="685">
                  <c:v>43537</c:v>
                </c:pt>
                <c:pt idx="686">
                  <c:v>43538</c:v>
                </c:pt>
                <c:pt idx="687">
                  <c:v>43539</c:v>
                </c:pt>
                <c:pt idx="688">
                  <c:v>43542</c:v>
                </c:pt>
                <c:pt idx="689">
                  <c:v>43543</c:v>
                </c:pt>
                <c:pt idx="690">
                  <c:v>43544</c:v>
                </c:pt>
                <c:pt idx="691">
                  <c:v>43545</c:v>
                </c:pt>
                <c:pt idx="692">
                  <c:v>43546</c:v>
                </c:pt>
                <c:pt idx="693">
                  <c:v>43549</c:v>
                </c:pt>
                <c:pt idx="694">
                  <c:v>43550</c:v>
                </c:pt>
                <c:pt idx="695">
                  <c:v>43551</c:v>
                </c:pt>
                <c:pt idx="696">
                  <c:v>43552</c:v>
                </c:pt>
                <c:pt idx="697">
                  <c:v>43553</c:v>
                </c:pt>
                <c:pt idx="698">
                  <c:v>43556</c:v>
                </c:pt>
                <c:pt idx="699">
                  <c:v>43557</c:v>
                </c:pt>
                <c:pt idx="700">
                  <c:v>43558</c:v>
                </c:pt>
                <c:pt idx="701">
                  <c:v>43559</c:v>
                </c:pt>
                <c:pt idx="702">
                  <c:v>43560</c:v>
                </c:pt>
                <c:pt idx="703">
                  <c:v>43563</c:v>
                </c:pt>
                <c:pt idx="704">
                  <c:v>43564</c:v>
                </c:pt>
                <c:pt idx="705">
                  <c:v>43565</c:v>
                </c:pt>
                <c:pt idx="706">
                  <c:v>43566</c:v>
                </c:pt>
                <c:pt idx="707">
                  <c:v>43567</c:v>
                </c:pt>
                <c:pt idx="708">
                  <c:v>43570</c:v>
                </c:pt>
                <c:pt idx="709">
                  <c:v>43571</c:v>
                </c:pt>
                <c:pt idx="710">
                  <c:v>43572</c:v>
                </c:pt>
                <c:pt idx="711">
                  <c:v>43573</c:v>
                </c:pt>
                <c:pt idx="712">
                  <c:v>43577</c:v>
                </c:pt>
                <c:pt idx="713">
                  <c:v>43578</c:v>
                </c:pt>
                <c:pt idx="714">
                  <c:v>43579</c:v>
                </c:pt>
                <c:pt idx="715">
                  <c:v>43580</c:v>
                </c:pt>
                <c:pt idx="716">
                  <c:v>43581</c:v>
                </c:pt>
                <c:pt idx="717">
                  <c:v>43584</c:v>
                </c:pt>
                <c:pt idx="718">
                  <c:v>43585</c:v>
                </c:pt>
                <c:pt idx="719">
                  <c:v>43587</c:v>
                </c:pt>
                <c:pt idx="720">
                  <c:v>43588</c:v>
                </c:pt>
                <c:pt idx="721">
                  <c:v>43591</c:v>
                </c:pt>
                <c:pt idx="722">
                  <c:v>43592</c:v>
                </c:pt>
                <c:pt idx="723">
                  <c:v>43593</c:v>
                </c:pt>
                <c:pt idx="724">
                  <c:v>43594</c:v>
                </c:pt>
                <c:pt idx="725">
                  <c:v>43595</c:v>
                </c:pt>
                <c:pt idx="726">
                  <c:v>43598</c:v>
                </c:pt>
                <c:pt idx="727">
                  <c:v>43599</c:v>
                </c:pt>
                <c:pt idx="728">
                  <c:v>43600</c:v>
                </c:pt>
                <c:pt idx="729">
                  <c:v>43601</c:v>
                </c:pt>
                <c:pt idx="730">
                  <c:v>43602</c:v>
                </c:pt>
                <c:pt idx="731">
                  <c:v>43605</c:v>
                </c:pt>
                <c:pt idx="732">
                  <c:v>43606</c:v>
                </c:pt>
                <c:pt idx="733">
                  <c:v>43607</c:v>
                </c:pt>
                <c:pt idx="734">
                  <c:v>43608</c:v>
                </c:pt>
                <c:pt idx="735">
                  <c:v>43609</c:v>
                </c:pt>
                <c:pt idx="736">
                  <c:v>43612</c:v>
                </c:pt>
                <c:pt idx="737">
                  <c:v>43613</c:v>
                </c:pt>
                <c:pt idx="738">
                  <c:v>43614</c:v>
                </c:pt>
                <c:pt idx="739">
                  <c:v>43615</c:v>
                </c:pt>
                <c:pt idx="740">
                  <c:v>43616</c:v>
                </c:pt>
              </c:numCache>
            </c:numRef>
          </c:cat>
          <c:val>
            <c:numRef>
              <c:f>'[DadosIndustria48.xlsx]Quantum Axis'!$K$2:$K$742</c:f>
              <c:numCache>
                <c:formatCode>0%</c:formatCode>
                <c:ptCount val="741"/>
                <c:pt idx="0">
                  <c:v>0</c:v>
                </c:pt>
                <c:pt idx="1">
                  <c:v>5.2461360755162723E-4</c:v>
                </c:pt>
                <c:pt idx="2">
                  <c:v>1.0495024345404946E-3</c:v>
                </c:pt>
                <c:pt idx="3">
                  <c:v>1.5746666253504404E-3</c:v>
                </c:pt>
                <c:pt idx="4">
                  <c:v>2.1001063244410201E-3</c:v>
                </c:pt>
                <c:pt idx="5">
                  <c:v>2.6258216763477282E-3</c:v>
                </c:pt>
                <c:pt idx="6">
                  <c:v>3.1518128256817768E-3</c:v>
                </c:pt>
                <c:pt idx="7">
                  <c:v>3.6780799171303169E-3</c:v>
                </c:pt>
                <c:pt idx="8">
                  <c:v>4.2046230954562169E-3</c:v>
                </c:pt>
                <c:pt idx="9">
                  <c:v>4.7314425054982845E-3</c:v>
                </c:pt>
                <c:pt idx="10">
                  <c:v>5.2585382921717105E-3</c:v>
                </c:pt>
                <c:pt idx="11">
                  <c:v>5.7859106004671812E-3</c:v>
                </c:pt>
                <c:pt idx="12">
                  <c:v>6.313559575451988E-3</c:v>
                </c:pt>
                <c:pt idx="13">
                  <c:v>6.8414853622689176E-3</c:v>
                </c:pt>
                <c:pt idx="14">
                  <c:v>7.369688106137362E-3</c:v>
                </c:pt>
                <c:pt idx="15">
                  <c:v>7.8981679523528747E-3</c:v>
                </c:pt>
                <c:pt idx="16">
                  <c:v>8.4269250462869483E-3</c:v>
                </c:pt>
                <c:pt idx="17">
                  <c:v>8.9559595333876807E-3</c:v>
                </c:pt>
                <c:pt idx="18">
                  <c:v>9.4852715591791092E-3</c:v>
                </c:pt>
                <c:pt idx="19">
                  <c:v>1.0014861269262099E-2</c:v>
                </c:pt>
                <c:pt idx="20">
                  <c:v>1.0544728809313009E-2</c:v>
                </c:pt>
                <c:pt idx="21">
                  <c:v>1.1074874325086137E-2</c:v>
                </c:pt>
                <c:pt idx="22">
                  <c:v>1.160529796241061E-2</c:v>
                </c:pt>
                <c:pt idx="23">
                  <c:v>1.2135999867193048E-2</c:v>
                </c:pt>
                <c:pt idx="24">
                  <c:v>1.2666980185416232E-2</c:v>
                </c:pt>
                <c:pt idx="25">
                  <c:v>1.3198239063139772E-2</c:v>
                </c:pt>
                <c:pt idx="26">
                  <c:v>1.3729776646499658E-2</c:v>
                </c:pt>
                <c:pt idx="27">
                  <c:v>1.4261593081708712E-2</c:v>
                </c:pt>
                <c:pt idx="28">
                  <c:v>1.4793688515056358E-2</c:v>
                </c:pt>
                <c:pt idx="29">
                  <c:v>1.5326063092908848E-2</c:v>
                </c:pt>
                <c:pt idx="30">
                  <c:v>1.5858716961709263E-2</c:v>
                </c:pt>
                <c:pt idx="31">
                  <c:v>1.6391650267977287E-2</c:v>
                </c:pt>
                <c:pt idx="32">
                  <c:v>1.6924863158309655E-2</c:v>
                </c:pt>
                <c:pt idx="33">
                  <c:v>1.7458355779380152E-2</c:v>
                </c:pt>
                <c:pt idx="34">
                  <c:v>1.7992128277938946E-2</c:v>
                </c:pt>
                <c:pt idx="35">
                  <c:v>1.8526180800813696E-2</c:v>
                </c:pt>
                <c:pt idx="36">
                  <c:v>1.9060513494909337E-2</c:v>
                </c:pt>
                <c:pt idx="37">
                  <c:v>1.9595126507207405E-2</c:v>
                </c:pt>
                <c:pt idx="38">
                  <c:v>2.013001998476649E-2</c:v>
                </c:pt>
                <c:pt idx="39">
                  <c:v>2.0665194074722448E-2</c:v>
                </c:pt>
                <c:pt idx="40">
                  <c:v>2.1200648924288412E-2</c:v>
                </c:pt>
                <c:pt idx="41">
                  <c:v>2.1736384680754561E-2</c:v>
                </c:pt>
                <c:pt idx="42">
                  <c:v>2.2272401491488791E-2</c:v>
                </c:pt>
                <c:pt idx="43">
                  <c:v>2.2808699503935603E-2</c:v>
                </c:pt>
                <c:pt idx="44">
                  <c:v>2.3345278865617658E-2</c:v>
                </c:pt>
                <c:pt idx="45">
                  <c:v>2.3882139724134221E-2</c:v>
                </c:pt>
                <c:pt idx="46">
                  <c:v>2.441928222716272E-2</c:v>
                </c:pt>
                <c:pt idx="47">
                  <c:v>2.4956706522457406E-2</c:v>
                </c:pt>
                <c:pt idx="48">
                  <c:v>2.5494412757850471E-2</c:v>
                </c:pt>
                <c:pt idx="49">
                  <c:v>2.6032401081251377E-2</c:v>
                </c:pt>
                <c:pt idx="50">
                  <c:v>2.6570671640647525E-2</c:v>
                </c:pt>
                <c:pt idx="51">
                  <c:v>2.7109224584103586E-2</c:v>
                </c:pt>
                <c:pt idx="52">
                  <c:v>2.764806005976217E-2</c:v>
                </c:pt>
                <c:pt idx="53">
                  <c:v>2.8187178215843378E-2</c:v>
                </c:pt>
                <c:pt idx="54">
                  <c:v>2.8726579200645475E-2</c:v>
                </c:pt>
                <c:pt idx="55">
                  <c:v>2.9266263162544215E-2</c:v>
                </c:pt>
                <c:pt idx="56">
                  <c:v>2.9806230249993071E-2</c:v>
                </c:pt>
                <c:pt idx="57">
                  <c:v>3.0346480611523452E-2</c:v>
                </c:pt>
                <c:pt idx="58">
                  <c:v>3.0887014395744927E-2</c:v>
                </c:pt>
                <c:pt idx="59">
                  <c:v>3.1427831751345225E-2</c:v>
                </c:pt>
                <c:pt idx="60">
                  <c:v>3.1968932827089791E-2</c:v>
                </c:pt>
                <c:pt idx="61">
                  <c:v>3.251031777182134E-2</c:v>
                </c:pt>
                <c:pt idx="62">
                  <c:v>3.3051986734461858E-2</c:v>
                </c:pt>
                <c:pt idx="63">
                  <c:v>3.3593939864011269E-2</c:v>
                </c:pt>
                <c:pt idx="64">
                  <c:v>3.4136177309546767E-2</c:v>
                </c:pt>
                <c:pt idx="65">
                  <c:v>3.4678699220224818E-2</c:v>
                </c:pt>
                <c:pt idx="66">
                  <c:v>3.5221505745279602E-2</c:v>
                </c:pt>
                <c:pt idx="67">
                  <c:v>3.5764597034023682E-2</c:v>
                </c:pt>
                <c:pt idx="68">
                  <c:v>3.6307973235848001E-2</c:v>
                </c:pt>
                <c:pt idx="69">
                  <c:v>3.6851634500221664E-2</c:v>
                </c:pt>
                <c:pt idx="70">
                  <c:v>3.73955809766926E-2</c:v>
                </c:pt>
                <c:pt idx="71">
                  <c:v>3.7939812814886897E-2</c:v>
                </c:pt>
                <c:pt idx="72">
                  <c:v>3.8484330164509251E-2</c:v>
                </c:pt>
                <c:pt idx="73">
                  <c:v>3.9029133175342734E-2</c:v>
                </c:pt>
                <c:pt idx="74">
                  <c:v>3.9574221997249026E-2</c:v>
                </c:pt>
                <c:pt idx="75">
                  <c:v>4.0119596780168632E-2</c:v>
                </c:pt>
                <c:pt idx="76">
                  <c:v>4.0665257674120658E-2</c:v>
                </c:pt>
                <c:pt idx="77">
                  <c:v>4.1211204829202819E-2</c:v>
                </c:pt>
                <c:pt idx="78">
                  <c:v>4.1757438395591429E-2</c:v>
                </c:pt>
                <c:pt idx="79">
                  <c:v>4.2303958523541629E-2</c:v>
                </c:pt>
                <c:pt idx="80">
                  <c:v>4.2850765363388055E-2</c:v>
                </c:pt>
                <c:pt idx="81">
                  <c:v>4.3397859065543276E-2</c:v>
                </c:pt>
                <c:pt idx="82">
                  <c:v>4.3945239780499357E-2</c:v>
                </c:pt>
                <c:pt idx="83">
                  <c:v>4.4492907658826963E-2</c:v>
                </c:pt>
                <c:pt idx="84">
                  <c:v>4.5040862851176033E-2</c:v>
                </c:pt>
                <c:pt idx="85">
                  <c:v>4.5589105508275329E-2</c:v>
                </c:pt>
                <c:pt idx="86">
                  <c:v>4.6137635780932662E-2</c:v>
                </c:pt>
                <c:pt idx="87">
                  <c:v>4.6686453820035334E-2</c:v>
                </c:pt>
                <c:pt idx="88">
                  <c:v>4.7226446842358216E-2</c:v>
                </c:pt>
                <c:pt idx="89">
                  <c:v>4.7766718450940493E-2</c:v>
                </c:pt>
                <c:pt idx="90">
                  <c:v>4.8307268789507418E-2</c:v>
                </c:pt>
                <c:pt idx="91">
                  <c:v>4.8848098001857077E-2</c:v>
                </c:pt>
                <c:pt idx="92">
                  <c:v>4.9389206231862826E-2</c:v>
                </c:pt>
                <c:pt idx="93">
                  <c:v>4.9930593623471742E-2</c:v>
                </c:pt>
                <c:pt idx="94">
                  <c:v>5.0472260320705509E-2</c:v>
                </c:pt>
                <c:pt idx="95">
                  <c:v>5.1014206467659751E-2</c:v>
                </c:pt>
                <c:pt idx="96">
                  <c:v>5.1556432208504477E-2</c:v>
                </c:pt>
                <c:pt idx="97">
                  <c:v>5.2098937687484304E-2</c:v>
                </c:pt>
                <c:pt idx="98">
                  <c:v>5.264172304891801E-2</c:v>
                </c:pt>
                <c:pt idx="99">
                  <c:v>5.3184788437198982E-2</c:v>
                </c:pt>
                <c:pt idx="100">
                  <c:v>5.3728133996795213E-2</c:v>
                </c:pt>
                <c:pt idx="101">
                  <c:v>5.4271759872249081E-2</c:v>
                </c:pt>
                <c:pt idx="102">
                  <c:v>5.4815666208177349E-2</c:v>
                </c:pt>
                <c:pt idx="103">
                  <c:v>5.5359853149271609E-2</c:v>
                </c:pt>
                <c:pt idx="104">
                  <c:v>5.5904320840298283E-2</c:v>
                </c:pt>
                <c:pt idx="105">
                  <c:v>5.6449069426098175E-2</c:v>
                </c:pt>
                <c:pt idx="106">
                  <c:v>5.69940990515867E-2</c:v>
                </c:pt>
                <c:pt idx="107">
                  <c:v>5.7539409861754542E-2</c:v>
                </c:pt>
                <c:pt idx="108">
                  <c:v>5.8085002001666775E-2</c:v>
                </c:pt>
                <c:pt idx="109">
                  <c:v>5.8630875616463296E-2</c:v>
                </c:pt>
                <c:pt idx="110">
                  <c:v>5.9177030851359058E-2</c:v>
                </c:pt>
                <c:pt idx="111">
                  <c:v>5.9723467851644285E-2</c:v>
                </c:pt>
                <c:pt idx="112">
                  <c:v>6.0270186762683142E-2</c:v>
                </c:pt>
                <c:pt idx="113">
                  <c:v>6.0817187729915734E-2</c:v>
                </c:pt>
                <c:pt idx="114">
                  <c:v>6.1364470898856771E-2</c:v>
                </c:pt>
                <c:pt idx="115">
                  <c:v>6.1912036415096461E-2</c:v>
                </c:pt>
                <c:pt idx="116">
                  <c:v>6.245061869100188E-2</c:v>
                </c:pt>
                <c:pt idx="117">
                  <c:v>6.2989474125943135E-2</c:v>
                </c:pt>
                <c:pt idx="118">
                  <c:v>6.3528602858460959E-2</c:v>
                </c:pt>
                <c:pt idx="119">
                  <c:v>6.4068005027167807E-2</c:v>
                </c:pt>
                <c:pt idx="120">
                  <c:v>6.4607680770744746E-2</c:v>
                </c:pt>
                <c:pt idx="121">
                  <c:v>6.514763022794412E-2</c:v>
                </c:pt>
                <c:pt idx="122">
                  <c:v>6.5687853537588659E-2</c:v>
                </c:pt>
                <c:pt idx="123">
                  <c:v>6.6228350838571037E-2</c:v>
                </c:pt>
                <c:pt idx="124">
                  <c:v>6.6769122269854764E-2</c:v>
                </c:pt>
                <c:pt idx="125">
                  <c:v>6.7310167970473511E-2</c:v>
                </c:pt>
                <c:pt idx="126">
                  <c:v>6.7851488079531785E-2</c:v>
                </c:pt>
                <c:pt idx="127">
                  <c:v>6.839308273620448E-2</c:v>
                </c:pt>
                <c:pt idx="128">
                  <c:v>6.89349520797371E-2</c:v>
                </c:pt>
                <c:pt idx="129">
                  <c:v>6.947709624944598E-2</c:v>
                </c:pt>
                <c:pt idx="130">
                  <c:v>7.0019515384717623E-2</c:v>
                </c:pt>
                <c:pt idx="131">
                  <c:v>7.0562209625009586E-2</c:v>
                </c:pt>
                <c:pt idx="132">
                  <c:v>7.1105179109850036E-2</c:v>
                </c:pt>
                <c:pt idx="133">
                  <c:v>7.1648423978837972E-2</c:v>
                </c:pt>
                <c:pt idx="134">
                  <c:v>7.2191944371643224E-2</c:v>
                </c:pt>
                <c:pt idx="135">
                  <c:v>7.2735740428006457E-2</c:v>
                </c:pt>
                <c:pt idx="136">
                  <c:v>7.3279812287739166E-2</c:v>
                </c:pt>
                <c:pt idx="137">
                  <c:v>7.3824160090723678E-2</c:v>
                </c:pt>
                <c:pt idx="138">
                  <c:v>7.4368783976913377E-2</c:v>
                </c:pt>
                <c:pt idx="139">
                  <c:v>7.4913684086332477E-2</c:v>
                </c:pt>
                <c:pt idx="140">
                  <c:v>7.5458860559076468E-2</c:v>
                </c:pt>
                <c:pt idx="141">
                  <c:v>7.6004313535311896E-2</c:v>
                </c:pt>
                <c:pt idx="142">
                  <c:v>7.6550043155276137E-2</c:v>
                </c:pt>
                <c:pt idx="143">
                  <c:v>7.7096049559277402E-2</c:v>
                </c:pt>
                <c:pt idx="144">
                  <c:v>7.7642332887695842E-2</c:v>
                </c:pt>
                <c:pt idx="145">
                  <c:v>7.8188893280982219E-2</c:v>
                </c:pt>
                <c:pt idx="146">
                  <c:v>7.8707383411049436E-2</c:v>
                </c:pt>
                <c:pt idx="147">
                  <c:v>7.9226122877774197E-2</c:v>
                </c:pt>
                <c:pt idx="148">
                  <c:v>7.9745111801060142E-2</c:v>
                </c:pt>
                <c:pt idx="149">
                  <c:v>8.0264350300868426E-2</c:v>
                </c:pt>
                <c:pt idx="150">
                  <c:v>8.0783838497217486E-2</c:v>
                </c:pt>
                <c:pt idx="151">
                  <c:v>8.1303576510184383E-2</c:v>
                </c:pt>
                <c:pt idx="152">
                  <c:v>8.1823564459903242E-2</c:v>
                </c:pt>
                <c:pt idx="153">
                  <c:v>8.2343802466566141E-2</c:v>
                </c:pt>
                <c:pt idx="154">
                  <c:v>8.2864290650422889E-2</c:v>
                </c:pt>
                <c:pt idx="155">
                  <c:v>8.338502913178103E-2</c:v>
                </c:pt>
                <c:pt idx="156">
                  <c:v>8.3906018031006058E-2</c:v>
                </c:pt>
                <c:pt idx="157">
                  <c:v>8.4427257468521644E-2</c:v>
                </c:pt>
                <c:pt idx="158">
                  <c:v>8.4948747564809413E-2</c:v>
                </c:pt>
                <c:pt idx="159">
                  <c:v>8.5470488440408054E-2</c:v>
                </c:pt>
                <c:pt idx="160">
                  <c:v>8.5992480215914657E-2</c:v>
                </c:pt>
                <c:pt idx="161">
                  <c:v>8.6514723011984929E-2</c:v>
                </c:pt>
                <c:pt idx="162">
                  <c:v>8.7037216949331864E-2</c:v>
                </c:pt>
                <c:pt idx="163">
                  <c:v>8.7559962148727077E-2</c:v>
                </c:pt>
                <c:pt idx="164">
                  <c:v>8.8082958730999694E-2</c:v>
                </c:pt>
                <c:pt idx="165">
                  <c:v>8.8606206817037236E-2</c:v>
                </c:pt>
                <c:pt idx="166">
                  <c:v>8.9129706527785402E-2</c:v>
                </c:pt>
                <c:pt idx="167">
                  <c:v>8.9653457984247842E-2</c:v>
                </c:pt>
                <c:pt idx="168">
                  <c:v>9.0177461307486606E-2</c:v>
                </c:pt>
                <c:pt idx="169">
                  <c:v>9.0701716618621919E-2</c:v>
                </c:pt>
                <c:pt idx="170">
                  <c:v>9.122622403883196E-2</c:v>
                </c:pt>
                <c:pt idx="171">
                  <c:v>9.1750983689353749E-2</c:v>
                </c:pt>
                <c:pt idx="172">
                  <c:v>9.2275995691482038E-2</c:v>
                </c:pt>
                <c:pt idx="173">
                  <c:v>9.2801260166570421E-2</c:v>
                </c:pt>
                <c:pt idx="174">
                  <c:v>9.3326777236030223E-2</c:v>
                </c:pt>
                <c:pt idx="175">
                  <c:v>9.3852547021331834E-2</c:v>
                </c:pt>
                <c:pt idx="176">
                  <c:v>9.4349619392392503E-2</c:v>
                </c:pt>
                <c:pt idx="177">
                  <c:v>9.4846917644850759E-2</c:v>
                </c:pt>
                <c:pt idx="178">
                  <c:v>9.5344441881352271E-2</c:v>
                </c:pt>
                <c:pt idx="179">
                  <c:v>9.584219220458956E-2</c:v>
                </c:pt>
                <c:pt idx="180">
                  <c:v>9.6340168717301999E-2</c:v>
                </c:pt>
                <c:pt idx="181">
                  <c:v>9.6838371522275368E-2</c:v>
                </c:pt>
                <c:pt idx="182">
                  <c:v>9.7336800722342076E-2</c:v>
                </c:pt>
                <c:pt idx="183">
                  <c:v>9.7835456420381384E-2</c:v>
                </c:pt>
                <c:pt idx="184">
                  <c:v>9.8334338719319181E-2</c:v>
                </c:pt>
                <c:pt idx="185">
                  <c:v>9.8833447722128653E-2</c:v>
                </c:pt>
                <c:pt idx="186">
                  <c:v>9.9332783531829172E-2</c:v>
                </c:pt>
                <c:pt idx="187">
                  <c:v>9.9832346251487181E-2</c:v>
                </c:pt>
                <c:pt idx="188">
                  <c:v>0.10033213598421575</c:v>
                </c:pt>
                <c:pt idx="189">
                  <c:v>0.10083215283317526</c:v>
                </c:pt>
                <c:pt idx="190">
                  <c:v>0.10133239690157247</c:v>
                </c:pt>
                <c:pt idx="191">
                  <c:v>0.10183286829266147</c:v>
                </c:pt>
                <c:pt idx="192">
                  <c:v>0.10233356710974251</c:v>
                </c:pt>
                <c:pt idx="193">
                  <c:v>0.10283449345616402</c:v>
                </c:pt>
                <c:pt idx="194">
                  <c:v>0.10333564743531976</c:v>
                </c:pt>
                <c:pt idx="195">
                  <c:v>0.10383702915065207</c:v>
                </c:pt>
                <c:pt idx="196">
                  <c:v>0.10433863870564974</c:v>
                </c:pt>
                <c:pt idx="197">
                  <c:v>0.10484047620384818</c:v>
                </c:pt>
                <c:pt idx="198">
                  <c:v>0.10534254174883029</c:v>
                </c:pt>
                <c:pt idx="199">
                  <c:v>0.10584483544422585</c:v>
                </c:pt>
                <c:pt idx="200">
                  <c:v>0.10634735739371193</c:v>
                </c:pt>
                <c:pt idx="201">
                  <c:v>0.10685010770101266</c:v>
                </c:pt>
                <c:pt idx="202">
                  <c:v>0.10735308646989861</c:v>
                </c:pt>
                <c:pt idx="203">
                  <c:v>0.10785629380418849</c:v>
                </c:pt>
                <c:pt idx="204">
                  <c:v>0.10835972980774788</c:v>
                </c:pt>
                <c:pt idx="205">
                  <c:v>0.10886339458448946</c:v>
                </c:pt>
                <c:pt idx="206">
                  <c:v>0.10936728823837294</c:v>
                </c:pt>
                <c:pt idx="207">
                  <c:v>0.10987141087340579</c:v>
                </c:pt>
                <c:pt idx="208">
                  <c:v>0.11037576259364212</c:v>
                </c:pt>
                <c:pt idx="209">
                  <c:v>0.11084085406075461</c:v>
                </c:pt>
                <c:pt idx="210">
                  <c:v>0.11130614033585906</c:v>
                </c:pt>
                <c:pt idx="211">
                  <c:v>0.11177162150055286</c:v>
                </c:pt>
                <c:pt idx="212">
                  <c:v>0.11223729763646717</c:v>
                </c:pt>
                <c:pt idx="213">
                  <c:v>0.11270316882526776</c:v>
                </c:pt>
                <c:pt idx="214">
                  <c:v>0.1131692351486544</c:v>
                </c:pt>
                <c:pt idx="215">
                  <c:v>0.11363549668836104</c:v>
                </c:pt>
                <c:pt idx="216">
                  <c:v>0.11410195352615604</c:v>
                </c:pt>
                <c:pt idx="217">
                  <c:v>0.11456860574384131</c:v>
                </c:pt>
                <c:pt idx="218">
                  <c:v>0.11503545342325405</c:v>
                </c:pt>
                <c:pt idx="219">
                  <c:v>0.115502496646265</c:v>
                </c:pt>
                <c:pt idx="220">
                  <c:v>0.11596973549477974</c:v>
                </c:pt>
                <c:pt idx="221">
                  <c:v>0.11643717005073762</c:v>
                </c:pt>
                <c:pt idx="222">
                  <c:v>0.11690480039611262</c:v>
                </c:pt>
                <c:pt idx="223">
                  <c:v>0.11737262661291314</c:v>
                </c:pt>
                <c:pt idx="224">
                  <c:v>0.11784064878318201</c:v>
                </c:pt>
                <c:pt idx="225">
                  <c:v>0.11830886698899556</c:v>
                </c:pt>
                <c:pt idx="226">
                  <c:v>0.11877728131246523</c:v>
                </c:pt>
                <c:pt idx="227">
                  <c:v>0.11924589183573731</c:v>
                </c:pt>
                <c:pt idx="228">
                  <c:v>0.11971469864099182</c:v>
                </c:pt>
                <c:pt idx="229">
                  <c:v>0.12018370181044302</c:v>
                </c:pt>
                <c:pt idx="230">
                  <c:v>0.12065290142634022</c:v>
                </c:pt>
                <c:pt idx="231">
                  <c:v>0.12112229757096671</c:v>
                </c:pt>
                <c:pt idx="232">
                  <c:v>0.12159189032664042</c:v>
                </c:pt>
                <c:pt idx="233">
                  <c:v>0.12206167977571369</c:v>
                </c:pt>
                <c:pt idx="234">
                  <c:v>0.12253166600057375</c:v>
                </c:pt>
                <c:pt idx="235">
                  <c:v>0.12300184908364176</c:v>
                </c:pt>
                <c:pt idx="236">
                  <c:v>0.12347222910737354</c:v>
                </c:pt>
                <c:pt idx="237">
                  <c:v>0.12394280615425979</c:v>
                </c:pt>
                <c:pt idx="238">
                  <c:v>0.12441358030682581</c:v>
                </c:pt>
                <c:pt idx="239">
                  <c:v>0.12488455164763113</c:v>
                </c:pt>
                <c:pt idx="240">
                  <c:v>0.125355720259269</c:v>
                </c:pt>
                <c:pt idx="241">
                  <c:v>0.1257871093354046</c:v>
                </c:pt>
                <c:pt idx="242">
                  <c:v>0.12621866377839419</c:v>
                </c:pt>
                <c:pt idx="243">
                  <c:v>0.12665038365162862</c:v>
                </c:pt>
                <c:pt idx="244">
                  <c:v>0.12708226901852337</c:v>
                </c:pt>
                <c:pt idx="245">
                  <c:v>0.12751431994251794</c:v>
                </c:pt>
                <c:pt idx="246">
                  <c:v>0.12794653648707643</c:v>
                </c:pt>
                <c:pt idx="247">
                  <c:v>0.12837891871568696</c:v>
                </c:pt>
                <c:pt idx="248">
                  <c:v>0.1288114666918625</c:v>
                </c:pt>
                <c:pt idx="249">
                  <c:v>0.12924418047913977</c:v>
                </c:pt>
                <c:pt idx="250">
                  <c:v>0.12967706014107994</c:v>
                </c:pt>
                <c:pt idx="251">
                  <c:v>0.13011010574126902</c:v>
                </c:pt>
                <c:pt idx="252">
                  <c:v>0.13054331734331681</c:v>
                </c:pt>
                <c:pt idx="253">
                  <c:v>0.13097669501085796</c:v>
                </c:pt>
                <c:pt idx="254">
                  <c:v>0.13141023880755109</c:v>
                </c:pt>
                <c:pt idx="255">
                  <c:v>0.13184394879707972</c:v>
                </c:pt>
                <c:pt idx="256">
                  <c:v>0.13227782504315133</c:v>
                </c:pt>
                <c:pt idx="257">
                  <c:v>0.1327118676094976</c:v>
                </c:pt>
                <c:pt idx="258">
                  <c:v>0.13314607655987598</c:v>
                </c:pt>
                <c:pt idx="259">
                  <c:v>0.13358045195806678</c:v>
                </c:pt>
                <c:pt idx="260">
                  <c:v>0.13401499386787541</c:v>
                </c:pt>
                <c:pt idx="261">
                  <c:v>0.13444970235313192</c:v>
                </c:pt>
                <c:pt idx="262">
                  <c:v>0.13488457747769078</c:v>
                </c:pt>
                <c:pt idx="263">
                  <c:v>0.13531961930543046</c:v>
                </c:pt>
                <c:pt idx="264">
                  <c:v>0.13575482790025406</c:v>
                </c:pt>
                <c:pt idx="265">
                  <c:v>0.13619020332608978</c:v>
                </c:pt>
                <c:pt idx="266">
                  <c:v>0.13662574564689001</c:v>
                </c:pt>
                <c:pt idx="267">
                  <c:v>0.13706145492663113</c:v>
                </c:pt>
                <c:pt idx="268">
                  <c:v>0.13749733122931485</c:v>
                </c:pt>
                <c:pt idx="269">
                  <c:v>0.13793337461896638</c:v>
                </c:pt>
                <c:pt idx="270">
                  <c:v>0.13836958515963671</c:v>
                </c:pt>
                <c:pt idx="271">
                  <c:v>0.13880596291540059</c:v>
                </c:pt>
                <c:pt idx="272">
                  <c:v>0.13924250795035764</c:v>
                </c:pt>
                <c:pt idx="273">
                  <c:v>0.13967922032863234</c:v>
                </c:pt>
                <c:pt idx="274">
                  <c:v>0.1401161001143727</c:v>
                </c:pt>
                <c:pt idx="275">
                  <c:v>0.14055314737175229</c:v>
                </c:pt>
                <c:pt idx="276">
                  <c:v>0.14099036216496885</c:v>
                </c:pt>
                <c:pt idx="277">
                  <c:v>0.14142774455824503</c:v>
                </c:pt>
                <c:pt idx="278">
                  <c:v>0.14186529461582786</c:v>
                </c:pt>
                <c:pt idx="279">
                  <c:v>0.14230301240198906</c:v>
                </c:pt>
                <c:pt idx="280">
                  <c:v>0.14269953866438545</c:v>
                </c:pt>
                <c:pt idx="281">
                  <c:v>0.14309620257246358</c:v>
                </c:pt>
                <c:pt idx="282">
                  <c:v>0.14349300417400435</c:v>
                </c:pt>
                <c:pt idx="283">
                  <c:v>0.14388994351680462</c:v>
                </c:pt>
                <c:pt idx="284">
                  <c:v>0.1442870206486786</c:v>
                </c:pt>
                <c:pt idx="285">
                  <c:v>0.14468423561745691</c:v>
                </c:pt>
                <c:pt idx="286">
                  <c:v>0.14508158847098662</c:v>
                </c:pt>
                <c:pt idx="287">
                  <c:v>0.14547907925713166</c:v>
                </c:pt>
                <c:pt idx="288">
                  <c:v>0.14587670802377239</c:v>
                </c:pt>
                <c:pt idx="289">
                  <c:v>0.14627447481880562</c:v>
                </c:pt>
                <c:pt idx="290">
                  <c:v>0.14667237969014502</c:v>
                </c:pt>
                <c:pt idx="291">
                  <c:v>0.1470704226857209</c:v>
                </c:pt>
                <c:pt idx="292">
                  <c:v>0.14746860385348004</c:v>
                </c:pt>
                <c:pt idx="293">
                  <c:v>0.14786692324138651</c:v>
                </c:pt>
                <c:pt idx="294">
                  <c:v>0.14826538089741992</c:v>
                </c:pt>
                <c:pt idx="295">
                  <c:v>0.14866397686957722</c:v>
                </c:pt>
                <c:pt idx="296">
                  <c:v>0.149062711205872</c:v>
                </c:pt>
                <c:pt idx="297">
                  <c:v>0.14946158395433429</c:v>
                </c:pt>
                <c:pt idx="298">
                  <c:v>0.1498605951630112</c:v>
                </c:pt>
                <c:pt idx="299">
                  <c:v>0.15025974487996607</c:v>
                </c:pt>
                <c:pt idx="300">
                  <c:v>0.15065903315327911</c:v>
                </c:pt>
                <c:pt idx="301">
                  <c:v>0.15105846003104739</c:v>
                </c:pt>
                <c:pt idx="302">
                  <c:v>0.15145802556138444</c:v>
                </c:pt>
                <c:pt idx="303">
                  <c:v>0.1518577297924204</c:v>
                </c:pt>
                <c:pt idx="304">
                  <c:v>0.15225757277230256</c:v>
                </c:pt>
                <c:pt idx="305">
                  <c:v>0.15265755454919439</c:v>
                </c:pt>
                <c:pt idx="306">
                  <c:v>0.15305767517127622</c:v>
                </c:pt>
                <c:pt idx="307">
                  <c:v>0.15345793468674551</c:v>
                </c:pt>
                <c:pt idx="308">
                  <c:v>0.15385833314381592</c:v>
                </c:pt>
                <c:pt idx="309">
                  <c:v>0.15425887059071841</c:v>
                </c:pt>
                <c:pt idx="310">
                  <c:v>0.15461737171672496</c:v>
                </c:pt>
                <c:pt idx="311">
                  <c:v>0.15497598418955394</c:v>
                </c:pt>
                <c:pt idx="312">
                  <c:v>0.15533470804378835</c:v>
                </c:pt>
                <c:pt idx="313">
                  <c:v>0.1556935433140223</c:v>
                </c:pt>
                <c:pt idx="314">
                  <c:v>0.15605249003486032</c:v>
                </c:pt>
                <c:pt idx="315">
                  <c:v>0.15641154824091785</c:v>
                </c:pt>
                <c:pt idx="316">
                  <c:v>0.15677071796682118</c:v>
                </c:pt>
                <c:pt idx="317">
                  <c:v>0.15712999924720705</c:v>
                </c:pt>
                <c:pt idx="318">
                  <c:v>0.1574893921167233</c:v>
                </c:pt>
                <c:pt idx="319">
                  <c:v>0.15784889661002843</c:v>
                </c:pt>
                <c:pt idx="320">
                  <c:v>0.1582085127617916</c:v>
                </c:pt>
                <c:pt idx="321">
                  <c:v>0.15856824060669239</c:v>
                </c:pt>
                <c:pt idx="322">
                  <c:v>0.15892808017942217</c:v>
                </c:pt>
                <c:pt idx="323">
                  <c:v>0.15928803151468229</c:v>
                </c:pt>
                <c:pt idx="324">
                  <c:v>0.15964809464718499</c:v>
                </c:pt>
                <c:pt idx="325">
                  <c:v>0.1600082696116536</c:v>
                </c:pt>
                <c:pt idx="326">
                  <c:v>0.16036855644282166</c:v>
                </c:pt>
                <c:pt idx="327">
                  <c:v>0.16072895517543406</c:v>
                </c:pt>
                <c:pt idx="328">
                  <c:v>0.1610894658442461</c:v>
                </c:pt>
                <c:pt idx="329">
                  <c:v>0.1614500884840242</c:v>
                </c:pt>
                <c:pt idx="330">
                  <c:v>0.1618108231295452</c:v>
                </c:pt>
                <c:pt idx="331">
                  <c:v>0.16217166981559705</c:v>
                </c:pt>
                <c:pt idx="332">
                  <c:v>0.16253262857697814</c:v>
                </c:pt>
                <c:pt idx="333">
                  <c:v>0.16289369944849819</c:v>
                </c:pt>
                <c:pt idx="334">
                  <c:v>0.16325488246497777</c:v>
                </c:pt>
                <c:pt idx="335">
                  <c:v>0.1636161776612477</c:v>
                </c:pt>
                <c:pt idx="336">
                  <c:v>0.16397758507214988</c:v>
                </c:pt>
                <c:pt idx="337">
                  <c:v>0.1643391047325371</c:v>
                </c:pt>
                <c:pt idx="338">
                  <c:v>0.16470073667727281</c:v>
                </c:pt>
                <c:pt idx="339">
                  <c:v>0.16506248094123155</c:v>
                </c:pt>
                <c:pt idx="340">
                  <c:v>0.16542433755929831</c:v>
                </c:pt>
                <c:pt idx="341">
                  <c:v>0.16578630656636895</c:v>
                </c:pt>
                <c:pt idx="342">
                  <c:v>0.16614838799735088</c:v>
                </c:pt>
                <c:pt idx="343">
                  <c:v>0.16647836619786549</c:v>
                </c:pt>
                <c:pt idx="344">
                  <c:v>0.1668084377703849</c:v>
                </c:pt>
                <c:pt idx="345">
                  <c:v>0.16713860274132997</c:v>
                </c:pt>
                <c:pt idx="346">
                  <c:v>0.16746886113712911</c:v>
                </c:pt>
                <c:pt idx="347">
                  <c:v>0.16779921298421829</c:v>
                </c:pt>
                <c:pt idx="348">
                  <c:v>0.16812965830904081</c:v>
                </c:pt>
                <c:pt idx="349">
                  <c:v>0.1684601971380475</c:v>
                </c:pt>
                <c:pt idx="350">
                  <c:v>0.16879082949769675</c:v>
                </c:pt>
                <c:pt idx="351">
                  <c:v>0.16912155541445428</c:v>
                </c:pt>
                <c:pt idx="352">
                  <c:v>0.16945237491479337</c:v>
                </c:pt>
                <c:pt idx="353">
                  <c:v>0.16978328802519504</c:v>
                </c:pt>
                <c:pt idx="354">
                  <c:v>0.17011429477214746</c:v>
                </c:pt>
                <c:pt idx="355">
                  <c:v>0.1704453951821463</c:v>
                </c:pt>
                <c:pt idx="356">
                  <c:v>0.17077658928169503</c:v>
                </c:pt>
                <c:pt idx="357">
                  <c:v>0.17110787709730446</c:v>
                </c:pt>
                <c:pt idx="358">
                  <c:v>0.1714392586554927</c:v>
                </c:pt>
                <c:pt idx="359">
                  <c:v>0.17177073398278542</c:v>
                </c:pt>
                <c:pt idx="360">
                  <c:v>0.17210230310571628</c:v>
                </c:pt>
                <c:pt idx="361">
                  <c:v>0.17243396605082584</c:v>
                </c:pt>
                <c:pt idx="362">
                  <c:v>0.17276572284466241</c:v>
                </c:pt>
                <c:pt idx="363">
                  <c:v>0.17309757351378163</c:v>
                </c:pt>
                <c:pt idx="364">
                  <c:v>0.17342951808474738</c:v>
                </c:pt>
                <c:pt idx="365">
                  <c:v>0.17376155658413062</c:v>
                </c:pt>
                <c:pt idx="366">
                  <c:v>0.17409368903850897</c:v>
                </c:pt>
                <c:pt idx="367">
                  <c:v>0.17442591547446873</c:v>
                </c:pt>
                <c:pt idx="368">
                  <c:v>0.17475823591860329</c:v>
                </c:pt>
                <c:pt idx="369">
                  <c:v>0.17509065039751359</c:v>
                </c:pt>
                <c:pt idx="370">
                  <c:v>0.17542315893780813</c:v>
                </c:pt>
                <c:pt idx="371">
                  <c:v>0.17573398789272021</c:v>
                </c:pt>
                <c:pt idx="372">
                  <c:v>0.17604489904325571</c:v>
                </c:pt>
                <c:pt idx="373">
                  <c:v>0.17635589241115013</c:v>
                </c:pt>
                <c:pt idx="374">
                  <c:v>0.17666696801814541</c:v>
                </c:pt>
                <c:pt idx="375">
                  <c:v>0.1769781258859886</c:v>
                </c:pt>
                <c:pt idx="376">
                  <c:v>0.17728936603643297</c:v>
                </c:pt>
                <c:pt idx="377">
                  <c:v>0.17760068849123711</c:v>
                </c:pt>
                <c:pt idx="378">
                  <c:v>0.17791209327216584</c:v>
                </c:pt>
                <c:pt idx="379">
                  <c:v>0.17822358040098929</c:v>
                </c:pt>
                <c:pt idx="380">
                  <c:v>0.1785351498994836</c:v>
                </c:pt>
                <c:pt idx="381">
                  <c:v>0.17884680178943091</c:v>
                </c:pt>
                <c:pt idx="382">
                  <c:v>0.17915853609261823</c:v>
                </c:pt>
                <c:pt idx="383">
                  <c:v>0.17947035283083923</c:v>
                </c:pt>
                <c:pt idx="384">
                  <c:v>0.17978225202589293</c:v>
                </c:pt>
                <c:pt idx="385">
                  <c:v>0.18009423369958433</c:v>
                </c:pt>
                <c:pt idx="386">
                  <c:v>0.18040629787372398</c:v>
                </c:pt>
                <c:pt idx="387">
                  <c:v>0.18071844457012864</c:v>
                </c:pt>
                <c:pt idx="388">
                  <c:v>0.18103067381061999</c:v>
                </c:pt>
                <c:pt idx="389">
                  <c:v>0.18134298561702633</c:v>
                </c:pt>
                <c:pt idx="390">
                  <c:v>0.18165538001118153</c:v>
                </c:pt>
                <c:pt idx="391">
                  <c:v>0.18196785701492457</c:v>
                </c:pt>
                <c:pt idx="392">
                  <c:v>0.18228041665010108</c:v>
                </c:pt>
                <c:pt idx="393">
                  <c:v>0.18259305893856204</c:v>
                </c:pt>
                <c:pt idx="394">
                  <c:v>0.18290578390216439</c:v>
                </c:pt>
                <c:pt idx="395">
                  <c:v>0.18321859156277065</c:v>
                </c:pt>
                <c:pt idx="396">
                  <c:v>0.18353148194224933</c:v>
                </c:pt>
                <c:pt idx="397">
                  <c:v>0.18384445506247427</c:v>
                </c:pt>
                <c:pt idx="398">
                  <c:v>0.18415751094532595</c:v>
                </c:pt>
                <c:pt idx="399">
                  <c:v>0.18447064961268977</c:v>
                </c:pt>
                <c:pt idx="400">
                  <c:v>0.18478387108645733</c:v>
                </c:pt>
                <c:pt idx="401">
                  <c:v>0.18509717538852599</c:v>
                </c:pt>
                <c:pt idx="402">
                  <c:v>0.18541056254079935</c:v>
                </c:pt>
                <c:pt idx="403">
                  <c:v>0.18572403256518544</c:v>
                </c:pt>
                <c:pt idx="404">
                  <c:v>0.18603758548359939</c:v>
                </c:pt>
                <c:pt idx="405">
                  <c:v>0.18635122131796167</c:v>
                </c:pt>
                <c:pt idx="406">
                  <c:v>0.18666494009019874</c:v>
                </c:pt>
                <c:pt idx="407">
                  <c:v>0.18697874182224239</c:v>
                </c:pt>
                <c:pt idx="408">
                  <c:v>0.18729262653603107</c:v>
                </c:pt>
                <c:pt idx="409">
                  <c:v>0.1876065942535079</c:v>
                </c:pt>
                <c:pt idx="410">
                  <c:v>0.18792064499662264</c:v>
                </c:pt>
                <c:pt idx="411">
                  <c:v>0.18823477878733019</c:v>
                </c:pt>
                <c:pt idx="412">
                  <c:v>0.18854899564759209</c:v>
                </c:pt>
                <c:pt idx="413">
                  <c:v>0.1888632955993752</c:v>
                </c:pt>
                <c:pt idx="414">
                  <c:v>0.18916662883728774</c:v>
                </c:pt>
                <c:pt idx="415">
                  <c:v>0.18947003946934093</c:v>
                </c:pt>
                <c:pt idx="416">
                  <c:v>0.18977352751528165</c:v>
                </c:pt>
                <c:pt idx="417">
                  <c:v>0.19007709299486186</c:v>
                </c:pt>
                <c:pt idx="418">
                  <c:v>0.190380735927838</c:v>
                </c:pt>
                <c:pt idx="419">
                  <c:v>0.19068445633397224</c:v>
                </c:pt>
                <c:pt idx="420">
                  <c:v>0.1909882542330319</c:v>
                </c:pt>
                <c:pt idx="421">
                  <c:v>0.19129212964478848</c:v>
                </c:pt>
                <c:pt idx="422">
                  <c:v>0.19159608258901883</c:v>
                </c:pt>
                <c:pt idx="423">
                  <c:v>0.19190011308550514</c:v>
                </c:pt>
                <c:pt idx="424">
                  <c:v>0.19220422115403468</c:v>
                </c:pt>
                <c:pt idx="425">
                  <c:v>0.19250840681439962</c:v>
                </c:pt>
                <c:pt idx="426">
                  <c:v>0.19281267008639724</c:v>
                </c:pt>
                <c:pt idx="427">
                  <c:v>0.1931170109898297</c:v>
                </c:pt>
                <c:pt idx="428">
                  <c:v>0.19342142954450425</c:v>
                </c:pt>
                <c:pt idx="429">
                  <c:v>0.19372592577023329</c:v>
                </c:pt>
                <c:pt idx="430">
                  <c:v>0.19403049968683428</c:v>
                </c:pt>
                <c:pt idx="431">
                  <c:v>0.19433515131412982</c:v>
                </c:pt>
                <c:pt idx="432">
                  <c:v>0.19463988067194737</c:v>
                </c:pt>
                <c:pt idx="433">
                  <c:v>0.19494468778011953</c:v>
                </c:pt>
                <c:pt idx="434">
                  <c:v>0.19524957265848397</c:v>
                </c:pt>
                <c:pt idx="435">
                  <c:v>0.19555453532688327</c:v>
                </c:pt>
                <c:pt idx="436">
                  <c:v>0.19585957580516533</c:v>
                </c:pt>
                <c:pt idx="437">
                  <c:v>0.19616469411318294</c:v>
                </c:pt>
                <c:pt idx="438">
                  <c:v>0.1964698902707942</c:v>
                </c:pt>
                <c:pt idx="439">
                  <c:v>0.19677516429786168</c:v>
                </c:pt>
                <c:pt idx="440">
                  <c:v>0.19708051621425393</c:v>
                </c:pt>
                <c:pt idx="441">
                  <c:v>0.19738594603984394</c:v>
                </c:pt>
                <c:pt idx="442">
                  <c:v>0.19768029873674076</c:v>
                </c:pt>
                <c:pt idx="443">
                  <c:v>0.19797472379419201</c:v>
                </c:pt>
                <c:pt idx="444">
                  <c:v>0.19826922122998503</c:v>
                </c:pt>
                <c:pt idx="445">
                  <c:v>0.19856379106191291</c:v>
                </c:pt>
                <c:pt idx="446">
                  <c:v>0.19885843330777297</c:v>
                </c:pt>
                <c:pt idx="447">
                  <c:v>0.19915314798536632</c:v>
                </c:pt>
                <c:pt idx="448">
                  <c:v>0.19944793511249914</c:v>
                </c:pt>
                <c:pt idx="449">
                  <c:v>0.19974279470698142</c:v>
                </c:pt>
                <c:pt idx="450">
                  <c:v>0.20003772678662757</c:v>
                </c:pt>
                <c:pt idx="451">
                  <c:v>0.20033273136925711</c:v>
                </c:pt>
                <c:pt idx="452">
                  <c:v>0.20062780847269313</c:v>
                </c:pt>
                <c:pt idx="453">
                  <c:v>0.20092295811476357</c:v>
                </c:pt>
                <c:pt idx="454">
                  <c:v>0.20121818031330019</c:v>
                </c:pt>
                <c:pt idx="455">
                  <c:v>0.20151347508613981</c:v>
                </c:pt>
                <c:pt idx="456">
                  <c:v>0.20180884245112307</c:v>
                </c:pt>
                <c:pt idx="457">
                  <c:v>0.20210428242609546</c:v>
                </c:pt>
                <c:pt idx="458">
                  <c:v>0.2023997950289067</c:v>
                </c:pt>
                <c:pt idx="459">
                  <c:v>0.20269538027741096</c:v>
                </c:pt>
                <c:pt idx="460">
                  <c:v>0.20299103818946618</c:v>
                </c:pt>
                <c:pt idx="461">
                  <c:v>0.20328676878293539</c:v>
                </c:pt>
                <c:pt idx="462">
                  <c:v>0.20358257207568609</c:v>
                </c:pt>
                <c:pt idx="463">
                  <c:v>0.20387844808558975</c:v>
                </c:pt>
                <c:pt idx="464">
                  <c:v>0.2041743968305223</c:v>
                </c:pt>
                <c:pt idx="465">
                  <c:v>0.2044704183283641</c:v>
                </c:pt>
                <c:pt idx="466">
                  <c:v>0.20476651259700018</c:v>
                </c:pt>
                <c:pt idx="467">
                  <c:v>0.20506267965431957</c:v>
                </c:pt>
                <c:pt idx="468">
                  <c:v>0.20535891951821594</c:v>
                </c:pt>
                <c:pt idx="469">
                  <c:v>0.20565523220658743</c:v>
                </c:pt>
                <c:pt idx="470">
                  <c:v>0.20595161773733617</c:v>
                </c:pt>
                <c:pt idx="471">
                  <c:v>0.20624807612836915</c:v>
                </c:pt>
                <c:pt idx="472">
                  <c:v>0.20654460739759739</c:v>
                </c:pt>
                <c:pt idx="473">
                  <c:v>0.20684121156293678</c:v>
                </c:pt>
                <c:pt idx="474">
                  <c:v>0.2071378886423072</c:v>
                </c:pt>
                <c:pt idx="475">
                  <c:v>0.20743463865363299</c:v>
                </c:pt>
                <c:pt idx="476">
                  <c:v>0.2077314616148429</c:v>
                </c:pt>
                <c:pt idx="477">
                  <c:v>0.20802835754387039</c:v>
                </c:pt>
                <c:pt idx="478">
                  <c:v>0.20832532645865287</c:v>
                </c:pt>
                <c:pt idx="479">
                  <c:v>0.20862236837713244</c:v>
                </c:pt>
                <c:pt idx="480">
                  <c:v>0.20891948331725563</c:v>
                </c:pt>
                <c:pt idx="481">
                  <c:v>0.20921667129697341</c:v>
                </c:pt>
                <c:pt idx="482">
                  <c:v>0.20951393233424076</c:v>
                </c:pt>
                <c:pt idx="483">
                  <c:v>0.20981126644701797</c:v>
                </c:pt>
                <c:pt idx="484">
                  <c:v>0.21010867365326846</c:v>
                </c:pt>
                <c:pt idx="485">
                  <c:v>0.21040615397096096</c:v>
                </c:pt>
                <c:pt idx="486">
                  <c:v>0.21070370741806843</c:v>
                </c:pt>
                <c:pt idx="487">
                  <c:v>0.21100133401256826</c:v>
                </c:pt>
                <c:pt idx="488">
                  <c:v>0.2112990337724423</c:v>
                </c:pt>
                <c:pt idx="489">
                  <c:v>0.21159680671567682</c:v>
                </c:pt>
                <c:pt idx="490">
                  <c:v>0.21189465286026232</c:v>
                </c:pt>
                <c:pt idx="491">
                  <c:v>0.21219257222419374</c:v>
                </c:pt>
                <c:pt idx="492">
                  <c:v>0.21249056482547068</c:v>
                </c:pt>
                <c:pt idx="493">
                  <c:v>0.21278863068209697</c:v>
                </c:pt>
                <c:pt idx="494">
                  <c:v>0.21308676981208108</c:v>
                </c:pt>
                <c:pt idx="495">
                  <c:v>0.21338498223343572</c:v>
                </c:pt>
                <c:pt idx="496">
                  <c:v>0.2136832679641778</c:v>
                </c:pt>
                <c:pt idx="497">
                  <c:v>0.21398162702232915</c:v>
                </c:pt>
                <c:pt idx="498">
                  <c:v>0.21428005942591577</c:v>
                </c:pt>
                <c:pt idx="499">
                  <c:v>0.21457856519296814</c:v>
                </c:pt>
                <c:pt idx="500">
                  <c:v>0.21487714434152116</c:v>
                </c:pt>
                <c:pt idx="501">
                  <c:v>0.21517579688961419</c:v>
                </c:pt>
                <c:pt idx="502">
                  <c:v>0.21547452285529101</c:v>
                </c:pt>
                <c:pt idx="503">
                  <c:v>0.21577332225659984</c:v>
                </c:pt>
                <c:pt idx="504">
                  <c:v>0.21607219511159315</c:v>
                </c:pt>
                <c:pt idx="505">
                  <c:v>0.21637114143832825</c:v>
                </c:pt>
                <c:pt idx="506">
                  <c:v>0.21667016125486649</c:v>
                </c:pt>
                <c:pt idx="507">
                  <c:v>0.21696925457927385</c:v>
                </c:pt>
                <c:pt idx="508">
                  <c:v>0.21726842142962077</c:v>
                </c:pt>
                <c:pt idx="509">
                  <c:v>0.21756766182398191</c:v>
                </c:pt>
                <c:pt idx="510">
                  <c:v>0.21786697578043679</c:v>
                </c:pt>
                <c:pt idx="511">
                  <c:v>0.21816636331706896</c:v>
                </c:pt>
                <c:pt idx="512">
                  <c:v>0.21846582445196683</c:v>
                </c:pt>
                <c:pt idx="513">
                  <c:v>0.21876535920322282</c:v>
                </c:pt>
                <c:pt idx="514">
                  <c:v>0.21906496758893401</c:v>
                </c:pt>
                <c:pt idx="515">
                  <c:v>0.21936464962720192</c:v>
                </c:pt>
                <c:pt idx="516">
                  <c:v>0.21966440533613252</c:v>
                </c:pt>
                <c:pt idx="517">
                  <c:v>0.21996423473383642</c:v>
                </c:pt>
                <c:pt idx="518">
                  <c:v>0.22026413783842824</c:v>
                </c:pt>
                <c:pt idx="519">
                  <c:v>0.22056411466802728</c:v>
                </c:pt>
                <c:pt idx="520">
                  <c:v>0.22086416524075747</c:v>
                </c:pt>
                <c:pt idx="521">
                  <c:v>0.22116428957474699</c:v>
                </c:pt>
                <c:pt idx="522">
                  <c:v>0.22146448768812865</c:v>
                </c:pt>
                <c:pt idx="523">
                  <c:v>0.22176475959903952</c:v>
                </c:pt>
                <c:pt idx="524">
                  <c:v>0.22206510532562107</c:v>
                </c:pt>
                <c:pt idx="525">
                  <c:v>0.22236552488601946</c:v>
                </c:pt>
                <c:pt idx="526">
                  <c:v>0.22266601829838528</c:v>
                </c:pt>
                <c:pt idx="527">
                  <c:v>0.22296658558087334</c:v>
                </c:pt>
                <c:pt idx="528">
                  <c:v>0.22326722675164312</c:v>
                </c:pt>
                <c:pt idx="529">
                  <c:v>0.22356794182885875</c:v>
                </c:pt>
                <c:pt idx="530">
                  <c:v>0.22386873083068837</c:v>
                </c:pt>
                <c:pt idx="531">
                  <c:v>0.22416959377530499</c:v>
                </c:pt>
                <c:pt idx="532">
                  <c:v>0.22447053068088585</c:v>
                </c:pt>
                <c:pt idx="533">
                  <c:v>0.22477154156561263</c:v>
                </c:pt>
                <c:pt idx="534">
                  <c:v>0.22507262644767212</c:v>
                </c:pt>
                <c:pt idx="535">
                  <c:v>0.22537378534525421</c:v>
                </c:pt>
                <c:pt idx="536">
                  <c:v>0.22567501827655456</c:v>
                </c:pt>
                <c:pt idx="537">
                  <c:v>0.22597632525977285</c:v>
                </c:pt>
                <c:pt idx="538">
                  <c:v>0.22627770631311317</c:v>
                </c:pt>
                <c:pt idx="539">
                  <c:v>0.22657916145478407</c:v>
                </c:pt>
                <c:pt idx="540">
                  <c:v>0.22688069070299854</c:v>
                </c:pt>
                <c:pt idx="541">
                  <c:v>0.22718229407597446</c:v>
                </c:pt>
                <c:pt idx="542">
                  <c:v>0.2274839715919339</c:v>
                </c:pt>
                <c:pt idx="543">
                  <c:v>0.22778572326910296</c:v>
                </c:pt>
                <c:pt idx="544">
                  <c:v>0.22808754912571283</c:v>
                </c:pt>
                <c:pt idx="545">
                  <c:v>0.2283894491799987</c:v>
                </c:pt>
                <c:pt idx="546">
                  <c:v>0.2286914234502011</c:v>
                </c:pt>
                <c:pt idx="547">
                  <c:v>0.22899347195456432</c:v>
                </c:pt>
                <c:pt idx="548">
                  <c:v>0.22929559471133731</c:v>
                </c:pt>
                <c:pt idx="549">
                  <c:v>0.22959779173877348</c:v>
                </c:pt>
                <c:pt idx="550">
                  <c:v>0.22990006305513067</c:v>
                </c:pt>
                <c:pt idx="551">
                  <c:v>0.23020240867867137</c:v>
                </c:pt>
                <c:pt idx="552">
                  <c:v>0.23050482862766231</c:v>
                </c:pt>
                <c:pt idx="553">
                  <c:v>0.23080732292037509</c:v>
                </c:pt>
                <c:pt idx="554">
                  <c:v>0.23110989157508555</c:v>
                </c:pt>
                <c:pt idx="555">
                  <c:v>0.23141253461007394</c:v>
                </c:pt>
                <c:pt idx="556">
                  <c:v>0.2317152520436252</c:v>
                </c:pt>
                <c:pt idx="557">
                  <c:v>0.23201804389402847</c:v>
                </c:pt>
                <c:pt idx="558">
                  <c:v>0.23232091017957779</c:v>
                </c:pt>
                <c:pt idx="559">
                  <c:v>0.23262385091857163</c:v>
                </c:pt>
                <c:pt idx="560">
                  <c:v>0.23292686612931268</c:v>
                </c:pt>
                <c:pt idx="561">
                  <c:v>0.2332299558301083</c:v>
                </c:pt>
                <c:pt idx="562">
                  <c:v>0.23353312003927029</c:v>
                </c:pt>
                <c:pt idx="563">
                  <c:v>0.23383635877511511</c:v>
                </c:pt>
                <c:pt idx="564">
                  <c:v>0.23413967205596364</c:v>
                </c:pt>
                <c:pt idx="565">
                  <c:v>0.23444305990014103</c:v>
                </c:pt>
                <c:pt idx="566">
                  <c:v>0.23474652232597726</c:v>
                </c:pt>
                <c:pt idx="567">
                  <c:v>0.23505005935180678</c:v>
                </c:pt>
                <c:pt idx="568">
                  <c:v>0.23535367099596849</c:v>
                </c:pt>
                <c:pt idx="569">
                  <c:v>0.23565735727680548</c:v>
                </c:pt>
                <c:pt idx="570">
                  <c:v>0.23596111821266597</c:v>
                </c:pt>
                <c:pt idx="571">
                  <c:v>0.23626495382190216</c:v>
                </c:pt>
                <c:pt idx="572">
                  <c:v>0.23656886412287115</c:v>
                </c:pt>
                <c:pt idx="573">
                  <c:v>0.23687284913393425</c:v>
                </c:pt>
                <c:pt idx="574">
                  <c:v>0.23717690887345722</c:v>
                </c:pt>
                <c:pt idx="575">
                  <c:v>0.23748150490781428</c:v>
                </c:pt>
                <c:pt idx="576">
                  <c:v>0.2377861759344726</c:v>
                </c:pt>
                <c:pt idx="577">
                  <c:v>0.2380909219718963</c:v>
                </c:pt>
                <c:pt idx="578">
                  <c:v>0.23839574303855282</c:v>
                </c:pt>
                <c:pt idx="579">
                  <c:v>0.23870063915291473</c:v>
                </c:pt>
                <c:pt idx="580">
                  <c:v>0.2390056103334588</c:v>
                </c:pt>
                <c:pt idx="581">
                  <c:v>0.23931065659866668</c:v>
                </c:pt>
                <c:pt idx="582">
                  <c:v>0.23961577796702427</c:v>
                </c:pt>
                <c:pt idx="583">
                  <c:v>0.23992097445702232</c:v>
                </c:pt>
                <c:pt idx="584">
                  <c:v>0.24022624608715581</c:v>
                </c:pt>
                <c:pt idx="585">
                  <c:v>0.2405315928759244</c:v>
                </c:pt>
                <c:pt idx="586">
                  <c:v>0.24083701484183262</c:v>
                </c:pt>
                <c:pt idx="587">
                  <c:v>0.24114251200338899</c:v>
                </c:pt>
                <c:pt idx="588">
                  <c:v>0.24144808437910692</c:v>
                </c:pt>
                <c:pt idx="589">
                  <c:v>0.24175373198750427</c:v>
                </c:pt>
                <c:pt idx="590">
                  <c:v>0.24205945484710356</c:v>
                </c:pt>
                <c:pt idx="591">
                  <c:v>0.24236525297643197</c:v>
                </c:pt>
                <c:pt idx="592">
                  <c:v>0.24267112639402089</c:v>
                </c:pt>
                <c:pt idx="593">
                  <c:v>0.2429770751184066</c:v>
                </c:pt>
                <c:pt idx="594">
                  <c:v>0.24328309916812985</c:v>
                </c:pt>
                <c:pt idx="595">
                  <c:v>0.24358919856173578</c:v>
                </c:pt>
                <c:pt idx="596">
                  <c:v>0.24389537331777422</c:v>
                </c:pt>
                <c:pt idx="597">
                  <c:v>0.24420162345479968</c:v>
                </c:pt>
                <c:pt idx="598">
                  <c:v>0.24450794899137129</c:v>
                </c:pt>
                <c:pt idx="599">
                  <c:v>0.24481434994605245</c:v>
                </c:pt>
                <c:pt idx="600">
                  <c:v>0.24512082633741117</c:v>
                </c:pt>
                <c:pt idx="601">
                  <c:v>0.24542737818402061</c:v>
                </c:pt>
                <c:pt idx="602">
                  <c:v>0.24573400550445745</c:v>
                </c:pt>
                <c:pt idx="603">
                  <c:v>0.24604070831730374</c:v>
                </c:pt>
                <c:pt idx="604">
                  <c:v>0.24634748664114592</c:v>
                </c:pt>
                <c:pt idx="605">
                  <c:v>0.24665434049457513</c:v>
                </c:pt>
                <c:pt idx="606">
                  <c:v>0.24696126989618672</c:v>
                </c:pt>
                <c:pt idx="607">
                  <c:v>0.24726827486458092</c:v>
                </c:pt>
                <c:pt idx="608">
                  <c:v>0.24757535541836262</c:v>
                </c:pt>
                <c:pt idx="609">
                  <c:v>0.24788251157614094</c:v>
                </c:pt>
                <c:pt idx="610">
                  <c:v>0.24818974335652988</c:v>
                </c:pt>
                <c:pt idx="611">
                  <c:v>0.24849705077814788</c:v>
                </c:pt>
                <c:pt idx="612">
                  <c:v>0.24880443385961781</c:v>
                </c:pt>
                <c:pt idx="613">
                  <c:v>0.24911189261956768</c:v>
                </c:pt>
                <c:pt idx="614">
                  <c:v>0.24941942707662945</c:v>
                </c:pt>
                <c:pt idx="615">
                  <c:v>0.24972703724944001</c:v>
                </c:pt>
                <c:pt idx="616">
                  <c:v>0.25003472315664088</c:v>
                </c:pt>
                <c:pt idx="617">
                  <c:v>0.25034248481687782</c:v>
                </c:pt>
                <c:pt idx="618">
                  <c:v>0.25065032224880146</c:v>
                </c:pt>
                <c:pt idx="619">
                  <c:v>0.2509582354710671</c:v>
                </c:pt>
                <c:pt idx="620">
                  <c:v>0.25126622450233449</c:v>
                </c:pt>
                <c:pt idx="621">
                  <c:v>0.25157428936126802</c:v>
                </c:pt>
                <c:pt idx="622">
                  <c:v>0.25188243006653654</c:v>
                </c:pt>
                <c:pt idx="623">
                  <c:v>0.25219064663681379</c:v>
                </c:pt>
                <c:pt idx="624">
                  <c:v>0.2524989390907777</c:v>
                </c:pt>
                <c:pt idx="625">
                  <c:v>0.25280730744711111</c:v>
                </c:pt>
                <c:pt idx="626">
                  <c:v>0.25311575172450151</c:v>
                </c:pt>
                <c:pt idx="627">
                  <c:v>0.25342427194164108</c:v>
                </c:pt>
                <c:pt idx="628">
                  <c:v>0.25373286811722573</c:v>
                </c:pt>
                <c:pt idx="629">
                  <c:v>0.25404154026995696</c:v>
                </c:pt>
                <c:pt idx="630">
                  <c:v>0.25435028841854046</c:v>
                </c:pt>
                <c:pt idx="631">
                  <c:v>0.25465911258168661</c:v>
                </c:pt>
                <c:pt idx="632">
                  <c:v>0.25496801277811043</c:v>
                </c:pt>
                <c:pt idx="633">
                  <c:v>0.2552769890265314</c:v>
                </c:pt>
                <c:pt idx="634">
                  <c:v>0.25558604134567386</c:v>
                </c:pt>
                <c:pt idx="635">
                  <c:v>0.2558951697542664</c:v>
                </c:pt>
                <c:pt idx="636">
                  <c:v>0.2562043742710427</c:v>
                </c:pt>
                <c:pt idx="637">
                  <c:v>0.25651365491474065</c:v>
                </c:pt>
                <c:pt idx="638">
                  <c:v>0.25682301170410282</c:v>
                </c:pt>
                <c:pt idx="639">
                  <c:v>0.25713244465787644</c:v>
                </c:pt>
                <c:pt idx="640">
                  <c:v>0.2574419537948136</c:v>
                </c:pt>
                <c:pt idx="641">
                  <c:v>0.25775153913367066</c:v>
                </c:pt>
                <c:pt idx="642">
                  <c:v>0.25806120069320859</c:v>
                </c:pt>
                <c:pt idx="643">
                  <c:v>0.25837093849219328</c:v>
                </c:pt>
                <c:pt idx="644">
                  <c:v>0.25868075254939504</c:v>
                </c:pt>
                <c:pt idx="645">
                  <c:v>0.25899064288358886</c:v>
                </c:pt>
                <c:pt idx="646">
                  <c:v>0.25930060951355438</c:v>
                </c:pt>
                <c:pt idx="647">
                  <c:v>0.25961065245807569</c:v>
                </c:pt>
                <c:pt idx="648">
                  <c:v>0.25992077173594152</c:v>
                </c:pt>
                <c:pt idx="649">
                  <c:v>0.26023096736594553</c:v>
                </c:pt>
                <c:pt idx="650">
                  <c:v>0.26054123936688578</c:v>
                </c:pt>
                <c:pt idx="651">
                  <c:v>0.26085158775756501</c:v>
                </c:pt>
                <c:pt idx="652">
                  <c:v>0.26116201255679017</c:v>
                </c:pt>
                <c:pt idx="653">
                  <c:v>0.26147251378337377</c:v>
                </c:pt>
                <c:pt idx="654">
                  <c:v>0.26178309145613232</c:v>
                </c:pt>
                <c:pt idx="655">
                  <c:v>0.26209374559388676</c:v>
                </c:pt>
                <c:pt idx="656">
                  <c:v>0.26240447621546337</c:v>
                </c:pt>
                <c:pt idx="657">
                  <c:v>0.26271528333969241</c:v>
                </c:pt>
                <c:pt idx="658">
                  <c:v>0.26302616698540904</c:v>
                </c:pt>
                <c:pt idx="659">
                  <c:v>0.26333712717145286</c:v>
                </c:pt>
                <c:pt idx="660">
                  <c:v>0.26364816391666857</c:v>
                </c:pt>
                <c:pt idx="661">
                  <c:v>0.26395927723990509</c:v>
                </c:pt>
                <c:pt idx="662">
                  <c:v>0.26427046716001623</c:v>
                </c:pt>
                <c:pt idx="663">
                  <c:v>0.26458173369586024</c:v>
                </c:pt>
                <c:pt idx="664">
                  <c:v>0.26489307686630026</c:v>
                </c:pt>
                <c:pt idx="665">
                  <c:v>0.26520449669020363</c:v>
                </c:pt>
                <c:pt idx="666">
                  <c:v>0.26551599318644281</c:v>
                </c:pt>
                <c:pt idx="667">
                  <c:v>0.26582756637389471</c:v>
                </c:pt>
                <c:pt idx="668">
                  <c:v>0.26613921627144088</c:v>
                </c:pt>
                <c:pt idx="669">
                  <c:v>0.26645094289796756</c:v>
                </c:pt>
                <c:pt idx="670">
                  <c:v>0.26676274627236563</c:v>
                </c:pt>
                <c:pt idx="671">
                  <c:v>0.26707462641353064</c:v>
                </c:pt>
                <c:pt idx="672">
                  <c:v>0.26738658334036258</c:v>
                </c:pt>
                <c:pt idx="673">
                  <c:v>0.26769861707176634</c:v>
                </c:pt>
                <c:pt idx="674">
                  <c:v>0.26801072762665146</c:v>
                </c:pt>
                <c:pt idx="675">
                  <c:v>0.26832291502393213</c:v>
                </c:pt>
                <c:pt idx="676">
                  <c:v>0.268635179282527</c:v>
                </c:pt>
                <c:pt idx="677">
                  <c:v>0.26894752042135961</c:v>
                </c:pt>
                <c:pt idx="678">
                  <c:v>0.26925993845935792</c:v>
                </c:pt>
                <c:pt idx="679">
                  <c:v>0.26957243341545478</c:v>
                </c:pt>
                <c:pt idx="680">
                  <c:v>0.26988500530858794</c:v>
                </c:pt>
                <c:pt idx="681">
                  <c:v>0.27019765415769892</c:v>
                </c:pt>
                <c:pt idx="682">
                  <c:v>0.27051037998173477</c:v>
                </c:pt>
                <c:pt idx="683">
                  <c:v>0.27082318279964701</c:v>
                </c:pt>
                <c:pt idx="684">
                  <c:v>0.27113606263039158</c:v>
                </c:pt>
                <c:pt idx="685">
                  <c:v>0.27144901949292932</c:v>
                </c:pt>
                <c:pt idx="686">
                  <c:v>0.2717620534062255</c:v>
                </c:pt>
                <c:pt idx="687">
                  <c:v>0.27207516438925028</c:v>
                </c:pt>
                <c:pt idx="688">
                  <c:v>0.27238835246097848</c:v>
                </c:pt>
                <c:pt idx="689">
                  <c:v>0.27270161764038936</c:v>
                </c:pt>
                <c:pt idx="690">
                  <c:v>0.27301495994646729</c:v>
                </c:pt>
                <c:pt idx="691">
                  <c:v>0.27332837939820087</c:v>
                </c:pt>
                <c:pt idx="692">
                  <c:v>0.27364187601458356</c:v>
                </c:pt>
                <c:pt idx="693">
                  <c:v>0.27395544981461351</c:v>
                </c:pt>
                <c:pt idx="694">
                  <c:v>0.2742691008172935</c:v>
                </c:pt>
                <c:pt idx="695">
                  <c:v>0.274582829041631</c:v>
                </c:pt>
                <c:pt idx="696">
                  <c:v>0.27489663450663815</c:v>
                </c:pt>
                <c:pt idx="697">
                  <c:v>0.27521051723133194</c:v>
                </c:pt>
                <c:pt idx="698">
                  <c:v>0.27552447723473383</c:v>
                </c:pt>
                <c:pt idx="699">
                  <c:v>0.27583851453586994</c:v>
                </c:pt>
                <c:pt idx="700">
                  <c:v>0.27615262915377126</c:v>
                </c:pt>
                <c:pt idx="701">
                  <c:v>0.27646682110747345</c:v>
                </c:pt>
                <c:pt idx="702">
                  <c:v>0.27678109041601662</c:v>
                </c:pt>
                <c:pt idx="703">
                  <c:v>0.27709543709844575</c:v>
                </c:pt>
                <c:pt idx="704">
                  <c:v>0.2774098611738105</c:v>
                </c:pt>
                <c:pt idx="705">
                  <c:v>0.27772436266116407</c:v>
                </c:pt>
                <c:pt idx="706">
                  <c:v>0.27803894157956921</c:v>
                </c:pt>
                <c:pt idx="707">
                  <c:v>0.27835359794808578</c:v>
                </c:pt>
                <c:pt idx="708">
                  <c:v>0.27866833178578343</c:v>
                </c:pt>
                <c:pt idx="709">
                  <c:v>0.27898314311173533</c:v>
                </c:pt>
                <c:pt idx="710">
                  <c:v>0.27929803194501934</c:v>
                </c:pt>
                <c:pt idx="711">
                  <c:v>0.27961299830471775</c:v>
                </c:pt>
                <c:pt idx="712">
                  <c:v>0.27992804220991796</c:v>
                </c:pt>
                <c:pt idx="713">
                  <c:v>0.2802431636797118</c:v>
                </c:pt>
                <c:pt idx="714">
                  <c:v>0.28055836273319579</c:v>
                </c:pt>
                <c:pt idx="715">
                  <c:v>0.2808736393894713</c:v>
                </c:pt>
                <c:pt idx="716">
                  <c:v>0.28118899366764438</c:v>
                </c:pt>
                <c:pt idx="717">
                  <c:v>0.28150442558682554</c:v>
                </c:pt>
                <c:pt idx="718">
                  <c:v>0.28181993516613035</c:v>
                </c:pt>
                <c:pt idx="719">
                  <c:v>0.28213552242467888</c:v>
                </c:pt>
                <c:pt idx="720">
                  <c:v>0.28245118738159603</c:v>
                </c:pt>
                <c:pt idx="721">
                  <c:v>0.28276693005601139</c:v>
                </c:pt>
                <c:pt idx="722">
                  <c:v>0.283082750467059</c:v>
                </c:pt>
                <c:pt idx="723">
                  <c:v>0.28339864863387798</c:v>
                </c:pt>
                <c:pt idx="724">
                  <c:v>0.28371462457561192</c:v>
                </c:pt>
                <c:pt idx="725">
                  <c:v>0.28403067831140905</c:v>
                </c:pt>
                <c:pt idx="726">
                  <c:v>0.28434680986042271</c:v>
                </c:pt>
                <c:pt idx="727">
                  <c:v>0.28466301924181048</c:v>
                </c:pt>
                <c:pt idx="728">
                  <c:v>0.28497930647473502</c:v>
                </c:pt>
                <c:pt idx="729">
                  <c:v>0.28529567157836366</c:v>
                </c:pt>
                <c:pt idx="730">
                  <c:v>0.28561211457186819</c:v>
                </c:pt>
                <c:pt idx="731">
                  <c:v>0.28592863547442549</c:v>
                </c:pt>
                <c:pt idx="732">
                  <c:v>0.28624523430521664</c:v>
                </c:pt>
                <c:pt idx="733">
                  <c:v>0.2865619110834281</c:v>
                </c:pt>
                <c:pt idx="734">
                  <c:v>0.2868786658282505</c:v>
                </c:pt>
                <c:pt idx="735">
                  <c:v>0.2871954985588796</c:v>
                </c:pt>
                <c:pt idx="736">
                  <c:v>0.2875124092945156</c:v>
                </c:pt>
                <c:pt idx="737">
                  <c:v>0.28782939805436336</c:v>
                </c:pt>
                <c:pt idx="738">
                  <c:v>0.28814646485763284</c:v>
                </c:pt>
                <c:pt idx="739">
                  <c:v>0.28846360972353846</c:v>
                </c:pt>
                <c:pt idx="740">
                  <c:v>0.2887808326712995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FAD7-423B-B4E2-E031C027A50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334479488"/>
        <c:axId val="334479816"/>
      </c:lineChart>
      <c:dateAx>
        <c:axId val="334479488"/>
        <c:scaling>
          <c:orientation val="minMax"/>
        </c:scaling>
        <c:delete val="0"/>
        <c:axPos val="b"/>
        <c:numFmt formatCode="[$-416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2700000" spcFirstLastPara="1" vertOverflow="ellipsis" wrap="square" anchor="ctr" anchorCtr="1"/>
          <a:lstStyle/>
          <a:p>
            <a:pPr>
              <a:defRPr sz="11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pt-BR"/>
          </a:p>
        </c:txPr>
        <c:crossAx val="334479816"/>
        <c:crosses val="autoZero"/>
        <c:auto val="1"/>
        <c:lblOffset val="100"/>
        <c:baseTimeUnit val="days"/>
        <c:majorUnit val="3"/>
        <c:majorTimeUnit val="months"/>
      </c:dateAx>
      <c:valAx>
        <c:axId val="334479816"/>
        <c:scaling>
          <c:orientation val="minMax"/>
          <c:max val="0.4"/>
          <c:min val="0"/>
        </c:scaling>
        <c:delete val="0"/>
        <c:axPos val="l"/>
        <c:majorGridlines>
          <c:spPr>
            <a:ln w="9525" cap="flat" cmpd="sng" algn="ctr">
              <a:solidFill>
                <a:schemeClr val="bg1">
                  <a:lumMod val="95000"/>
                </a:schemeClr>
              </a:solidFill>
              <a:round/>
            </a:ln>
            <a:effectLst/>
          </c:spPr>
        </c:majorGridlines>
        <c:numFmt formatCode="0%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pt-BR"/>
          </a:p>
        </c:txPr>
        <c:crossAx val="334479488"/>
        <c:crosses val="autoZero"/>
        <c:crossBetween val="between"/>
        <c:majorUnit val="0.1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>
          <a:latin typeface="Century Gothic" panose="020B0502020202020204" pitchFamily="34" charset="0"/>
        </a:defRPr>
      </a:pPr>
      <a:endParaRPr lang="pt-BR"/>
    </a:p>
  </c:txPr>
  <c:externalData r:id="rId4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5621913535086018"/>
          <c:y val="5.9155523110507757E-2"/>
          <c:w val="0.72209389895051046"/>
          <c:h val="0.78764635716602382"/>
        </c:manualLayout>
      </c:layout>
      <c:lineChart>
        <c:grouping val="standard"/>
        <c:varyColors val="0"/>
        <c:ser>
          <c:idx val="0"/>
          <c:order val="0"/>
          <c:tx>
            <c:strRef>
              <c:f>'[Estudos RV 19 06.xlsx]Ibovespa em dólar'!$B$5</c:f>
              <c:strCache>
                <c:ptCount val="1"/>
                <c:pt idx="0">
                  <c:v>Ibovespa em R$</c:v>
                </c:pt>
              </c:strCache>
            </c:strRef>
          </c:tx>
          <c:spPr>
            <a:ln w="22225">
              <a:solidFill>
                <a:srgbClr val="002060"/>
              </a:solidFill>
            </a:ln>
          </c:spPr>
          <c:marker>
            <c:symbol val="none"/>
          </c:marker>
          <c:cat>
            <c:numRef>
              <c:f>'[Estudos RV 19 06.xlsx]Ibovespa em dólar'!$A$6:$A$5000</c:f>
              <c:numCache>
                <c:formatCode>m/d/yyyy</c:formatCode>
                <c:ptCount val="4988"/>
                <c:pt idx="0">
                  <c:v>38715</c:v>
                </c:pt>
                <c:pt idx="1">
                  <c:v>38719</c:v>
                </c:pt>
                <c:pt idx="2">
                  <c:v>38720</c:v>
                </c:pt>
                <c:pt idx="3">
                  <c:v>38721</c:v>
                </c:pt>
                <c:pt idx="4">
                  <c:v>38722</c:v>
                </c:pt>
                <c:pt idx="5">
                  <c:v>38723</c:v>
                </c:pt>
                <c:pt idx="6">
                  <c:v>38726</c:v>
                </c:pt>
                <c:pt idx="7">
                  <c:v>38727</c:v>
                </c:pt>
                <c:pt idx="8">
                  <c:v>38728</c:v>
                </c:pt>
                <c:pt idx="9">
                  <c:v>38729</c:v>
                </c:pt>
                <c:pt idx="10">
                  <c:v>38730</c:v>
                </c:pt>
                <c:pt idx="11">
                  <c:v>38733</c:v>
                </c:pt>
                <c:pt idx="12">
                  <c:v>38734</c:v>
                </c:pt>
                <c:pt idx="13">
                  <c:v>38735</c:v>
                </c:pt>
                <c:pt idx="14">
                  <c:v>38736</c:v>
                </c:pt>
                <c:pt idx="15">
                  <c:v>38737</c:v>
                </c:pt>
                <c:pt idx="16">
                  <c:v>38740</c:v>
                </c:pt>
                <c:pt idx="17">
                  <c:v>38741</c:v>
                </c:pt>
                <c:pt idx="18">
                  <c:v>38743</c:v>
                </c:pt>
                <c:pt idx="19">
                  <c:v>38744</c:v>
                </c:pt>
                <c:pt idx="20">
                  <c:v>38747</c:v>
                </c:pt>
                <c:pt idx="21">
                  <c:v>38748</c:v>
                </c:pt>
                <c:pt idx="22">
                  <c:v>38749</c:v>
                </c:pt>
                <c:pt idx="23">
                  <c:v>38750</c:v>
                </c:pt>
                <c:pt idx="24">
                  <c:v>38751</c:v>
                </c:pt>
                <c:pt idx="25">
                  <c:v>38754</c:v>
                </c:pt>
                <c:pt idx="26">
                  <c:v>38755</c:v>
                </c:pt>
                <c:pt idx="27">
                  <c:v>38756</c:v>
                </c:pt>
                <c:pt idx="28">
                  <c:v>38757</c:v>
                </c:pt>
                <c:pt idx="29">
                  <c:v>38758</c:v>
                </c:pt>
                <c:pt idx="30">
                  <c:v>38761</c:v>
                </c:pt>
                <c:pt idx="31">
                  <c:v>38762</c:v>
                </c:pt>
                <c:pt idx="32">
                  <c:v>38763</c:v>
                </c:pt>
                <c:pt idx="33">
                  <c:v>38764</c:v>
                </c:pt>
                <c:pt idx="34">
                  <c:v>38765</c:v>
                </c:pt>
                <c:pt idx="35">
                  <c:v>38768</c:v>
                </c:pt>
                <c:pt idx="36">
                  <c:v>38769</c:v>
                </c:pt>
                <c:pt idx="37">
                  <c:v>38770</c:v>
                </c:pt>
                <c:pt idx="38">
                  <c:v>38771</c:v>
                </c:pt>
                <c:pt idx="39">
                  <c:v>38772</c:v>
                </c:pt>
                <c:pt idx="40">
                  <c:v>38777</c:v>
                </c:pt>
                <c:pt idx="41">
                  <c:v>38778</c:v>
                </c:pt>
                <c:pt idx="42">
                  <c:v>38779</c:v>
                </c:pt>
                <c:pt idx="43">
                  <c:v>38782</c:v>
                </c:pt>
                <c:pt idx="44">
                  <c:v>38783</c:v>
                </c:pt>
                <c:pt idx="45">
                  <c:v>38784</c:v>
                </c:pt>
                <c:pt idx="46">
                  <c:v>38785</c:v>
                </c:pt>
                <c:pt idx="47">
                  <c:v>38786</c:v>
                </c:pt>
                <c:pt idx="48">
                  <c:v>38789</c:v>
                </c:pt>
                <c:pt idx="49">
                  <c:v>38790</c:v>
                </c:pt>
                <c:pt idx="50">
                  <c:v>38791</c:v>
                </c:pt>
                <c:pt idx="51">
                  <c:v>38792</c:v>
                </c:pt>
                <c:pt idx="52">
                  <c:v>38793</c:v>
                </c:pt>
                <c:pt idx="53">
                  <c:v>38796</c:v>
                </c:pt>
                <c:pt idx="54">
                  <c:v>38797</c:v>
                </c:pt>
                <c:pt idx="55">
                  <c:v>38798</c:v>
                </c:pt>
                <c:pt idx="56">
                  <c:v>38799</c:v>
                </c:pt>
                <c:pt idx="57">
                  <c:v>38800</c:v>
                </c:pt>
                <c:pt idx="58">
                  <c:v>38803</c:v>
                </c:pt>
                <c:pt idx="59">
                  <c:v>38804</c:v>
                </c:pt>
                <c:pt idx="60">
                  <c:v>38805</c:v>
                </c:pt>
                <c:pt idx="61">
                  <c:v>38806</c:v>
                </c:pt>
                <c:pt idx="62">
                  <c:v>38807</c:v>
                </c:pt>
                <c:pt idx="63">
                  <c:v>38810</c:v>
                </c:pt>
                <c:pt idx="64">
                  <c:v>38811</c:v>
                </c:pt>
                <c:pt idx="65">
                  <c:v>38812</c:v>
                </c:pt>
                <c:pt idx="66">
                  <c:v>38813</c:v>
                </c:pt>
                <c:pt idx="67">
                  <c:v>38814</c:v>
                </c:pt>
                <c:pt idx="68">
                  <c:v>38817</c:v>
                </c:pt>
                <c:pt idx="69">
                  <c:v>38818</c:v>
                </c:pt>
                <c:pt idx="70">
                  <c:v>38819</c:v>
                </c:pt>
                <c:pt idx="71">
                  <c:v>38820</c:v>
                </c:pt>
                <c:pt idx="72">
                  <c:v>38824</c:v>
                </c:pt>
                <c:pt idx="73">
                  <c:v>38825</c:v>
                </c:pt>
                <c:pt idx="74">
                  <c:v>38826</c:v>
                </c:pt>
                <c:pt idx="75">
                  <c:v>38827</c:v>
                </c:pt>
                <c:pt idx="76">
                  <c:v>38831</c:v>
                </c:pt>
                <c:pt idx="77">
                  <c:v>38832</c:v>
                </c:pt>
                <c:pt idx="78">
                  <c:v>38833</c:v>
                </c:pt>
                <c:pt idx="79">
                  <c:v>38834</c:v>
                </c:pt>
                <c:pt idx="80">
                  <c:v>38835</c:v>
                </c:pt>
                <c:pt idx="81">
                  <c:v>38839</c:v>
                </c:pt>
                <c:pt idx="82">
                  <c:v>38840</c:v>
                </c:pt>
                <c:pt idx="83">
                  <c:v>38841</c:v>
                </c:pt>
                <c:pt idx="84">
                  <c:v>38842</c:v>
                </c:pt>
                <c:pt idx="85">
                  <c:v>38845</c:v>
                </c:pt>
                <c:pt idx="86">
                  <c:v>38846</c:v>
                </c:pt>
                <c:pt idx="87">
                  <c:v>38847</c:v>
                </c:pt>
                <c:pt idx="88">
                  <c:v>38848</c:v>
                </c:pt>
                <c:pt idx="89">
                  <c:v>38849</c:v>
                </c:pt>
                <c:pt idx="90">
                  <c:v>38852</c:v>
                </c:pt>
                <c:pt idx="91">
                  <c:v>38853</c:v>
                </c:pt>
                <c:pt idx="92">
                  <c:v>38854</c:v>
                </c:pt>
                <c:pt idx="93">
                  <c:v>38855</c:v>
                </c:pt>
                <c:pt idx="94">
                  <c:v>38856</c:v>
                </c:pt>
                <c:pt idx="95">
                  <c:v>38859</c:v>
                </c:pt>
                <c:pt idx="96">
                  <c:v>38860</c:v>
                </c:pt>
                <c:pt idx="97">
                  <c:v>38861</c:v>
                </c:pt>
                <c:pt idx="98">
                  <c:v>38862</c:v>
                </c:pt>
                <c:pt idx="99">
                  <c:v>38863</c:v>
                </c:pt>
                <c:pt idx="100">
                  <c:v>38866</c:v>
                </c:pt>
                <c:pt idx="101">
                  <c:v>38867</c:v>
                </c:pt>
                <c:pt idx="102">
                  <c:v>38868</c:v>
                </c:pt>
                <c:pt idx="103">
                  <c:v>38869</c:v>
                </c:pt>
                <c:pt idx="104">
                  <c:v>38870</c:v>
                </c:pt>
                <c:pt idx="105">
                  <c:v>38873</c:v>
                </c:pt>
                <c:pt idx="106">
                  <c:v>38874</c:v>
                </c:pt>
                <c:pt idx="107">
                  <c:v>38875</c:v>
                </c:pt>
                <c:pt idx="108">
                  <c:v>38876</c:v>
                </c:pt>
                <c:pt idx="109">
                  <c:v>38877</c:v>
                </c:pt>
                <c:pt idx="110">
                  <c:v>38880</c:v>
                </c:pt>
                <c:pt idx="111">
                  <c:v>38881</c:v>
                </c:pt>
                <c:pt idx="112">
                  <c:v>38882</c:v>
                </c:pt>
                <c:pt idx="113">
                  <c:v>38884</c:v>
                </c:pt>
                <c:pt idx="114">
                  <c:v>38887</c:v>
                </c:pt>
                <c:pt idx="115">
                  <c:v>38888</c:v>
                </c:pt>
                <c:pt idx="116">
                  <c:v>38889</c:v>
                </c:pt>
                <c:pt idx="117">
                  <c:v>38890</c:v>
                </c:pt>
                <c:pt idx="118">
                  <c:v>38891</c:v>
                </c:pt>
                <c:pt idx="119">
                  <c:v>38894</c:v>
                </c:pt>
                <c:pt idx="120">
                  <c:v>38895</c:v>
                </c:pt>
                <c:pt idx="121">
                  <c:v>38896</c:v>
                </c:pt>
                <c:pt idx="122">
                  <c:v>38897</c:v>
                </c:pt>
                <c:pt idx="123">
                  <c:v>38898</c:v>
                </c:pt>
                <c:pt idx="124">
                  <c:v>38901</c:v>
                </c:pt>
                <c:pt idx="125">
                  <c:v>38902</c:v>
                </c:pt>
                <c:pt idx="126">
                  <c:v>38903</c:v>
                </c:pt>
                <c:pt idx="127">
                  <c:v>38904</c:v>
                </c:pt>
                <c:pt idx="128">
                  <c:v>38905</c:v>
                </c:pt>
                <c:pt idx="129">
                  <c:v>38908</c:v>
                </c:pt>
                <c:pt idx="130">
                  <c:v>38909</c:v>
                </c:pt>
                <c:pt idx="131">
                  <c:v>38910</c:v>
                </c:pt>
                <c:pt idx="132">
                  <c:v>38911</c:v>
                </c:pt>
                <c:pt idx="133">
                  <c:v>38912</c:v>
                </c:pt>
                <c:pt idx="134">
                  <c:v>38915</c:v>
                </c:pt>
                <c:pt idx="135">
                  <c:v>38916</c:v>
                </c:pt>
                <c:pt idx="136">
                  <c:v>38917</c:v>
                </c:pt>
                <c:pt idx="137">
                  <c:v>38918</c:v>
                </c:pt>
                <c:pt idx="138">
                  <c:v>38919</c:v>
                </c:pt>
                <c:pt idx="139">
                  <c:v>38922</c:v>
                </c:pt>
                <c:pt idx="140">
                  <c:v>38923</c:v>
                </c:pt>
                <c:pt idx="141">
                  <c:v>38924</c:v>
                </c:pt>
                <c:pt idx="142">
                  <c:v>38925</c:v>
                </c:pt>
                <c:pt idx="143">
                  <c:v>38926</c:v>
                </c:pt>
                <c:pt idx="144">
                  <c:v>38929</c:v>
                </c:pt>
                <c:pt idx="145">
                  <c:v>38930</c:v>
                </c:pt>
                <c:pt idx="146">
                  <c:v>38931</c:v>
                </c:pt>
                <c:pt idx="147">
                  <c:v>38932</c:v>
                </c:pt>
                <c:pt idx="148">
                  <c:v>38933</c:v>
                </c:pt>
                <c:pt idx="149">
                  <c:v>38936</c:v>
                </c:pt>
                <c:pt idx="150">
                  <c:v>38937</c:v>
                </c:pt>
                <c:pt idx="151">
                  <c:v>38938</c:v>
                </c:pt>
                <c:pt idx="152">
                  <c:v>38939</c:v>
                </c:pt>
                <c:pt idx="153">
                  <c:v>38940</c:v>
                </c:pt>
                <c:pt idx="154">
                  <c:v>38943</c:v>
                </c:pt>
                <c:pt idx="155">
                  <c:v>38944</c:v>
                </c:pt>
                <c:pt idx="156">
                  <c:v>38945</c:v>
                </c:pt>
                <c:pt idx="157">
                  <c:v>38946</c:v>
                </c:pt>
                <c:pt idx="158">
                  <c:v>38947</c:v>
                </c:pt>
                <c:pt idx="159">
                  <c:v>38950</c:v>
                </c:pt>
                <c:pt idx="160">
                  <c:v>38951</c:v>
                </c:pt>
                <c:pt idx="161">
                  <c:v>38952</c:v>
                </c:pt>
                <c:pt idx="162">
                  <c:v>38953</c:v>
                </c:pt>
                <c:pt idx="163">
                  <c:v>38954</c:v>
                </c:pt>
                <c:pt idx="164">
                  <c:v>38957</c:v>
                </c:pt>
                <c:pt idx="165">
                  <c:v>38958</c:v>
                </c:pt>
                <c:pt idx="166">
                  <c:v>38959</c:v>
                </c:pt>
                <c:pt idx="167">
                  <c:v>38960</c:v>
                </c:pt>
                <c:pt idx="168">
                  <c:v>38961</c:v>
                </c:pt>
                <c:pt idx="169">
                  <c:v>38964</c:v>
                </c:pt>
                <c:pt idx="170">
                  <c:v>38965</c:v>
                </c:pt>
                <c:pt idx="171">
                  <c:v>38966</c:v>
                </c:pt>
                <c:pt idx="172">
                  <c:v>38968</c:v>
                </c:pt>
                <c:pt idx="173">
                  <c:v>38971</c:v>
                </c:pt>
                <c:pt idx="174">
                  <c:v>38972</c:v>
                </c:pt>
                <c:pt idx="175">
                  <c:v>38973</c:v>
                </c:pt>
                <c:pt idx="176">
                  <c:v>38974</c:v>
                </c:pt>
                <c:pt idx="177">
                  <c:v>38975</c:v>
                </c:pt>
                <c:pt idx="178">
                  <c:v>38978</c:v>
                </c:pt>
                <c:pt idx="179">
                  <c:v>38979</c:v>
                </c:pt>
                <c:pt idx="180">
                  <c:v>38980</c:v>
                </c:pt>
                <c:pt idx="181">
                  <c:v>38981</c:v>
                </c:pt>
                <c:pt idx="182">
                  <c:v>38982</c:v>
                </c:pt>
                <c:pt idx="183">
                  <c:v>38985</c:v>
                </c:pt>
                <c:pt idx="184">
                  <c:v>38986</c:v>
                </c:pt>
                <c:pt idx="185">
                  <c:v>38987</c:v>
                </c:pt>
                <c:pt idx="186">
                  <c:v>38988</c:v>
                </c:pt>
                <c:pt idx="187">
                  <c:v>38989</c:v>
                </c:pt>
                <c:pt idx="188">
                  <c:v>38992</c:v>
                </c:pt>
                <c:pt idx="189">
                  <c:v>38993</c:v>
                </c:pt>
                <c:pt idx="190">
                  <c:v>38994</c:v>
                </c:pt>
                <c:pt idx="191">
                  <c:v>38995</c:v>
                </c:pt>
                <c:pt idx="192">
                  <c:v>38996</c:v>
                </c:pt>
                <c:pt idx="193">
                  <c:v>38999</c:v>
                </c:pt>
                <c:pt idx="194">
                  <c:v>39000</c:v>
                </c:pt>
                <c:pt idx="195">
                  <c:v>39001</c:v>
                </c:pt>
                <c:pt idx="196">
                  <c:v>39003</c:v>
                </c:pt>
                <c:pt idx="197">
                  <c:v>39006</c:v>
                </c:pt>
                <c:pt idx="198">
                  <c:v>39007</c:v>
                </c:pt>
                <c:pt idx="199">
                  <c:v>39008</c:v>
                </c:pt>
                <c:pt idx="200">
                  <c:v>39009</c:v>
                </c:pt>
                <c:pt idx="201">
                  <c:v>39010</c:v>
                </c:pt>
                <c:pt idx="202">
                  <c:v>39013</c:v>
                </c:pt>
                <c:pt idx="203">
                  <c:v>39014</c:v>
                </c:pt>
                <c:pt idx="204">
                  <c:v>39015</c:v>
                </c:pt>
                <c:pt idx="205">
                  <c:v>39016</c:v>
                </c:pt>
                <c:pt idx="206">
                  <c:v>39017</c:v>
                </c:pt>
                <c:pt idx="207">
                  <c:v>39020</c:v>
                </c:pt>
                <c:pt idx="208">
                  <c:v>39021</c:v>
                </c:pt>
                <c:pt idx="209">
                  <c:v>39022</c:v>
                </c:pt>
                <c:pt idx="210">
                  <c:v>39024</c:v>
                </c:pt>
                <c:pt idx="211">
                  <c:v>39027</c:v>
                </c:pt>
                <c:pt idx="212">
                  <c:v>39028</c:v>
                </c:pt>
                <c:pt idx="213">
                  <c:v>39029</c:v>
                </c:pt>
                <c:pt idx="214">
                  <c:v>39030</c:v>
                </c:pt>
                <c:pt idx="215">
                  <c:v>39031</c:v>
                </c:pt>
                <c:pt idx="216">
                  <c:v>39034</c:v>
                </c:pt>
                <c:pt idx="217">
                  <c:v>39035</c:v>
                </c:pt>
                <c:pt idx="218">
                  <c:v>39037</c:v>
                </c:pt>
                <c:pt idx="219">
                  <c:v>39038</c:v>
                </c:pt>
                <c:pt idx="220">
                  <c:v>39042</c:v>
                </c:pt>
                <c:pt idx="221">
                  <c:v>39043</c:v>
                </c:pt>
                <c:pt idx="222">
                  <c:v>39044</c:v>
                </c:pt>
                <c:pt idx="223">
                  <c:v>39045</c:v>
                </c:pt>
                <c:pt idx="224">
                  <c:v>39048</c:v>
                </c:pt>
                <c:pt idx="225">
                  <c:v>39049</c:v>
                </c:pt>
                <c:pt idx="226">
                  <c:v>39050</c:v>
                </c:pt>
                <c:pt idx="227">
                  <c:v>39051</c:v>
                </c:pt>
                <c:pt idx="228">
                  <c:v>39052</c:v>
                </c:pt>
                <c:pt idx="229">
                  <c:v>39055</c:v>
                </c:pt>
                <c:pt idx="230">
                  <c:v>39056</c:v>
                </c:pt>
                <c:pt idx="231">
                  <c:v>39057</c:v>
                </c:pt>
                <c:pt idx="232">
                  <c:v>39058</c:v>
                </c:pt>
                <c:pt idx="233">
                  <c:v>39059</c:v>
                </c:pt>
                <c:pt idx="234">
                  <c:v>39062</c:v>
                </c:pt>
                <c:pt idx="235">
                  <c:v>39063</c:v>
                </c:pt>
                <c:pt idx="236">
                  <c:v>39064</c:v>
                </c:pt>
                <c:pt idx="237">
                  <c:v>39065</c:v>
                </c:pt>
                <c:pt idx="238">
                  <c:v>39066</c:v>
                </c:pt>
                <c:pt idx="239">
                  <c:v>39069</c:v>
                </c:pt>
                <c:pt idx="240">
                  <c:v>39070</c:v>
                </c:pt>
                <c:pt idx="241">
                  <c:v>39071</c:v>
                </c:pt>
                <c:pt idx="242">
                  <c:v>39072</c:v>
                </c:pt>
                <c:pt idx="243">
                  <c:v>39073</c:v>
                </c:pt>
                <c:pt idx="244">
                  <c:v>39077</c:v>
                </c:pt>
                <c:pt idx="245">
                  <c:v>39078</c:v>
                </c:pt>
                <c:pt idx="246">
                  <c:v>39079</c:v>
                </c:pt>
                <c:pt idx="247">
                  <c:v>39084</c:v>
                </c:pt>
                <c:pt idx="248">
                  <c:v>39085</c:v>
                </c:pt>
                <c:pt idx="249">
                  <c:v>39086</c:v>
                </c:pt>
                <c:pt idx="250">
                  <c:v>39087</c:v>
                </c:pt>
                <c:pt idx="251">
                  <c:v>39090</c:v>
                </c:pt>
                <c:pt idx="252">
                  <c:v>39091</c:v>
                </c:pt>
                <c:pt idx="253">
                  <c:v>39092</c:v>
                </c:pt>
                <c:pt idx="254">
                  <c:v>39093</c:v>
                </c:pt>
                <c:pt idx="255">
                  <c:v>39094</c:v>
                </c:pt>
                <c:pt idx="256">
                  <c:v>39097</c:v>
                </c:pt>
                <c:pt idx="257">
                  <c:v>39098</c:v>
                </c:pt>
                <c:pt idx="258">
                  <c:v>39099</c:v>
                </c:pt>
                <c:pt idx="259">
                  <c:v>39100</c:v>
                </c:pt>
                <c:pt idx="260">
                  <c:v>39101</c:v>
                </c:pt>
                <c:pt idx="261">
                  <c:v>39104</c:v>
                </c:pt>
                <c:pt idx="262">
                  <c:v>39105</c:v>
                </c:pt>
                <c:pt idx="263">
                  <c:v>39106</c:v>
                </c:pt>
                <c:pt idx="264">
                  <c:v>39108</c:v>
                </c:pt>
                <c:pt idx="265">
                  <c:v>39111</c:v>
                </c:pt>
                <c:pt idx="266">
                  <c:v>39112</c:v>
                </c:pt>
                <c:pt idx="267">
                  <c:v>39113</c:v>
                </c:pt>
                <c:pt idx="268">
                  <c:v>39114</c:v>
                </c:pt>
                <c:pt idx="269">
                  <c:v>39115</c:v>
                </c:pt>
                <c:pt idx="270">
                  <c:v>39118</c:v>
                </c:pt>
                <c:pt idx="271">
                  <c:v>39119</c:v>
                </c:pt>
                <c:pt idx="272">
                  <c:v>39120</c:v>
                </c:pt>
                <c:pt idx="273">
                  <c:v>39121</c:v>
                </c:pt>
                <c:pt idx="274">
                  <c:v>39122</c:v>
                </c:pt>
                <c:pt idx="275">
                  <c:v>39125</c:v>
                </c:pt>
                <c:pt idx="276">
                  <c:v>39126</c:v>
                </c:pt>
                <c:pt idx="277">
                  <c:v>39127</c:v>
                </c:pt>
                <c:pt idx="278">
                  <c:v>39128</c:v>
                </c:pt>
                <c:pt idx="279">
                  <c:v>39129</c:v>
                </c:pt>
                <c:pt idx="280">
                  <c:v>39134</c:v>
                </c:pt>
                <c:pt idx="281">
                  <c:v>39135</c:v>
                </c:pt>
                <c:pt idx="282">
                  <c:v>39136</c:v>
                </c:pt>
                <c:pt idx="283">
                  <c:v>39139</c:v>
                </c:pt>
                <c:pt idx="284">
                  <c:v>39140</c:v>
                </c:pt>
                <c:pt idx="285">
                  <c:v>39141</c:v>
                </c:pt>
                <c:pt idx="286">
                  <c:v>39142</c:v>
                </c:pt>
                <c:pt idx="287">
                  <c:v>39143</c:v>
                </c:pt>
                <c:pt idx="288">
                  <c:v>39146</c:v>
                </c:pt>
                <c:pt idx="289">
                  <c:v>39147</c:v>
                </c:pt>
                <c:pt idx="290">
                  <c:v>39148</c:v>
                </c:pt>
                <c:pt idx="291">
                  <c:v>39149</c:v>
                </c:pt>
                <c:pt idx="292">
                  <c:v>39150</c:v>
                </c:pt>
                <c:pt idx="293">
                  <c:v>39153</c:v>
                </c:pt>
                <c:pt idx="294">
                  <c:v>39154</c:v>
                </c:pt>
                <c:pt idx="295">
                  <c:v>39155</c:v>
                </c:pt>
                <c:pt idx="296">
                  <c:v>39156</c:v>
                </c:pt>
                <c:pt idx="297">
                  <c:v>39157</c:v>
                </c:pt>
                <c:pt idx="298">
                  <c:v>39160</c:v>
                </c:pt>
                <c:pt idx="299">
                  <c:v>39161</c:v>
                </c:pt>
                <c:pt idx="300">
                  <c:v>39162</c:v>
                </c:pt>
                <c:pt idx="301">
                  <c:v>39163</c:v>
                </c:pt>
                <c:pt idx="302">
                  <c:v>39164</c:v>
                </c:pt>
                <c:pt idx="303">
                  <c:v>39167</c:v>
                </c:pt>
                <c:pt idx="304">
                  <c:v>39168</c:v>
                </c:pt>
                <c:pt idx="305">
                  <c:v>39169</c:v>
                </c:pt>
                <c:pt idx="306">
                  <c:v>39170</c:v>
                </c:pt>
                <c:pt idx="307">
                  <c:v>39171</c:v>
                </c:pt>
                <c:pt idx="308">
                  <c:v>39174</c:v>
                </c:pt>
                <c:pt idx="309">
                  <c:v>39175</c:v>
                </c:pt>
                <c:pt idx="310">
                  <c:v>39176</c:v>
                </c:pt>
                <c:pt idx="311">
                  <c:v>39177</c:v>
                </c:pt>
                <c:pt idx="312">
                  <c:v>39181</c:v>
                </c:pt>
                <c:pt idx="313">
                  <c:v>39182</c:v>
                </c:pt>
                <c:pt idx="314">
                  <c:v>39183</c:v>
                </c:pt>
                <c:pt idx="315">
                  <c:v>39184</c:v>
                </c:pt>
                <c:pt idx="316">
                  <c:v>39185</c:v>
                </c:pt>
                <c:pt idx="317">
                  <c:v>39188</c:v>
                </c:pt>
                <c:pt idx="318">
                  <c:v>39189</c:v>
                </c:pt>
                <c:pt idx="319">
                  <c:v>39190</c:v>
                </c:pt>
                <c:pt idx="320">
                  <c:v>39191</c:v>
                </c:pt>
                <c:pt idx="321">
                  <c:v>39192</c:v>
                </c:pt>
                <c:pt idx="322">
                  <c:v>39195</c:v>
                </c:pt>
                <c:pt idx="323">
                  <c:v>39196</c:v>
                </c:pt>
                <c:pt idx="324">
                  <c:v>39197</c:v>
                </c:pt>
                <c:pt idx="325">
                  <c:v>39198</c:v>
                </c:pt>
                <c:pt idx="326">
                  <c:v>39199</c:v>
                </c:pt>
                <c:pt idx="327">
                  <c:v>39202</c:v>
                </c:pt>
                <c:pt idx="328">
                  <c:v>39204</c:v>
                </c:pt>
                <c:pt idx="329">
                  <c:v>39205</c:v>
                </c:pt>
                <c:pt idx="330">
                  <c:v>39206</c:v>
                </c:pt>
                <c:pt idx="331">
                  <c:v>39209</c:v>
                </c:pt>
                <c:pt idx="332">
                  <c:v>39210</c:v>
                </c:pt>
                <c:pt idx="333">
                  <c:v>39211</c:v>
                </c:pt>
                <c:pt idx="334">
                  <c:v>39212</c:v>
                </c:pt>
                <c:pt idx="335">
                  <c:v>39213</c:v>
                </c:pt>
                <c:pt idx="336">
                  <c:v>39216</c:v>
                </c:pt>
                <c:pt idx="337">
                  <c:v>39217</c:v>
                </c:pt>
                <c:pt idx="338">
                  <c:v>39218</c:v>
                </c:pt>
                <c:pt idx="339">
                  <c:v>39219</c:v>
                </c:pt>
                <c:pt idx="340">
                  <c:v>39220</c:v>
                </c:pt>
                <c:pt idx="341">
                  <c:v>39223</c:v>
                </c:pt>
                <c:pt idx="342">
                  <c:v>39224</c:v>
                </c:pt>
                <c:pt idx="343">
                  <c:v>39225</c:v>
                </c:pt>
                <c:pt idx="344">
                  <c:v>39226</c:v>
                </c:pt>
                <c:pt idx="345">
                  <c:v>39227</c:v>
                </c:pt>
                <c:pt idx="346">
                  <c:v>39230</c:v>
                </c:pt>
                <c:pt idx="347">
                  <c:v>39231</c:v>
                </c:pt>
                <c:pt idx="348">
                  <c:v>39232</c:v>
                </c:pt>
                <c:pt idx="349">
                  <c:v>39233</c:v>
                </c:pt>
                <c:pt idx="350">
                  <c:v>39234</c:v>
                </c:pt>
                <c:pt idx="351">
                  <c:v>39237</c:v>
                </c:pt>
                <c:pt idx="352">
                  <c:v>39238</c:v>
                </c:pt>
                <c:pt idx="353">
                  <c:v>39239</c:v>
                </c:pt>
                <c:pt idx="354">
                  <c:v>39241</c:v>
                </c:pt>
                <c:pt idx="355">
                  <c:v>39244</c:v>
                </c:pt>
                <c:pt idx="356">
                  <c:v>39245</c:v>
                </c:pt>
                <c:pt idx="357">
                  <c:v>39246</c:v>
                </c:pt>
                <c:pt idx="358">
                  <c:v>39247</c:v>
                </c:pt>
                <c:pt idx="359">
                  <c:v>39248</c:v>
                </c:pt>
                <c:pt idx="360">
                  <c:v>39251</c:v>
                </c:pt>
                <c:pt idx="361">
                  <c:v>39252</c:v>
                </c:pt>
                <c:pt idx="362">
                  <c:v>39253</c:v>
                </c:pt>
                <c:pt idx="363">
                  <c:v>39254</c:v>
                </c:pt>
                <c:pt idx="364">
                  <c:v>39255</c:v>
                </c:pt>
                <c:pt idx="365">
                  <c:v>39258</c:v>
                </c:pt>
                <c:pt idx="366">
                  <c:v>39259</c:v>
                </c:pt>
                <c:pt idx="367">
                  <c:v>39260</c:v>
                </c:pt>
                <c:pt idx="368">
                  <c:v>39261</c:v>
                </c:pt>
                <c:pt idx="369">
                  <c:v>39262</c:v>
                </c:pt>
                <c:pt idx="370">
                  <c:v>39265</c:v>
                </c:pt>
                <c:pt idx="371">
                  <c:v>39266</c:v>
                </c:pt>
                <c:pt idx="372">
                  <c:v>39267</c:v>
                </c:pt>
                <c:pt idx="373">
                  <c:v>39268</c:v>
                </c:pt>
                <c:pt idx="374">
                  <c:v>39269</c:v>
                </c:pt>
                <c:pt idx="375">
                  <c:v>39273</c:v>
                </c:pt>
                <c:pt idx="376">
                  <c:v>39274</c:v>
                </c:pt>
                <c:pt idx="377">
                  <c:v>39275</c:v>
                </c:pt>
                <c:pt idx="378">
                  <c:v>39276</c:v>
                </c:pt>
                <c:pt idx="379">
                  <c:v>39279</c:v>
                </c:pt>
                <c:pt idx="380">
                  <c:v>39280</c:v>
                </c:pt>
                <c:pt idx="381">
                  <c:v>39281</c:v>
                </c:pt>
                <c:pt idx="382">
                  <c:v>39282</c:v>
                </c:pt>
                <c:pt idx="383">
                  <c:v>39283</c:v>
                </c:pt>
                <c:pt idx="384">
                  <c:v>39286</c:v>
                </c:pt>
                <c:pt idx="385">
                  <c:v>39287</c:v>
                </c:pt>
                <c:pt idx="386">
                  <c:v>39288</c:v>
                </c:pt>
                <c:pt idx="387">
                  <c:v>39289</c:v>
                </c:pt>
                <c:pt idx="388">
                  <c:v>39290</c:v>
                </c:pt>
                <c:pt idx="389">
                  <c:v>39293</c:v>
                </c:pt>
                <c:pt idx="390">
                  <c:v>39294</c:v>
                </c:pt>
                <c:pt idx="391">
                  <c:v>39295</c:v>
                </c:pt>
                <c:pt idx="392">
                  <c:v>39296</c:v>
                </c:pt>
                <c:pt idx="393">
                  <c:v>39297</c:v>
                </c:pt>
                <c:pt idx="394">
                  <c:v>39300</c:v>
                </c:pt>
                <c:pt idx="395">
                  <c:v>39301</c:v>
                </c:pt>
                <c:pt idx="396">
                  <c:v>39302</c:v>
                </c:pt>
                <c:pt idx="397">
                  <c:v>39303</c:v>
                </c:pt>
                <c:pt idx="398">
                  <c:v>39304</c:v>
                </c:pt>
                <c:pt idx="399">
                  <c:v>39307</c:v>
                </c:pt>
                <c:pt idx="400">
                  <c:v>39308</c:v>
                </c:pt>
                <c:pt idx="401">
                  <c:v>39309</c:v>
                </c:pt>
                <c:pt idx="402">
                  <c:v>39310</c:v>
                </c:pt>
                <c:pt idx="403">
                  <c:v>39311</c:v>
                </c:pt>
                <c:pt idx="404">
                  <c:v>39314</c:v>
                </c:pt>
                <c:pt idx="405">
                  <c:v>39315</c:v>
                </c:pt>
                <c:pt idx="406">
                  <c:v>39316</c:v>
                </c:pt>
                <c:pt idx="407">
                  <c:v>39317</c:v>
                </c:pt>
                <c:pt idx="408">
                  <c:v>39318</c:v>
                </c:pt>
                <c:pt idx="409">
                  <c:v>39321</c:v>
                </c:pt>
                <c:pt idx="410">
                  <c:v>39322</c:v>
                </c:pt>
                <c:pt idx="411">
                  <c:v>39323</c:v>
                </c:pt>
                <c:pt idx="412">
                  <c:v>39324</c:v>
                </c:pt>
                <c:pt idx="413">
                  <c:v>39325</c:v>
                </c:pt>
                <c:pt idx="414">
                  <c:v>39328</c:v>
                </c:pt>
                <c:pt idx="415">
                  <c:v>39329</c:v>
                </c:pt>
                <c:pt idx="416">
                  <c:v>39330</c:v>
                </c:pt>
                <c:pt idx="417">
                  <c:v>39331</c:v>
                </c:pt>
                <c:pt idx="418">
                  <c:v>39335</c:v>
                </c:pt>
                <c:pt idx="419">
                  <c:v>39336</c:v>
                </c:pt>
                <c:pt idx="420">
                  <c:v>39337</c:v>
                </c:pt>
                <c:pt idx="421">
                  <c:v>39338</c:v>
                </c:pt>
                <c:pt idx="422">
                  <c:v>39339</c:v>
                </c:pt>
                <c:pt idx="423">
                  <c:v>39342</c:v>
                </c:pt>
                <c:pt idx="424">
                  <c:v>39343</c:v>
                </c:pt>
                <c:pt idx="425">
                  <c:v>39344</c:v>
                </c:pt>
                <c:pt idx="426">
                  <c:v>39345</c:v>
                </c:pt>
                <c:pt idx="427">
                  <c:v>39346</c:v>
                </c:pt>
                <c:pt idx="428">
                  <c:v>39349</c:v>
                </c:pt>
                <c:pt idx="429">
                  <c:v>39350</c:v>
                </c:pt>
                <c:pt idx="430">
                  <c:v>39351</c:v>
                </c:pt>
                <c:pt idx="431">
                  <c:v>39352</c:v>
                </c:pt>
                <c:pt idx="432">
                  <c:v>39353</c:v>
                </c:pt>
                <c:pt idx="433">
                  <c:v>39356</c:v>
                </c:pt>
                <c:pt idx="434">
                  <c:v>39357</c:v>
                </c:pt>
                <c:pt idx="435">
                  <c:v>39358</c:v>
                </c:pt>
                <c:pt idx="436">
                  <c:v>39359</c:v>
                </c:pt>
                <c:pt idx="437">
                  <c:v>39360</c:v>
                </c:pt>
                <c:pt idx="438">
                  <c:v>39363</c:v>
                </c:pt>
                <c:pt idx="439">
                  <c:v>39364</c:v>
                </c:pt>
                <c:pt idx="440">
                  <c:v>39365</c:v>
                </c:pt>
                <c:pt idx="441">
                  <c:v>39366</c:v>
                </c:pt>
                <c:pt idx="442">
                  <c:v>39370</c:v>
                </c:pt>
                <c:pt idx="443">
                  <c:v>39371</c:v>
                </c:pt>
                <c:pt idx="444">
                  <c:v>39372</c:v>
                </c:pt>
                <c:pt idx="445">
                  <c:v>39373</c:v>
                </c:pt>
                <c:pt idx="446">
                  <c:v>39374</c:v>
                </c:pt>
                <c:pt idx="447">
                  <c:v>39377</c:v>
                </c:pt>
                <c:pt idx="448">
                  <c:v>39378</c:v>
                </c:pt>
                <c:pt idx="449">
                  <c:v>39379</c:v>
                </c:pt>
                <c:pt idx="450">
                  <c:v>39380</c:v>
                </c:pt>
                <c:pt idx="451">
                  <c:v>39381</c:v>
                </c:pt>
                <c:pt idx="452">
                  <c:v>39384</c:v>
                </c:pt>
                <c:pt idx="453">
                  <c:v>39385</c:v>
                </c:pt>
                <c:pt idx="454">
                  <c:v>39386</c:v>
                </c:pt>
                <c:pt idx="455">
                  <c:v>39387</c:v>
                </c:pt>
                <c:pt idx="456">
                  <c:v>39391</c:v>
                </c:pt>
                <c:pt idx="457">
                  <c:v>39392</c:v>
                </c:pt>
                <c:pt idx="458">
                  <c:v>39393</c:v>
                </c:pt>
                <c:pt idx="459">
                  <c:v>39394</c:v>
                </c:pt>
                <c:pt idx="460">
                  <c:v>39395</c:v>
                </c:pt>
                <c:pt idx="461">
                  <c:v>39398</c:v>
                </c:pt>
                <c:pt idx="462">
                  <c:v>39399</c:v>
                </c:pt>
                <c:pt idx="463">
                  <c:v>39400</c:v>
                </c:pt>
                <c:pt idx="464">
                  <c:v>39402</c:v>
                </c:pt>
                <c:pt idx="465">
                  <c:v>39405</c:v>
                </c:pt>
                <c:pt idx="466">
                  <c:v>39407</c:v>
                </c:pt>
                <c:pt idx="467">
                  <c:v>39408</c:v>
                </c:pt>
                <c:pt idx="468">
                  <c:v>39409</c:v>
                </c:pt>
                <c:pt idx="469">
                  <c:v>39412</c:v>
                </c:pt>
                <c:pt idx="470">
                  <c:v>39413</c:v>
                </c:pt>
                <c:pt idx="471">
                  <c:v>39414</c:v>
                </c:pt>
                <c:pt idx="472">
                  <c:v>39415</c:v>
                </c:pt>
                <c:pt idx="473">
                  <c:v>39416</c:v>
                </c:pt>
                <c:pt idx="474">
                  <c:v>39419</c:v>
                </c:pt>
                <c:pt idx="475">
                  <c:v>39420</c:v>
                </c:pt>
                <c:pt idx="476">
                  <c:v>39421</c:v>
                </c:pt>
                <c:pt idx="477">
                  <c:v>39422</c:v>
                </c:pt>
                <c:pt idx="478">
                  <c:v>39423</c:v>
                </c:pt>
                <c:pt idx="479">
                  <c:v>39426</c:v>
                </c:pt>
                <c:pt idx="480">
                  <c:v>39427</c:v>
                </c:pt>
                <c:pt idx="481">
                  <c:v>39428</c:v>
                </c:pt>
                <c:pt idx="482">
                  <c:v>39429</c:v>
                </c:pt>
                <c:pt idx="483">
                  <c:v>39430</c:v>
                </c:pt>
                <c:pt idx="484">
                  <c:v>39433</c:v>
                </c:pt>
                <c:pt idx="485">
                  <c:v>39434</c:v>
                </c:pt>
                <c:pt idx="486">
                  <c:v>39435</c:v>
                </c:pt>
                <c:pt idx="487">
                  <c:v>39436</c:v>
                </c:pt>
                <c:pt idx="488">
                  <c:v>39437</c:v>
                </c:pt>
                <c:pt idx="489">
                  <c:v>39442</c:v>
                </c:pt>
                <c:pt idx="490">
                  <c:v>39443</c:v>
                </c:pt>
                <c:pt idx="491">
                  <c:v>39444</c:v>
                </c:pt>
                <c:pt idx="492">
                  <c:v>39449</c:v>
                </c:pt>
                <c:pt idx="493">
                  <c:v>39450</c:v>
                </c:pt>
                <c:pt idx="494">
                  <c:v>39451</c:v>
                </c:pt>
                <c:pt idx="495">
                  <c:v>39454</c:v>
                </c:pt>
                <c:pt idx="496">
                  <c:v>39455</c:v>
                </c:pt>
                <c:pt idx="497">
                  <c:v>39456</c:v>
                </c:pt>
                <c:pt idx="498">
                  <c:v>39457</c:v>
                </c:pt>
                <c:pt idx="499">
                  <c:v>39458</c:v>
                </c:pt>
                <c:pt idx="500">
                  <c:v>39461</c:v>
                </c:pt>
                <c:pt idx="501">
                  <c:v>39462</c:v>
                </c:pt>
                <c:pt idx="502">
                  <c:v>39463</c:v>
                </c:pt>
                <c:pt idx="503">
                  <c:v>39464</c:v>
                </c:pt>
                <c:pt idx="504">
                  <c:v>39465</c:v>
                </c:pt>
                <c:pt idx="505">
                  <c:v>39468</c:v>
                </c:pt>
                <c:pt idx="506">
                  <c:v>39469</c:v>
                </c:pt>
                <c:pt idx="507">
                  <c:v>39470</c:v>
                </c:pt>
                <c:pt idx="508">
                  <c:v>39471</c:v>
                </c:pt>
                <c:pt idx="509">
                  <c:v>39475</c:v>
                </c:pt>
                <c:pt idx="510">
                  <c:v>39476</c:v>
                </c:pt>
                <c:pt idx="511">
                  <c:v>39477</c:v>
                </c:pt>
                <c:pt idx="512">
                  <c:v>39478</c:v>
                </c:pt>
                <c:pt idx="513">
                  <c:v>39479</c:v>
                </c:pt>
                <c:pt idx="514">
                  <c:v>39484</c:v>
                </c:pt>
                <c:pt idx="515">
                  <c:v>39485</c:v>
                </c:pt>
                <c:pt idx="516">
                  <c:v>39486</c:v>
                </c:pt>
                <c:pt idx="517">
                  <c:v>39489</c:v>
                </c:pt>
                <c:pt idx="518">
                  <c:v>39490</c:v>
                </c:pt>
                <c:pt idx="519">
                  <c:v>39491</c:v>
                </c:pt>
                <c:pt idx="520">
                  <c:v>39492</c:v>
                </c:pt>
                <c:pt idx="521">
                  <c:v>39493</c:v>
                </c:pt>
                <c:pt idx="522">
                  <c:v>39496</c:v>
                </c:pt>
                <c:pt idx="523">
                  <c:v>39497</c:v>
                </c:pt>
                <c:pt idx="524">
                  <c:v>39498</c:v>
                </c:pt>
                <c:pt idx="525">
                  <c:v>39499</c:v>
                </c:pt>
                <c:pt idx="526">
                  <c:v>39500</c:v>
                </c:pt>
                <c:pt idx="527">
                  <c:v>39503</c:v>
                </c:pt>
                <c:pt idx="528">
                  <c:v>39504</c:v>
                </c:pt>
                <c:pt idx="529">
                  <c:v>39505</c:v>
                </c:pt>
                <c:pt idx="530">
                  <c:v>39506</c:v>
                </c:pt>
                <c:pt idx="531">
                  <c:v>39507</c:v>
                </c:pt>
                <c:pt idx="532">
                  <c:v>39510</c:v>
                </c:pt>
                <c:pt idx="533">
                  <c:v>39511</c:v>
                </c:pt>
                <c:pt idx="534">
                  <c:v>39512</c:v>
                </c:pt>
                <c:pt idx="535">
                  <c:v>39513</c:v>
                </c:pt>
                <c:pt idx="536">
                  <c:v>39514</c:v>
                </c:pt>
                <c:pt idx="537">
                  <c:v>39517</c:v>
                </c:pt>
                <c:pt idx="538">
                  <c:v>39518</c:v>
                </c:pt>
                <c:pt idx="539">
                  <c:v>39519</c:v>
                </c:pt>
                <c:pt idx="540">
                  <c:v>39520</c:v>
                </c:pt>
                <c:pt idx="541">
                  <c:v>39521</c:v>
                </c:pt>
                <c:pt idx="542">
                  <c:v>39524</c:v>
                </c:pt>
                <c:pt idx="543">
                  <c:v>39525</c:v>
                </c:pt>
                <c:pt idx="544">
                  <c:v>39526</c:v>
                </c:pt>
                <c:pt idx="545">
                  <c:v>39527</c:v>
                </c:pt>
                <c:pt idx="546">
                  <c:v>39531</c:v>
                </c:pt>
                <c:pt idx="547">
                  <c:v>39532</c:v>
                </c:pt>
                <c:pt idx="548">
                  <c:v>39533</c:v>
                </c:pt>
                <c:pt idx="549">
                  <c:v>39534</c:v>
                </c:pt>
                <c:pt idx="550">
                  <c:v>39535</c:v>
                </c:pt>
                <c:pt idx="551">
                  <c:v>39538</c:v>
                </c:pt>
                <c:pt idx="552">
                  <c:v>39539</c:v>
                </c:pt>
                <c:pt idx="553">
                  <c:v>39540</c:v>
                </c:pt>
                <c:pt idx="554">
                  <c:v>39541</c:v>
                </c:pt>
                <c:pt idx="555">
                  <c:v>39542</c:v>
                </c:pt>
                <c:pt idx="556">
                  <c:v>39545</c:v>
                </c:pt>
                <c:pt idx="557">
                  <c:v>39546</c:v>
                </c:pt>
                <c:pt idx="558">
                  <c:v>39547</c:v>
                </c:pt>
                <c:pt idx="559">
                  <c:v>39548</c:v>
                </c:pt>
                <c:pt idx="560">
                  <c:v>39549</c:v>
                </c:pt>
                <c:pt idx="561">
                  <c:v>39552</c:v>
                </c:pt>
                <c:pt idx="562">
                  <c:v>39553</c:v>
                </c:pt>
                <c:pt idx="563">
                  <c:v>39554</c:v>
                </c:pt>
                <c:pt idx="564">
                  <c:v>39555</c:v>
                </c:pt>
                <c:pt idx="565">
                  <c:v>39556</c:v>
                </c:pt>
                <c:pt idx="566">
                  <c:v>39560</c:v>
                </c:pt>
                <c:pt idx="567">
                  <c:v>39561</c:v>
                </c:pt>
                <c:pt idx="568">
                  <c:v>39562</c:v>
                </c:pt>
                <c:pt idx="569">
                  <c:v>39563</c:v>
                </c:pt>
                <c:pt idx="570">
                  <c:v>39566</c:v>
                </c:pt>
                <c:pt idx="571">
                  <c:v>39567</c:v>
                </c:pt>
                <c:pt idx="572">
                  <c:v>39568</c:v>
                </c:pt>
                <c:pt idx="573">
                  <c:v>39570</c:v>
                </c:pt>
                <c:pt idx="574">
                  <c:v>39573</c:v>
                </c:pt>
                <c:pt idx="575">
                  <c:v>39574</c:v>
                </c:pt>
                <c:pt idx="576">
                  <c:v>39575</c:v>
                </c:pt>
                <c:pt idx="577">
                  <c:v>39576</c:v>
                </c:pt>
                <c:pt idx="578">
                  <c:v>39577</c:v>
                </c:pt>
                <c:pt idx="579">
                  <c:v>39580</c:v>
                </c:pt>
                <c:pt idx="580">
                  <c:v>39581</c:v>
                </c:pt>
                <c:pt idx="581">
                  <c:v>39582</c:v>
                </c:pt>
                <c:pt idx="582">
                  <c:v>39583</c:v>
                </c:pt>
                <c:pt idx="583">
                  <c:v>39584</c:v>
                </c:pt>
                <c:pt idx="584">
                  <c:v>39587</c:v>
                </c:pt>
                <c:pt idx="585">
                  <c:v>39588</c:v>
                </c:pt>
                <c:pt idx="586">
                  <c:v>39589</c:v>
                </c:pt>
                <c:pt idx="587">
                  <c:v>39591</c:v>
                </c:pt>
                <c:pt idx="588">
                  <c:v>39594</c:v>
                </c:pt>
                <c:pt idx="589">
                  <c:v>39595</c:v>
                </c:pt>
                <c:pt idx="590">
                  <c:v>39596</c:v>
                </c:pt>
                <c:pt idx="591">
                  <c:v>39597</c:v>
                </c:pt>
                <c:pt idx="592">
                  <c:v>39598</c:v>
                </c:pt>
                <c:pt idx="593">
                  <c:v>39601</c:v>
                </c:pt>
                <c:pt idx="594">
                  <c:v>39602</c:v>
                </c:pt>
                <c:pt idx="595">
                  <c:v>39603</c:v>
                </c:pt>
                <c:pt idx="596">
                  <c:v>39604</c:v>
                </c:pt>
                <c:pt idx="597">
                  <c:v>39605</c:v>
                </c:pt>
                <c:pt idx="598">
                  <c:v>39608</c:v>
                </c:pt>
                <c:pt idx="599">
                  <c:v>39609</c:v>
                </c:pt>
                <c:pt idx="600">
                  <c:v>39610</c:v>
                </c:pt>
                <c:pt idx="601">
                  <c:v>39611</c:v>
                </c:pt>
                <c:pt idx="602">
                  <c:v>39612</c:v>
                </c:pt>
                <c:pt idx="603">
                  <c:v>39615</c:v>
                </c:pt>
                <c:pt idx="604">
                  <c:v>39616</c:v>
                </c:pt>
                <c:pt idx="605">
                  <c:v>39617</c:v>
                </c:pt>
                <c:pt idx="606">
                  <c:v>39618</c:v>
                </c:pt>
                <c:pt idx="607">
                  <c:v>39619</c:v>
                </c:pt>
                <c:pt idx="608">
                  <c:v>39622</c:v>
                </c:pt>
                <c:pt idx="609">
                  <c:v>39623</c:v>
                </c:pt>
                <c:pt idx="610">
                  <c:v>39624</c:v>
                </c:pt>
                <c:pt idx="611">
                  <c:v>39625</c:v>
                </c:pt>
                <c:pt idx="612">
                  <c:v>39626</c:v>
                </c:pt>
                <c:pt idx="613">
                  <c:v>39629</c:v>
                </c:pt>
                <c:pt idx="614">
                  <c:v>39630</c:v>
                </c:pt>
                <c:pt idx="615">
                  <c:v>39631</c:v>
                </c:pt>
                <c:pt idx="616">
                  <c:v>39632</c:v>
                </c:pt>
                <c:pt idx="617">
                  <c:v>39633</c:v>
                </c:pt>
                <c:pt idx="618">
                  <c:v>39636</c:v>
                </c:pt>
                <c:pt idx="619">
                  <c:v>39637</c:v>
                </c:pt>
                <c:pt idx="620">
                  <c:v>39639</c:v>
                </c:pt>
                <c:pt idx="621">
                  <c:v>39640</c:v>
                </c:pt>
                <c:pt idx="622">
                  <c:v>39643</c:v>
                </c:pt>
                <c:pt idx="623">
                  <c:v>39644</c:v>
                </c:pt>
                <c:pt idx="624">
                  <c:v>39645</c:v>
                </c:pt>
                <c:pt idx="625">
                  <c:v>39646</c:v>
                </c:pt>
                <c:pt idx="626">
                  <c:v>39647</c:v>
                </c:pt>
                <c:pt idx="627">
                  <c:v>39650</c:v>
                </c:pt>
                <c:pt idx="628">
                  <c:v>39651</c:v>
                </c:pt>
                <c:pt idx="629">
                  <c:v>39652</c:v>
                </c:pt>
                <c:pt idx="630">
                  <c:v>39653</c:v>
                </c:pt>
                <c:pt idx="631">
                  <c:v>39654</c:v>
                </c:pt>
                <c:pt idx="632">
                  <c:v>39657</c:v>
                </c:pt>
                <c:pt idx="633">
                  <c:v>39658</c:v>
                </c:pt>
                <c:pt idx="634">
                  <c:v>39659</c:v>
                </c:pt>
                <c:pt idx="635">
                  <c:v>39660</c:v>
                </c:pt>
                <c:pt idx="636">
                  <c:v>39661</c:v>
                </c:pt>
                <c:pt idx="637">
                  <c:v>39664</c:v>
                </c:pt>
                <c:pt idx="638">
                  <c:v>39665</c:v>
                </c:pt>
                <c:pt idx="639">
                  <c:v>39666</c:v>
                </c:pt>
                <c:pt idx="640">
                  <c:v>39667</c:v>
                </c:pt>
                <c:pt idx="641">
                  <c:v>39668</c:v>
                </c:pt>
                <c:pt idx="642">
                  <c:v>39671</c:v>
                </c:pt>
                <c:pt idx="643">
                  <c:v>39672</c:v>
                </c:pt>
                <c:pt idx="644">
                  <c:v>39673</c:v>
                </c:pt>
                <c:pt idx="645">
                  <c:v>39674</c:v>
                </c:pt>
                <c:pt idx="646">
                  <c:v>39675</c:v>
                </c:pt>
                <c:pt idx="647">
                  <c:v>39678</c:v>
                </c:pt>
                <c:pt idx="648">
                  <c:v>39679</c:v>
                </c:pt>
                <c:pt idx="649">
                  <c:v>39680</c:v>
                </c:pt>
                <c:pt idx="650">
                  <c:v>39681</c:v>
                </c:pt>
                <c:pt idx="651">
                  <c:v>39682</c:v>
                </c:pt>
                <c:pt idx="652">
                  <c:v>39685</c:v>
                </c:pt>
                <c:pt idx="653">
                  <c:v>39686</c:v>
                </c:pt>
                <c:pt idx="654">
                  <c:v>39687</c:v>
                </c:pt>
                <c:pt idx="655">
                  <c:v>39688</c:v>
                </c:pt>
                <c:pt idx="656">
                  <c:v>39689</c:v>
                </c:pt>
                <c:pt idx="657">
                  <c:v>39692</c:v>
                </c:pt>
                <c:pt idx="658">
                  <c:v>39693</c:v>
                </c:pt>
                <c:pt idx="659">
                  <c:v>39694</c:v>
                </c:pt>
                <c:pt idx="660">
                  <c:v>39695</c:v>
                </c:pt>
                <c:pt idx="661">
                  <c:v>39696</c:v>
                </c:pt>
                <c:pt idx="662">
                  <c:v>39699</c:v>
                </c:pt>
                <c:pt idx="663">
                  <c:v>39700</c:v>
                </c:pt>
                <c:pt idx="664">
                  <c:v>39701</c:v>
                </c:pt>
                <c:pt idx="665">
                  <c:v>39702</c:v>
                </c:pt>
                <c:pt idx="666">
                  <c:v>39703</c:v>
                </c:pt>
                <c:pt idx="667">
                  <c:v>39706</c:v>
                </c:pt>
                <c:pt idx="668">
                  <c:v>39707</c:v>
                </c:pt>
                <c:pt idx="669">
                  <c:v>39708</c:v>
                </c:pt>
                <c:pt idx="670">
                  <c:v>39709</c:v>
                </c:pt>
                <c:pt idx="671">
                  <c:v>39710</c:v>
                </c:pt>
                <c:pt idx="672">
                  <c:v>39713</c:v>
                </c:pt>
                <c:pt idx="673">
                  <c:v>39714</c:v>
                </c:pt>
                <c:pt idx="674">
                  <c:v>39715</c:v>
                </c:pt>
                <c:pt idx="675">
                  <c:v>39716</c:v>
                </c:pt>
                <c:pt idx="676">
                  <c:v>39717</c:v>
                </c:pt>
                <c:pt idx="677">
                  <c:v>39720</c:v>
                </c:pt>
                <c:pt idx="678">
                  <c:v>39721</c:v>
                </c:pt>
                <c:pt idx="679">
                  <c:v>39722</c:v>
                </c:pt>
                <c:pt idx="680">
                  <c:v>39723</c:v>
                </c:pt>
                <c:pt idx="681">
                  <c:v>39724</c:v>
                </c:pt>
                <c:pt idx="682">
                  <c:v>39727</c:v>
                </c:pt>
                <c:pt idx="683">
                  <c:v>39728</c:v>
                </c:pt>
                <c:pt idx="684">
                  <c:v>39729</c:v>
                </c:pt>
                <c:pt idx="685">
                  <c:v>39730</c:v>
                </c:pt>
                <c:pt idx="686">
                  <c:v>39731</c:v>
                </c:pt>
                <c:pt idx="687">
                  <c:v>39734</c:v>
                </c:pt>
                <c:pt idx="688">
                  <c:v>39735</c:v>
                </c:pt>
                <c:pt idx="689">
                  <c:v>39736</c:v>
                </c:pt>
                <c:pt idx="690">
                  <c:v>39737</c:v>
                </c:pt>
                <c:pt idx="691">
                  <c:v>39738</c:v>
                </c:pt>
                <c:pt idx="692">
                  <c:v>39741</c:v>
                </c:pt>
                <c:pt idx="693">
                  <c:v>39742</c:v>
                </c:pt>
                <c:pt idx="694">
                  <c:v>39743</c:v>
                </c:pt>
                <c:pt idx="695">
                  <c:v>39744</c:v>
                </c:pt>
                <c:pt idx="696">
                  <c:v>39745</c:v>
                </c:pt>
                <c:pt idx="697">
                  <c:v>39748</c:v>
                </c:pt>
                <c:pt idx="698">
                  <c:v>39749</c:v>
                </c:pt>
                <c:pt idx="699">
                  <c:v>39750</c:v>
                </c:pt>
                <c:pt idx="700">
                  <c:v>39751</c:v>
                </c:pt>
                <c:pt idx="701">
                  <c:v>39752</c:v>
                </c:pt>
                <c:pt idx="702">
                  <c:v>39755</c:v>
                </c:pt>
                <c:pt idx="703">
                  <c:v>39756</c:v>
                </c:pt>
                <c:pt idx="704">
                  <c:v>39757</c:v>
                </c:pt>
                <c:pt idx="705">
                  <c:v>39758</c:v>
                </c:pt>
                <c:pt idx="706">
                  <c:v>39759</c:v>
                </c:pt>
                <c:pt idx="707">
                  <c:v>39762</c:v>
                </c:pt>
                <c:pt idx="708">
                  <c:v>39763</c:v>
                </c:pt>
                <c:pt idx="709">
                  <c:v>39764</c:v>
                </c:pt>
                <c:pt idx="710">
                  <c:v>39765</c:v>
                </c:pt>
                <c:pt idx="711">
                  <c:v>39766</c:v>
                </c:pt>
                <c:pt idx="712">
                  <c:v>39769</c:v>
                </c:pt>
                <c:pt idx="713">
                  <c:v>39770</c:v>
                </c:pt>
                <c:pt idx="714">
                  <c:v>39771</c:v>
                </c:pt>
                <c:pt idx="715">
                  <c:v>39773</c:v>
                </c:pt>
                <c:pt idx="716">
                  <c:v>39776</c:v>
                </c:pt>
                <c:pt idx="717">
                  <c:v>39777</c:v>
                </c:pt>
                <c:pt idx="718">
                  <c:v>39778</c:v>
                </c:pt>
                <c:pt idx="719">
                  <c:v>39779</c:v>
                </c:pt>
                <c:pt idx="720">
                  <c:v>39780</c:v>
                </c:pt>
                <c:pt idx="721">
                  <c:v>39783</c:v>
                </c:pt>
                <c:pt idx="722">
                  <c:v>39784</c:v>
                </c:pt>
                <c:pt idx="723">
                  <c:v>39785</c:v>
                </c:pt>
                <c:pt idx="724">
                  <c:v>39786</c:v>
                </c:pt>
                <c:pt idx="725">
                  <c:v>39787</c:v>
                </c:pt>
                <c:pt idx="726">
                  <c:v>39790</c:v>
                </c:pt>
                <c:pt idx="727">
                  <c:v>39791</c:v>
                </c:pt>
                <c:pt idx="728">
                  <c:v>39792</c:v>
                </c:pt>
                <c:pt idx="729">
                  <c:v>39793</c:v>
                </c:pt>
                <c:pt idx="730">
                  <c:v>39794</c:v>
                </c:pt>
                <c:pt idx="731">
                  <c:v>39797</c:v>
                </c:pt>
                <c:pt idx="732">
                  <c:v>39798</c:v>
                </c:pt>
                <c:pt idx="733">
                  <c:v>39799</c:v>
                </c:pt>
                <c:pt idx="734">
                  <c:v>39800</c:v>
                </c:pt>
                <c:pt idx="735">
                  <c:v>39801</c:v>
                </c:pt>
                <c:pt idx="736">
                  <c:v>39804</c:v>
                </c:pt>
                <c:pt idx="737">
                  <c:v>39805</c:v>
                </c:pt>
                <c:pt idx="738">
                  <c:v>39808</c:v>
                </c:pt>
                <c:pt idx="739">
                  <c:v>39811</c:v>
                </c:pt>
                <c:pt idx="740">
                  <c:v>39812</c:v>
                </c:pt>
                <c:pt idx="741">
                  <c:v>39815</c:v>
                </c:pt>
                <c:pt idx="742">
                  <c:v>39818</c:v>
                </c:pt>
                <c:pt idx="743">
                  <c:v>39819</c:v>
                </c:pt>
                <c:pt idx="744">
                  <c:v>39820</c:v>
                </c:pt>
                <c:pt idx="745">
                  <c:v>39821</c:v>
                </c:pt>
                <c:pt idx="746">
                  <c:v>39822</c:v>
                </c:pt>
                <c:pt idx="747">
                  <c:v>39825</c:v>
                </c:pt>
                <c:pt idx="748">
                  <c:v>39826</c:v>
                </c:pt>
                <c:pt idx="749">
                  <c:v>39827</c:v>
                </c:pt>
                <c:pt idx="750">
                  <c:v>39828</c:v>
                </c:pt>
                <c:pt idx="751">
                  <c:v>39829</c:v>
                </c:pt>
                <c:pt idx="752">
                  <c:v>39832</c:v>
                </c:pt>
                <c:pt idx="753">
                  <c:v>39833</c:v>
                </c:pt>
                <c:pt idx="754">
                  <c:v>39834</c:v>
                </c:pt>
                <c:pt idx="755">
                  <c:v>39835</c:v>
                </c:pt>
                <c:pt idx="756">
                  <c:v>39836</c:v>
                </c:pt>
                <c:pt idx="757">
                  <c:v>39839</c:v>
                </c:pt>
                <c:pt idx="758">
                  <c:v>39840</c:v>
                </c:pt>
                <c:pt idx="759">
                  <c:v>39841</c:v>
                </c:pt>
                <c:pt idx="760">
                  <c:v>39842</c:v>
                </c:pt>
                <c:pt idx="761">
                  <c:v>39843</c:v>
                </c:pt>
                <c:pt idx="762">
                  <c:v>39846</c:v>
                </c:pt>
                <c:pt idx="763">
                  <c:v>39847</c:v>
                </c:pt>
                <c:pt idx="764">
                  <c:v>39848</c:v>
                </c:pt>
                <c:pt idx="765">
                  <c:v>39849</c:v>
                </c:pt>
                <c:pt idx="766">
                  <c:v>39850</c:v>
                </c:pt>
                <c:pt idx="767">
                  <c:v>39853</c:v>
                </c:pt>
                <c:pt idx="768">
                  <c:v>39854</c:v>
                </c:pt>
                <c:pt idx="769">
                  <c:v>39855</c:v>
                </c:pt>
                <c:pt idx="770">
                  <c:v>39856</c:v>
                </c:pt>
                <c:pt idx="771">
                  <c:v>39857</c:v>
                </c:pt>
                <c:pt idx="772">
                  <c:v>39860</c:v>
                </c:pt>
                <c:pt idx="773">
                  <c:v>39861</c:v>
                </c:pt>
                <c:pt idx="774">
                  <c:v>39862</c:v>
                </c:pt>
                <c:pt idx="775">
                  <c:v>39863</c:v>
                </c:pt>
                <c:pt idx="776">
                  <c:v>39864</c:v>
                </c:pt>
                <c:pt idx="777">
                  <c:v>39869</c:v>
                </c:pt>
                <c:pt idx="778">
                  <c:v>39870</c:v>
                </c:pt>
                <c:pt idx="779">
                  <c:v>39871</c:v>
                </c:pt>
                <c:pt idx="780">
                  <c:v>39874</c:v>
                </c:pt>
                <c:pt idx="781">
                  <c:v>39875</c:v>
                </c:pt>
                <c:pt idx="782">
                  <c:v>39876</c:v>
                </c:pt>
                <c:pt idx="783">
                  <c:v>39877</c:v>
                </c:pt>
                <c:pt idx="784">
                  <c:v>39878</c:v>
                </c:pt>
                <c:pt idx="785">
                  <c:v>39881</c:v>
                </c:pt>
                <c:pt idx="786">
                  <c:v>39882</c:v>
                </c:pt>
                <c:pt idx="787">
                  <c:v>39883</c:v>
                </c:pt>
                <c:pt idx="788">
                  <c:v>39884</c:v>
                </c:pt>
                <c:pt idx="789">
                  <c:v>39885</c:v>
                </c:pt>
                <c:pt idx="790">
                  <c:v>39888</c:v>
                </c:pt>
                <c:pt idx="791">
                  <c:v>39889</c:v>
                </c:pt>
                <c:pt idx="792">
                  <c:v>39890</c:v>
                </c:pt>
                <c:pt idx="793">
                  <c:v>39891</c:v>
                </c:pt>
                <c:pt idx="794">
                  <c:v>39892</c:v>
                </c:pt>
                <c:pt idx="795">
                  <c:v>39895</c:v>
                </c:pt>
                <c:pt idx="796">
                  <c:v>39896</c:v>
                </c:pt>
                <c:pt idx="797">
                  <c:v>39897</c:v>
                </c:pt>
                <c:pt idx="798">
                  <c:v>39898</c:v>
                </c:pt>
                <c:pt idx="799">
                  <c:v>39899</c:v>
                </c:pt>
                <c:pt idx="800">
                  <c:v>39902</c:v>
                </c:pt>
                <c:pt idx="801">
                  <c:v>39903</c:v>
                </c:pt>
                <c:pt idx="802">
                  <c:v>39904</c:v>
                </c:pt>
                <c:pt idx="803">
                  <c:v>39905</c:v>
                </c:pt>
                <c:pt idx="804">
                  <c:v>39906</c:v>
                </c:pt>
                <c:pt idx="805">
                  <c:v>39909</c:v>
                </c:pt>
                <c:pt idx="806">
                  <c:v>39910</c:v>
                </c:pt>
                <c:pt idx="807">
                  <c:v>39911</c:v>
                </c:pt>
                <c:pt idx="808">
                  <c:v>39912</c:v>
                </c:pt>
                <c:pt idx="809">
                  <c:v>39916</c:v>
                </c:pt>
                <c:pt idx="810">
                  <c:v>39917</c:v>
                </c:pt>
                <c:pt idx="811">
                  <c:v>39918</c:v>
                </c:pt>
                <c:pt idx="812">
                  <c:v>39919</c:v>
                </c:pt>
                <c:pt idx="813">
                  <c:v>39920</c:v>
                </c:pt>
                <c:pt idx="814">
                  <c:v>39923</c:v>
                </c:pt>
                <c:pt idx="815">
                  <c:v>39925</c:v>
                </c:pt>
                <c:pt idx="816">
                  <c:v>39926</c:v>
                </c:pt>
                <c:pt idx="817">
                  <c:v>39927</c:v>
                </c:pt>
                <c:pt idx="818">
                  <c:v>39930</c:v>
                </c:pt>
                <c:pt idx="819">
                  <c:v>39931</c:v>
                </c:pt>
                <c:pt idx="820">
                  <c:v>39932</c:v>
                </c:pt>
                <c:pt idx="821">
                  <c:v>39933</c:v>
                </c:pt>
                <c:pt idx="822">
                  <c:v>39937</c:v>
                </c:pt>
                <c:pt idx="823">
                  <c:v>39938</c:v>
                </c:pt>
                <c:pt idx="824">
                  <c:v>39939</c:v>
                </c:pt>
                <c:pt idx="825">
                  <c:v>39940</c:v>
                </c:pt>
                <c:pt idx="826">
                  <c:v>39941</c:v>
                </c:pt>
                <c:pt idx="827">
                  <c:v>39944</c:v>
                </c:pt>
                <c:pt idx="828">
                  <c:v>39945</c:v>
                </c:pt>
                <c:pt idx="829">
                  <c:v>39946</c:v>
                </c:pt>
                <c:pt idx="830">
                  <c:v>39947</c:v>
                </c:pt>
                <c:pt idx="831">
                  <c:v>39948</c:v>
                </c:pt>
                <c:pt idx="832">
                  <c:v>39951</c:v>
                </c:pt>
                <c:pt idx="833">
                  <c:v>39952</c:v>
                </c:pt>
                <c:pt idx="834">
                  <c:v>39953</c:v>
                </c:pt>
                <c:pt idx="835">
                  <c:v>39954</c:v>
                </c:pt>
                <c:pt idx="836">
                  <c:v>39955</c:v>
                </c:pt>
                <c:pt idx="837">
                  <c:v>39958</c:v>
                </c:pt>
                <c:pt idx="838">
                  <c:v>39959</c:v>
                </c:pt>
                <c:pt idx="839">
                  <c:v>39960</c:v>
                </c:pt>
                <c:pt idx="840">
                  <c:v>39961</c:v>
                </c:pt>
                <c:pt idx="841">
                  <c:v>39962</c:v>
                </c:pt>
                <c:pt idx="842">
                  <c:v>39965</c:v>
                </c:pt>
                <c:pt idx="843">
                  <c:v>39966</c:v>
                </c:pt>
                <c:pt idx="844">
                  <c:v>39967</c:v>
                </c:pt>
                <c:pt idx="845">
                  <c:v>39968</c:v>
                </c:pt>
                <c:pt idx="846">
                  <c:v>39969</c:v>
                </c:pt>
                <c:pt idx="847">
                  <c:v>39972</c:v>
                </c:pt>
                <c:pt idx="848">
                  <c:v>39973</c:v>
                </c:pt>
                <c:pt idx="849">
                  <c:v>39974</c:v>
                </c:pt>
                <c:pt idx="850">
                  <c:v>39976</c:v>
                </c:pt>
                <c:pt idx="851">
                  <c:v>39979</c:v>
                </c:pt>
                <c:pt idx="852">
                  <c:v>39980</c:v>
                </c:pt>
                <c:pt idx="853">
                  <c:v>39981</c:v>
                </c:pt>
                <c:pt idx="854">
                  <c:v>39982</c:v>
                </c:pt>
                <c:pt idx="855">
                  <c:v>39983</c:v>
                </c:pt>
                <c:pt idx="856">
                  <c:v>39986</c:v>
                </c:pt>
                <c:pt idx="857">
                  <c:v>39987</c:v>
                </c:pt>
                <c:pt idx="858">
                  <c:v>39988</c:v>
                </c:pt>
                <c:pt idx="859">
                  <c:v>39989</c:v>
                </c:pt>
                <c:pt idx="860">
                  <c:v>39990</c:v>
                </c:pt>
                <c:pt idx="861">
                  <c:v>39993</c:v>
                </c:pt>
                <c:pt idx="862">
                  <c:v>39994</c:v>
                </c:pt>
                <c:pt idx="863">
                  <c:v>39995</c:v>
                </c:pt>
                <c:pt idx="864">
                  <c:v>39996</c:v>
                </c:pt>
                <c:pt idx="865">
                  <c:v>39997</c:v>
                </c:pt>
                <c:pt idx="866">
                  <c:v>40000</c:v>
                </c:pt>
                <c:pt idx="867">
                  <c:v>40001</c:v>
                </c:pt>
                <c:pt idx="868">
                  <c:v>40002</c:v>
                </c:pt>
                <c:pt idx="869">
                  <c:v>40004</c:v>
                </c:pt>
                <c:pt idx="870">
                  <c:v>40007</c:v>
                </c:pt>
                <c:pt idx="871">
                  <c:v>40008</c:v>
                </c:pt>
                <c:pt idx="872">
                  <c:v>40009</c:v>
                </c:pt>
                <c:pt idx="873">
                  <c:v>40010</c:v>
                </c:pt>
                <c:pt idx="874">
                  <c:v>40011</c:v>
                </c:pt>
                <c:pt idx="875">
                  <c:v>40014</c:v>
                </c:pt>
                <c:pt idx="876">
                  <c:v>40015</c:v>
                </c:pt>
                <c:pt idx="877">
                  <c:v>40016</c:v>
                </c:pt>
                <c:pt idx="878">
                  <c:v>40017</c:v>
                </c:pt>
                <c:pt idx="879">
                  <c:v>40018</c:v>
                </c:pt>
                <c:pt idx="880">
                  <c:v>40021</c:v>
                </c:pt>
                <c:pt idx="881">
                  <c:v>40022</c:v>
                </c:pt>
                <c:pt idx="882">
                  <c:v>40023</c:v>
                </c:pt>
                <c:pt idx="883">
                  <c:v>40024</c:v>
                </c:pt>
                <c:pt idx="884">
                  <c:v>40025</c:v>
                </c:pt>
                <c:pt idx="885">
                  <c:v>40028</c:v>
                </c:pt>
                <c:pt idx="886">
                  <c:v>40029</c:v>
                </c:pt>
                <c:pt idx="887">
                  <c:v>40030</c:v>
                </c:pt>
                <c:pt idx="888">
                  <c:v>40031</c:v>
                </c:pt>
                <c:pt idx="889">
                  <c:v>40032</c:v>
                </c:pt>
                <c:pt idx="890">
                  <c:v>40035</c:v>
                </c:pt>
                <c:pt idx="891">
                  <c:v>40036</c:v>
                </c:pt>
                <c:pt idx="892">
                  <c:v>40037</c:v>
                </c:pt>
                <c:pt idx="893">
                  <c:v>40038</c:v>
                </c:pt>
                <c:pt idx="894">
                  <c:v>40039</c:v>
                </c:pt>
                <c:pt idx="895">
                  <c:v>40042</c:v>
                </c:pt>
                <c:pt idx="896">
                  <c:v>40043</c:v>
                </c:pt>
                <c:pt idx="897">
                  <c:v>40044</c:v>
                </c:pt>
                <c:pt idx="898">
                  <c:v>40045</c:v>
                </c:pt>
                <c:pt idx="899">
                  <c:v>40046</c:v>
                </c:pt>
                <c:pt idx="900">
                  <c:v>40049</c:v>
                </c:pt>
                <c:pt idx="901">
                  <c:v>40050</c:v>
                </c:pt>
                <c:pt idx="902">
                  <c:v>40051</c:v>
                </c:pt>
                <c:pt idx="903">
                  <c:v>40052</c:v>
                </c:pt>
                <c:pt idx="904">
                  <c:v>40053</c:v>
                </c:pt>
                <c:pt idx="905">
                  <c:v>40056</c:v>
                </c:pt>
                <c:pt idx="906">
                  <c:v>40057</c:v>
                </c:pt>
                <c:pt idx="907">
                  <c:v>40058</c:v>
                </c:pt>
                <c:pt idx="908">
                  <c:v>40059</c:v>
                </c:pt>
                <c:pt idx="909">
                  <c:v>40060</c:v>
                </c:pt>
                <c:pt idx="910">
                  <c:v>40064</c:v>
                </c:pt>
                <c:pt idx="911">
                  <c:v>40065</c:v>
                </c:pt>
                <c:pt idx="912">
                  <c:v>40066</c:v>
                </c:pt>
                <c:pt idx="913">
                  <c:v>40067</c:v>
                </c:pt>
                <c:pt idx="914">
                  <c:v>40070</c:v>
                </c:pt>
                <c:pt idx="915">
                  <c:v>40071</c:v>
                </c:pt>
                <c:pt idx="916">
                  <c:v>40072</c:v>
                </c:pt>
                <c:pt idx="917">
                  <c:v>40073</c:v>
                </c:pt>
                <c:pt idx="918">
                  <c:v>40074</c:v>
                </c:pt>
                <c:pt idx="919">
                  <c:v>40077</c:v>
                </c:pt>
                <c:pt idx="920">
                  <c:v>40078</c:v>
                </c:pt>
                <c:pt idx="921">
                  <c:v>40079</c:v>
                </c:pt>
                <c:pt idx="922">
                  <c:v>40080</c:v>
                </c:pt>
                <c:pt idx="923">
                  <c:v>40081</c:v>
                </c:pt>
                <c:pt idx="924">
                  <c:v>40084</c:v>
                </c:pt>
                <c:pt idx="925">
                  <c:v>40085</c:v>
                </c:pt>
                <c:pt idx="926">
                  <c:v>40086</c:v>
                </c:pt>
                <c:pt idx="927">
                  <c:v>40087</c:v>
                </c:pt>
                <c:pt idx="928">
                  <c:v>40088</c:v>
                </c:pt>
                <c:pt idx="929">
                  <c:v>40091</c:v>
                </c:pt>
                <c:pt idx="930">
                  <c:v>40092</c:v>
                </c:pt>
                <c:pt idx="931">
                  <c:v>40093</c:v>
                </c:pt>
                <c:pt idx="932">
                  <c:v>40094</c:v>
                </c:pt>
                <c:pt idx="933">
                  <c:v>40095</c:v>
                </c:pt>
                <c:pt idx="934">
                  <c:v>40099</c:v>
                </c:pt>
                <c:pt idx="935">
                  <c:v>40100</c:v>
                </c:pt>
                <c:pt idx="936">
                  <c:v>40101</c:v>
                </c:pt>
                <c:pt idx="937">
                  <c:v>40102</c:v>
                </c:pt>
                <c:pt idx="938">
                  <c:v>40105</c:v>
                </c:pt>
                <c:pt idx="939">
                  <c:v>40106</c:v>
                </c:pt>
                <c:pt idx="940">
                  <c:v>40107</c:v>
                </c:pt>
                <c:pt idx="941">
                  <c:v>40108</c:v>
                </c:pt>
                <c:pt idx="942">
                  <c:v>40109</c:v>
                </c:pt>
                <c:pt idx="943">
                  <c:v>40112</c:v>
                </c:pt>
                <c:pt idx="944">
                  <c:v>40113</c:v>
                </c:pt>
                <c:pt idx="945">
                  <c:v>40114</c:v>
                </c:pt>
                <c:pt idx="946">
                  <c:v>40115</c:v>
                </c:pt>
                <c:pt idx="947">
                  <c:v>40116</c:v>
                </c:pt>
                <c:pt idx="948">
                  <c:v>40120</c:v>
                </c:pt>
                <c:pt idx="949">
                  <c:v>40121</c:v>
                </c:pt>
                <c:pt idx="950">
                  <c:v>40122</c:v>
                </c:pt>
                <c:pt idx="951">
                  <c:v>40123</c:v>
                </c:pt>
                <c:pt idx="952">
                  <c:v>40126</c:v>
                </c:pt>
                <c:pt idx="953">
                  <c:v>40127</c:v>
                </c:pt>
                <c:pt idx="954">
                  <c:v>40128</c:v>
                </c:pt>
                <c:pt idx="955">
                  <c:v>40129</c:v>
                </c:pt>
                <c:pt idx="956">
                  <c:v>40130</c:v>
                </c:pt>
                <c:pt idx="957">
                  <c:v>40133</c:v>
                </c:pt>
                <c:pt idx="958">
                  <c:v>40134</c:v>
                </c:pt>
                <c:pt idx="959">
                  <c:v>40135</c:v>
                </c:pt>
                <c:pt idx="960">
                  <c:v>40136</c:v>
                </c:pt>
                <c:pt idx="961">
                  <c:v>40140</c:v>
                </c:pt>
                <c:pt idx="962">
                  <c:v>40141</c:v>
                </c:pt>
                <c:pt idx="963">
                  <c:v>40142</c:v>
                </c:pt>
                <c:pt idx="964">
                  <c:v>40143</c:v>
                </c:pt>
                <c:pt idx="965">
                  <c:v>40144</c:v>
                </c:pt>
                <c:pt idx="966">
                  <c:v>40147</c:v>
                </c:pt>
                <c:pt idx="967">
                  <c:v>40148</c:v>
                </c:pt>
                <c:pt idx="968">
                  <c:v>40149</c:v>
                </c:pt>
                <c:pt idx="969">
                  <c:v>40150</c:v>
                </c:pt>
                <c:pt idx="970">
                  <c:v>40151</c:v>
                </c:pt>
                <c:pt idx="971">
                  <c:v>40154</c:v>
                </c:pt>
                <c:pt idx="972">
                  <c:v>40155</c:v>
                </c:pt>
                <c:pt idx="973">
                  <c:v>40156</c:v>
                </c:pt>
                <c:pt idx="974">
                  <c:v>40157</c:v>
                </c:pt>
                <c:pt idx="975">
                  <c:v>40158</c:v>
                </c:pt>
                <c:pt idx="976">
                  <c:v>40161</c:v>
                </c:pt>
                <c:pt idx="977">
                  <c:v>40162</c:v>
                </c:pt>
                <c:pt idx="978">
                  <c:v>40163</c:v>
                </c:pt>
                <c:pt idx="979">
                  <c:v>40164</c:v>
                </c:pt>
                <c:pt idx="980">
                  <c:v>40165</c:v>
                </c:pt>
                <c:pt idx="981">
                  <c:v>40168</c:v>
                </c:pt>
                <c:pt idx="982">
                  <c:v>40169</c:v>
                </c:pt>
                <c:pt idx="983">
                  <c:v>40170</c:v>
                </c:pt>
                <c:pt idx="984">
                  <c:v>40175</c:v>
                </c:pt>
                <c:pt idx="985">
                  <c:v>40176</c:v>
                </c:pt>
                <c:pt idx="986">
                  <c:v>40177</c:v>
                </c:pt>
                <c:pt idx="987">
                  <c:v>40182</c:v>
                </c:pt>
                <c:pt idx="988">
                  <c:v>40183</c:v>
                </c:pt>
                <c:pt idx="989">
                  <c:v>40184</c:v>
                </c:pt>
                <c:pt idx="990">
                  <c:v>40185</c:v>
                </c:pt>
                <c:pt idx="991">
                  <c:v>40186</c:v>
                </c:pt>
                <c:pt idx="992">
                  <c:v>40189</c:v>
                </c:pt>
                <c:pt idx="993">
                  <c:v>40190</c:v>
                </c:pt>
                <c:pt idx="994">
                  <c:v>40191</c:v>
                </c:pt>
                <c:pt idx="995">
                  <c:v>40192</c:v>
                </c:pt>
                <c:pt idx="996">
                  <c:v>40193</c:v>
                </c:pt>
                <c:pt idx="997">
                  <c:v>40196</c:v>
                </c:pt>
                <c:pt idx="998">
                  <c:v>40197</c:v>
                </c:pt>
                <c:pt idx="999">
                  <c:v>40198</c:v>
                </c:pt>
                <c:pt idx="1000">
                  <c:v>40199</c:v>
                </c:pt>
                <c:pt idx="1001">
                  <c:v>40200</c:v>
                </c:pt>
                <c:pt idx="1002">
                  <c:v>40204</c:v>
                </c:pt>
                <c:pt idx="1003">
                  <c:v>40205</c:v>
                </c:pt>
                <c:pt idx="1004">
                  <c:v>40206</c:v>
                </c:pt>
                <c:pt idx="1005">
                  <c:v>40207</c:v>
                </c:pt>
                <c:pt idx="1006">
                  <c:v>40210</c:v>
                </c:pt>
                <c:pt idx="1007">
                  <c:v>40211</c:v>
                </c:pt>
                <c:pt idx="1008">
                  <c:v>40212</c:v>
                </c:pt>
                <c:pt idx="1009">
                  <c:v>40213</c:v>
                </c:pt>
                <c:pt idx="1010">
                  <c:v>40214</c:v>
                </c:pt>
                <c:pt idx="1011">
                  <c:v>40217</c:v>
                </c:pt>
                <c:pt idx="1012">
                  <c:v>40218</c:v>
                </c:pt>
                <c:pt idx="1013">
                  <c:v>40219</c:v>
                </c:pt>
                <c:pt idx="1014">
                  <c:v>40220</c:v>
                </c:pt>
                <c:pt idx="1015">
                  <c:v>40221</c:v>
                </c:pt>
                <c:pt idx="1016">
                  <c:v>40226</c:v>
                </c:pt>
                <c:pt idx="1017">
                  <c:v>40227</c:v>
                </c:pt>
                <c:pt idx="1018">
                  <c:v>40228</c:v>
                </c:pt>
                <c:pt idx="1019">
                  <c:v>40231</c:v>
                </c:pt>
                <c:pt idx="1020">
                  <c:v>40232</c:v>
                </c:pt>
                <c:pt idx="1021">
                  <c:v>40233</c:v>
                </c:pt>
                <c:pt idx="1022">
                  <c:v>40234</c:v>
                </c:pt>
                <c:pt idx="1023">
                  <c:v>40235</c:v>
                </c:pt>
                <c:pt idx="1024">
                  <c:v>40238</c:v>
                </c:pt>
                <c:pt idx="1025">
                  <c:v>40239</c:v>
                </c:pt>
                <c:pt idx="1026">
                  <c:v>40240</c:v>
                </c:pt>
                <c:pt idx="1027">
                  <c:v>40241</c:v>
                </c:pt>
                <c:pt idx="1028">
                  <c:v>40242</c:v>
                </c:pt>
                <c:pt idx="1029">
                  <c:v>40245</c:v>
                </c:pt>
                <c:pt idx="1030">
                  <c:v>40246</c:v>
                </c:pt>
                <c:pt idx="1031">
                  <c:v>40247</c:v>
                </c:pt>
                <c:pt idx="1032">
                  <c:v>40248</c:v>
                </c:pt>
                <c:pt idx="1033">
                  <c:v>40249</c:v>
                </c:pt>
                <c:pt idx="1034">
                  <c:v>40252</c:v>
                </c:pt>
                <c:pt idx="1035">
                  <c:v>40253</c:v>
                </c:pt>
                <c:pt idx="1036">
                  <c:v>40254</c:v>
                </c:pt>
                <c:pt idx="1037">
                  <c:v>40255</c:v>
                </c:pt>
                <c:pt idx="1038">
                  <c:v>40256</c:v>
                </c:pt>
                <c:pt idx="1039">
                  <c:v>40259</c:v>
                </c:pt>
                <c:pt idx="1040">
                  <c:v>40260</c:v>
                </c:pt>
                <c:pt idx="1041">
                  <c:v>40261</c:v>
                </c:pt>
                <c:pt idx="1042">
                  <c:v>40262</c:v>
                </c:pt>
                <c:pt idx="1043">
                  <c:v>40263</c:v>
                </c:pt>
                <c:pt idx="1044">
                  <c:v>40266</c:v>
                </c:pt>
                <c:pt idx="1045">
                  <c:v>40267</c:v>
                </c:pt>
                <c:pt idx="1046">
                  <c:v>40268</c:v>
                </c:pt>
                <c:pt idx="1047">
                  <c:v>40269</c:v>
                </c:pt>
                <c:pt idx="1048">
                  <c:v>40273</c:v>
                </c:pt>
                <c:pt idx="1049">
                  <c:v>40274</c:v>
                </c:pt>
                <c:pt idx="1050">
                  <c:v>40275</c:v>
                </c:pt>
                <c:pt idx="1051">
                  <c:v>40276</c:v>
                </c:pt>
                <c:pt idx="1052">
                  <c:v>40277</c:v>
                </c:pt>
                <c:pt idx="1053">
                  <c:v>40280</c:v>
                </c:pt>
                <c:pt idx="1054">
                  <c:v>40281</c:v>
                </c:pt>
                <c:pt idx="1055">
                  <c:v>40282</c:v>
                </c:pt>
                <c:pt idx="1056">
                  <c:v>40283</c:v>
                </c:pt>
                <c:pt idx="1057">
                  <c:v>40284</c:v>
                </c:pt>
                <c:pt idx="1058">
                  <c:v>40287</c:v>
                </c:pt>
                <c:pt idx="1059">
                  <c:v>40288</c:v>
                </c:pt>
                <c:pt idx="1060">
                  <c:v>40290</c:v>
                </c:pt>
                <c:pt idx="1061">
                  <c:v>40291</c:v>
                </c:pt>
                <c:pt idx="1062">
                  <c:v>40294</c:v>
                </c:pt>
                <c:pt idx="1063">
                  <c:v>40295</c:v>
                </c:pt>
                <c:pt idx="1064">
                  <c:v>40296</c:v>
                </c:pt>
                <c:pt idx="1065">
                  <c:v>40297</c:v>
                </c:pt>
                <c:pt idx="1066">
                  <c:v>40298</c:v>
                </c:pt>
                <c:pt idx="1067">
                  <c:v>40301</c:v>
                </c:pt>
                <c:pt idx="1068">
                  <c:v>40302</c:v>
                </c:pt>
                <c:pt idx="1069">
                  <c:v>40303</c:v>
                </c:pt>
                <c:pt idx="1070">
                  <c:v>40304</c:v>
                </c:pt>
                <c:pt idx="1071">
                  <c:v>40305</c:v>
                </c:pt>
                <c:pt idx="1072">
                  <c:v>40308</c:v>
                </c:pt>
                <c:pt idx="1073">
                  <c:v>40309</c:v>
                </c:pt>
                <c:pt idx="1074">
                  <c:v>40310</c:v>
                </c:pt>
                <c:pt idx="1075">
                  <c:v>40311</c:v>
                </c:pt>
                <c:pt idx="1076">
                  <c:v>40312</c:v>
                </c:pt>
                <c:pt idx="1077">
                  <c:v>40315</c:v>
                </c:pt>
                <c:pt idx="1078">
                  <c:v>40316</c:v>
                </c:pt>
                <c:pt idx="1079">
                  <c:v>40317</c:v>
                </c:pt>
                <c:pt idx="1080">
                  <c:v>40318</c:v>
                </c:pt>
                <c:pt idx="1081">
                  <c:v>40319</c:v>
                </c:pt>
                <c:pt idx="1082">
                  <c:v>40322</c:v>
                </c:pt>
                <c:pt idx="1083">
                  <c:v>40323</c:v>
                </c:pt>
                <c:pt idx="1084">
                  <c:v>40324</c:v>
                </c:pt>
                <c:pt idx="1085">
                  <c:v>40325</c:v>
                </c:pt>
                <c:pt idx="1086">
                  <c:v>40326</c:v>
                </c:pt>
                <c:pt idx="1087">
                  <c:v>40329</c:v>
                </c:pt>
                <c:pt idx="1088">
                  <c:v>40330</c:v>
                </c:pt>
                <c:pt idx="1089">
                  <c:v>40331</c:v>
                </c:pt>
                <c:pt idx="1090">
                  <c:v>40333</c:v>
                </c:pt>
                <c:pt idx="1091">
                  <c:v>40336</c:v>
                </c:pt>
                <c:pt idx="1092">
                  <c:v>40337</c:v>
                </c:pt>
                <c:pt idx="1093">
                  <c:v>40338</c:v>
                </c:pt>
                <c:pt idx="1094">
                  <c:v>40339</c:v>
                </c:pt>
                <c:pt idx="1095">
                  <c:v>40340</c:v>
                </c:pt>
                <c:pt idx="1096">
                  <c:v>40343</c:v>
                </c:pt>
                <c:pt idx="1097">
                  <c:v>40344</c:v>
                </c:pt>
                <c:pt idx="1098">
                  <c:v>40345</c:v>
                </c:pt>
                <c:pt idx="1099">
                  <c:v>40346</c:v>
                </c:pt>
                <c:pt idx="1100">
                  <c:v>40347</c:v>
                </c:pt>
                <c:pt idx="1101">
                  <c:v>40350</c:v>
                </c:pt>
                <c:pt idx="1102">
                  <c:v>40351</c:v>
                </c:pt>
                <c:pt idx="1103">
                  <c:v>40352</c:v>
                </c:pt>
                <c:pt idx="1104">
                  <c:v>40353</c:v>
                </c:pt>
                <c:pt idx="1105">
                  <c:v>40354</c:v>
                </c:pt>
                <c:pt idx="1106">
                  <c:v>40357</c:v>
                </c:pt>
                <c:pt idx="1107">
                  <c:v>40358</c:v>
                </c:pt>
                <c:pt idx="1108">
                  <c:v>40359</c:v>
                </c:pt>
                <c:pt idx="1109">
                  <c:v>40360</c:v>
                </c:pt>
                <c:pt idx="1110">
                  <c:v>40361</c:v>
                </c:pt>
                <c:pt idx="1111">
                  <c:v>40364</c:v>
                </c:pt>
                <c:pt idx="1112">
                  <c:v>40365</c:v>
                </c:pt>
                <c:pt idx="1113">
                  <c:v>40366</c:v>
                </c:pt>
                <c:pt idx="1114">
                  <c:v>40367</c:v>
                </c:pt>
                <c:pt idx="1115">
                  <c:v>40371</c:v>
                </c:pt>
                <c:pt idx="1116">
                  <c:v>40372</c:v>
                </c:pt>
                <c:pt idx="1117">
                  <c:v>40373</c:v>
                </c:pt>
                <c:pt idx="1118">
                  <c:v>40374</c:v>
                </c:pt>
                <c:pt idx="1119">
                  <c:v>40375</c:v>
                </c:pt>
                <c:pt idx="1120">
                  <c:v>40378</c:v>
                </c:pt>
                <c:pt idx="1121">
                  <c:v>40379</c:v>
                </c:pt>
                <c:pt idx="1122">
                  <c:v>40380</c:v>
                </c:pt>
                <c:pt idx="1123">
                  <c:v>40381</c:v>
                </c:pt>
                <c:pt idx="1124">
                  <c:v>40382</c:v>
                </c:pt>
                <c:pt idx="1125">
                  <c:v>40385</c:v>
                </c:pt>
                <c:pt idx="1126">
                  <c:v>40386</c:v>
                </c:pt>
                <c:pt idx="1127">
                  <c:v>40387</c:v>
                </c:pt>
                <c:pt idx="1128">
                  <c:v>40388</c:v>
                </c:pt>
                <c:pt idx="1129">
                  <c:v>40389</c:v>
                </c:pt>
                <c:pt idx="1130">
                  <c:v>40392</c:v>
                </c:pt>
                <c:pt idx="1131">
                  <c:v>40393</c:v>
                </c:pt>
                <c:pt idx="1132">
                  <c:v>40394</c:v>
                </c:pt>
                <c:pt idx="1133">
                  <c:v>40395</c:v>
                </c:pt>
                <c:pt idx="1134">
                  <c:v>40396</c:v>
                </c:pt>
                <c:pt idx="1135">
                  <c:v>40399</c:v>
                </c:pt>
                <c:pt idx="1136">
                  <c:v>40400</c:v>
                </c:pt>
                <c:pt idx="1137">
                  <c:v>40401</c:v>
                </c:pt>
                <c:pt idx="1138">
                  <c:v>40402</c:v>
                </c:pt>
                <c:pt idx="1139">
                  <c:v>40403</c:v>
                </c:pt>
                <c:pt idx="1140">
                  <c:v>40406</c:v>
                </c:pt>
                <c:pt idx="1141">
                  <c:v>40407</c:v>
                </c:pt>
                <c:pt idx="1142">
                  <c:v>40408</c:v>
                </c:pt>
                <c:pt idx="1143">
                  <c:v>40409</c:v>
                </c:pt>
                <c:pt idx="1144">
                  <c:v>40410</c:v>
                </c:pt>
                <c:pt idx="1145">
                  <c:v>40413</c:v>
                </c:pt>
                <c:pt idx="1146">
                  <c:v>40414</c:v>
                </c:pt>
                <c:pt idx="1147">
                  <c:v>40415</c:v>
                </c:pt>
                <c:pt idx="1148">
                  <c:v>40416</c:v>
                </c:pt>
                <c:pt idx="1149">
                  <c:v>40417</c:v>
                </c:pt>
                <c:pt idx="1150">
                  <c:v>40420</c:v>
                </c:pt>
                <c:pt idx="1151">
                  <c:v>40421</c:v>
                </c:pt>
                <c:pt idx="1152">
                  <c:v>40422</c:v>
                </c:pt>
                <c:pt idx="1153">
                  <c:v>40423</c:v>
                </c:pt>
                <c:pt idx="1154">
                  <c:v>40424</c:v>
                </c:pt>
                <c:pt idx="1155">
                  <c:v>40427</c:v>
                </c:pt>
                <c:pt idx="1156">
                  <c:v>40429</c:v>
                </c:pt>
                <c:pt idx="1157">
                  <c:v>40430</c:v>
                </c:pt>
                <c:pt idx="1158">
                  <c:v>40431</c:v>
                </c:pt>
                <c:pt idx="1159">
                  <c:v>40434</c:v>
                </c:pt>
                <c:pt idx="1160">
                  <c:v>40435</c:v>
                </c:pt>
                <c:pt idx="1161">
                  <c:v>40436</c:v>
                </c:pt>
                <c:pt idx="1162">
                  <c:v>40437</c:v>
                </c:pt>
                <c:pt idx="1163">
                  <c:v>40438</c:v>
                </c:pt>
                <c:pt idx="1164">
                  <c:v>40441</c:v>
                </c:pt>
                <c:pt idx="1165">
                  <c:v>40442</c:v>
                </c:pt>
                <c:pt idx="1166">
                  <c:v>40443</c:v>
                </c:pt>
                <c:pt idx="1167">
                  <c:v>40444</c:v>
                </c:pt>
                <c:pt idx="1168">
                  <c:v>40445</c:v>
                </c:pt>
                <c:pt idx="1169">
                  <c:v>40448</c:v>
                </c:pt>
                <c:pt idx="1170">
                  <c:v>40449</c:v>
                </c:pt>
                <c:pt idx="1171">
                  <c:v>40450</c:v>
                </c:pt>
                <c:pt idx="1172">
                  <c:v>40451</c:v>
                </c:pt>
                <c:pt idx="1173">
                  <c:v>40452</c:v>
                </c:pt>
                <c:pt idx="1174">
                  <c:v>40455</c:v>
                </c:pt>
                <c:pt idx="1175">
                  <c:v>40456</c:v>
                </c:pt>
                <c:pt idx="1176">
                  <c:v>40457</c:v>
                </c:pt>
                <c:pt idx="1177">
                  <c:v>40458</c:v>
                </c:pt>
                <c:pt idx="1178">
                  <c:v>40459</c:v>
                </c:pt>
                <c:pt idx="1179">
                  <c:v>40462</c:v>
                </c:pt>
                <c:pt idx="1180">
                  <c:v>40464</c:v>
                </c:pt>
                <c:pt idx="1181">
                  <c:v>40465</c:v>
                </c:pt>
                <c:pt idx="1182">
                  <c:v>40466</c:v>
                </c:pt>
                <c:pt idx="1183">
                  <c:v>40469</c:v>
                </c:pt>
                <c:pt idx="1184">
                  <c:v>40470</c:v>
                </c:pt>
                <c:pt idx="1185">
                  <c:v>40471</c:v>
                </c:pt>
                <c:pt idx="1186">
                  <c:v>40472</c:v>
                </c:pt>
                <c:pt idx="1187">
                  <c:v>40473</c:v>
                </c:pt>
                <c:pt idx="1188">
                  <c:v>40476</c:v>
                </c:pt>
                <c:pt idx="1189">
                  <c:v>40477</c:v>
                </c:pt>
                <c:pt idx="1190">
                  <c:v>40478</c:v>
                </c:pt>
                <c:pt idx="1191">
                  <c:v>40479</c:v>
                </c:pt>
                <c:pt idx="1192">
                  <c:v>40480</c:v>
                </c:pt>
                <c:pt idx="1193">
                  <c:v>40483</c:v>
                </c:pt>
                <c:pt idx="1194">
                  <c:v>40485</c:v>
                </c:pt>
                <c:pt idx="1195">
                  <c:v>40486</c:v>
                </c:pt>
                <c:pt idx="1196">
                  <c:v>40487</c:v>
                </c:pt>
                <c:pt idx="1197">
                  <c:v>40490</c:v>
                </c:pt>
                <c:pt idx="1198">
                  <c:v>40491</c:v>
                </c:pt>
                <c:pt idx="1199">
                  <c:v>40492</c:v>
                </c:pt>
                <c:pt idx="1200">
                  <c:v>40493</c:v>
                </c:pt>
                <c:pt idx="1201">
                  <c:v>40494</c:v>
                </c:pt>
                <c:pt idx="1202">
                  <c:v>40498</c:v>
                </c:pt>
                <c:pt idx="1203">
                  <c:v>40499</c:v>
                </c:pt>
                <c:pt idx="1204">
                  <c:v>40500</c:v>
                </c:pt>
                <c:pt idx="1205">
                  <c:v>40501</c:v>
                </c:pt>
                <c:pt idx="1206">
                  <c:v>40504</c:v>
                </c:pt>
                <c:pt idx="1207">
                  <c:v>40505</c:v>
                </c:pt>
                <c:pt idx="1208">
                  <c:v>40506</c:v>
                </c:pt>
                <c:pt idx="1209">
                  <c:v>40507</c:v>
                </c:pt>
                <c:pt idx="1210">
                  <c:v>40508</c:v>
                </c:pt>
                <c:pt idx="1211">
                  <c:v>40511</c:v>
                </c:pt>
                <c:pt idx="1212">
                  <c:v>40512</c:v>
                </c:pt>
                <c:pt idx="1213">
                  <c:v>40513</c:v>
                </c:pt>
                <c:pt idx="1214">
                  <c:v>40514</c:v>
                </c:pt>
                <c:pt idx="1215">
                  <c:v>40515</c:v>
                </c:pt>
                <c:pt idx="1216">
                  <c:v>40518</c:v>
                </c:pt>
                <c:pt idx="1217">
                  <c:v>40519</c:v>
                </c:pt>
                <c:pt idx="1218">
                  <c:v>40520</c:v>
                </c:pt>
                <c:pt idx="1219">
                  <c:v>40521</c:v>
                </c:pt>
                <c:pt idx="1220">
                  <c:v>40522</c:v>
                </c:pt>
                <c:pt idx="1221">
                  <c:v>40525</c:v>
                </c:pt>
                <c:pt idx="1222">
                  <c:v>40526</c:v>
                </c:pt>
                <c:pt idx="1223">
                  <c:v>40527</c:v>
                </c:pt>
                <c:pt idx="1224">
                  <c:v>40528</c:v>
                </c:pt>
                <c:pt idx="1225">
                  <c:v>40529</c:v>
                </c:pt>
                <c:pt idx="1226">
                  <c:v>40532</c:v>
                </c:pt>
                <c:pt idx="1227">
                  <c:v>40533</c:v>
                </c:pt>
                <c:pt idx="1228">
                  <c:v>40534</c:v>
                </c:pt>
                <c:pt idx="1229">
                  <c:v>40535</c:v>
                </c:pt>
                <c:pt idx="1230">
                  <c:v>40539</c:v>
                </c:pt>
                <c:pt idx="1231">
                  <c:v>40540</c:v>
                </c:pt>
                <c:pt idx="1232">
                  <c:v>40541</c:v>
                </c:pt>
                <c:pt idx="1233">
                  <c:v>40542</c:v>
                </c:pt>
                <c:pt idx="1234">
                  <c:v>40546</c:v>
                </c:pt>
                <c:pt idx="1235">
                  <c:v>40547</c:v>
                </c:pt>
                <c:pt idx="1236">
                  <c:v>40548</c:v>
                </c:pt>
                <c:pt idx="1237">
                  <c:v>40549</c:v>
                </c:pt>
                <c:pt idx="1238">
                  <c:v>40550</c:v>
                </c:pt>
                <c:pt idx="1239">
                  <c:v>40553</c:v>
                </c:pt>
                <c:pt idx="1240">
                  <c:v>40554</c:v>
                </c:pt>
                <c:pt idx="1241">
                  <c:v>40555</c:v>
                </c:pt>
                <c:pt idx="1242">
                  <c:v>40556</c:v>
                </c:pt>
                <c:pt idx="1243">
                  <c:v>40557</c:v>
                </c:pt>
                <c:pt idx="1244">
                  <c:v>40560</c:v>
                </c:pt>
                <c:pt idx="1245">
                  <c:v>40561</c:v>
                </c:pt>
                <c:pt idx="1246">
                  <c:v>40562</c:v>
                </c:pt>
                <c:pt idx="1247">
                  <c:v>40563</c:v>
                </c:pt>
                <c:pt idx="1248">
                  <c:v>40564</c:v>
                </c:pt>
                <c:pt idx="1249">
                  <c:v>40567</c:v>
                </c:pt>
                <c:pt idx="1250">
                  <c:v>40569</c:v>
                </c:pt>
                <c:pt idx="1251">
                  <c:v>40570</c:v>
                </c:pt>
                <c:pt idx="1252">
                  <c:v>40571</c:v>
                </c:pt>
                <c:pt idx="1253">
                  <c:v>40574</c:v>
                </c:pt>
                <c:pt idx="1254">
                  <c:v>40575</c:v>
                </c:pt>
                <c:pt idx="1255">
                  <c:v>40576</c:v>
                </c:pt>
                <c:pt idx="1256">
                  <c:v>40577</c:v>
                </c:pt>
                <c:pt idx="1257">
                  <c:v>40578</c:v>
                </c:pt>
                <c:pt idx="1258">
                  <c:v>40581</c:v>
                </c:pt>
                <c:pt idx="1259">
                  <c:v>40582</c:v>
                </c:pt>
                <c:pt idx="1260">
                  <c:v>40583</c:v>
                </c:pt>
                <c:pt idx="1261">
                  <c:v>40584</c:v>
                </c:pt>
                <c:pt idx="1262">
                  <c:v>40585</c:v>
                </c:pt>
                <c:pt idx="1263">
                  <c:v>40588</c:v>
                </c:pt>
                <c:pt idx="1264">
                  <c:v>40589</c:v>
                </c:pt>
                <c:pt idx="1265">
                  <c:v>40590</c:v>
                </c:pt>
                <c:pt idx="1266">
                  <c:v>40591</c:v>
                </c:pt>
                <c:pt idx="1267">
                  <c:v>40592</c:v>
                </c:pt>
                <c:pt idx="1268">
                  <c:v>40595</c:v>
                </c:pt>
                <c:pt idx="1269">
                  <c:v>40596</c:v>
                </c:pt>
                <c:pt idx="1270">
                  <c:v>40597</c:v>
                </c:pt>
                <c:pt idx="1271">
                  <c:v>40598</c:v>
                </c:pt>
                <c:pt idx="1272">
                  <c:v>40599</c:v>
                </c:pt>
                <c:pt idx="1273">
                  <c:v>40602</c:v>
                </c:pt>
                <c:pt idx="1274">
                  <c:v>40603</c:v>
                </c:pt>
                <c:pt idx="1275">
                  <c:v>40604</c:v>
                </c:pt>
                <c:pt idx="1276">
                  <c:v>40605</c:v>
                </c:pt>
                <c:pt idx="1277">
                  <c:v>40606</c:v>
                </c:pt>
                <c:pt idx="1278">
                  <c:v>40611</c:v>
                </c:pt>
                <c:pt idx="1279">
                  <c:v>40612</c:v>
                </c:pt>
                <c:pt idx="1280">
                  <c:v>40613</c:v>
                </c:pt>
                <c:pt idx="1281">
                  <c:v>40616</c:v>
                </c:pt>
                <c:pt idx="1282">
                  <c:v>40617</c:v>
                </c:pt>
                <c:pt idx="1283">
                  <c:v>40618</c:v>
                </c:pt>
                <c:pt idx="1284">
                  <c:v>40619</c:v>
                </c:pt>
                <c:pt idx="1285">
                  <c:v>40620</c:v>
                </c:pt>
                <c:pt idx="1286">
                  <c:v>40623</c:v>
                </c:pt>
                <c:pt idx="1287">
                  <c:v>40624</c:v>
                </c:pt>
                <c:pt idx="1288">
                  <c:v>40625</c:v>
                </c:pt>
                <c:pt idx="1289">
                  <c:v>40626</c:v>
                </c:pt>
                <c:pt idx="1290">
                  <c:v>40627</c:v>
                </c:pt>
                <c:pt idx="1291">
                  <c:v>40630</c:v>
                </c:pt>
                <c:pt idx="1292">
                  <c:v>40631</c:v>
                </c:pt>
                <c:pt idx="1293">
                  <c:v>40632</c:v>
                </c:pt>
                <c:pt idx="1294">
                  <c:v>40633</c:v>
                </c:pt>
                <c:pt idx="1295">
                  <c:v>40634</c:v>
                </c:pt>
                <c:pt idx="1296">
                  <c:v>40637</c:v>
                </c:pt>
                <c:pt idx="1297">
                  <c:v>40638</c:v>
                </c:pt>
                <c:pt idx="1298">
                  <c:v>40639</c:v>
                </c:pt>
                <c:pt idx="1299">
                  <c:v>40640</c:v>
                </c:pt>
                <c:pt idx="1300">
                  <c:v>40641</c:v>
                </c:pt>
                <c:pt idx="1301">
                  <c:v>40644</c:v>
                </c:pt>
                <c:pt idx="1302">
                  <c:v>40645</c:v>
                </c:pt>
                <c:pt idx="1303">
                  <c:v>40646</c:v>
                </c:pt>
                <c:pt idx="1304">
                  <c:v>40647</c:v>
                </c:pt>
                <c:pt idx="1305">
                  <c:v>40648</c:v>
                </c:pt>
                <c:pt idx="1306">
                  <c:v>40651</c:v>
                </c:pt>
                <c:pt idx="1307">
                  <c:v>40652</c:v>
                </c:pt>
                <c:pt idx="1308">
                  <c:v>40653</c:v>
                </c:pt>
                <c:pt idx="1309">
                  <c:v>40658</c:v>
                </c:pt>
                <c:pt idx="1310">
                  <c:v>40659</c:v>
                </c:pt>
                <c:pt idx="1311">
                  <c:v>40660</c:v>
                </c:pt>
                <c:pt idx="1312">
                  <c:v>40661</c:v>
                </c:pt>
                <c:pt idx="1313">
                  <c:v>40662</c:v>
                </c:pt>
                <c:pt idx="1314">
                  <c:v>40665</c:v>
                </c:pt>
                <c:pt idx="1315">
                  <c:v>40666</c:v>
                </c:pt>
                <c:pt idx="1316">
                  <c:v>40667</c:v>
                </c:pt>
                <c:pt idx="1317">
                  <c:v>40668</c:v>
                </c:pt>
                <c:pt idx="1318">
                  <c:v>40669</c:v>
                </c:pt>
                <c:pt idx="1319">
                  <c:v>40672</c:v>
                </c:pt>
                <c:pt idx="1320">
                  <c:v>40673</c:v>
                </c:pt>
                <c:pt idx="1321">
                  <c:v>40674</c:v>
                </c:pt>
                <c:pt idx="1322">
                  <c:v>40675</c:v>
                </c:pt>
                <c:pt idx="1323">
                  <c:v>40676</c:v>
                </c:pt>
                <c:pt idx="1324">
                  <c:v>40679</c:v>
                </c:pt>
                <c:pt idx="1325">
                  <c:v>40680</c:v>
                </c:pt>
                <c:pt idx="1326">
                  <c:v>40681</c:v>
                </c:pt>
                <c:pt idx="1327">
                  <c:v>40682</c:v>
                </c:pt>
                <c:pt idx="1328">
                  <c:v>40683</c:v>
                </c:pt>
                <c:pt idx="1329">
                  <c:v>40686</c:v>
                </c:pt>
                <c:pt idx="1330">
                  <c:v>40687</c:v>
                </c:pt>
                <c:pt idx="1331">
                  <c:v>40688</c:v>
                </c:pt>
                <c:pt idx="1332">
                  <c:v>40689</c:v>
                </c:pt>
                <c:pt idx="1333">
                  <c:v>40690</c:v>
                </c:pt>
                <c:pt idx="1334">
                  <c:v>40693</c:v>
                </c:pt>
                <c:pt idx="1335">
                  <c:v>40694</c:v>
                </c:pt>
                <c:pt idx="1336">
                  <c:v>40695</c:v>
                </c:pt>
                <c:pt idx="1337">
                  <c:v>40696</c:v>
                </c:pt>
                <c:pt idx="1338">
                  <c:v>40697</c:v>
                </c:pt>
                <c:pt idx="1339">
                  <c:v>40700</c:v>
                </c:pt>
                <c:pt idx="1340">
                  <c:v>40701</c:v>
                </c:pt>
                <c:pt idx="1341">
                  <c:v>40702</c:v>
                </c:pt>
                <c:pt idx="1342">
                  <c:v>40703</c:v>
                </c:pt>
                <c:pt idx="1343">
                  <c:v>40704</c:v>
                </c:pt>
                <c:pt idx="1344">
                  <c:v>40707</c:v>
                </c:pt>
                <c:pt idx="1345">
                  <c:v>40708</c:v>
                </c:pt>
                <c:pt idx="1346">
                  <c:v>40709</c:v>
                </c:pt>
                <c:pt idx="1347">
                  <c:v>40710</c:v>
                </c:pt>
                <c:pt idx="1348">
                  <c:v>40711</c:v>
                </c:pt>
                <c:pt idx="1349">
                  <c:v>40714</c:v>
                </c:pt>
                <c:pt idx="1350">
                  <c:v>40715</c:v>
                </c:pt>
                <c:pt idx="1351">
                  <c:v>40716</c:v>
                </c:pt>
                <c:pt idx="1352">
                  <c:v>40718</c:v>
                </c:pt>
                <c:pt idx="1353">
                  <c:v>40721</c:v>
                </c:pt>
                <c:pt idx="1354">
                  <c:v>40722</c:v>
                </c:pt>
                <c:pt idx="1355">
                  <c:v>40723</c:v>
                </c:pt>
                <c:pt idx="1356">
                  <c:v>40724</c:v>
                </c:pt>
                <c:pt idx="1357">
                  <c:v>40725</c:v>
                </c:pt>
                <c:pt idx="1358">
                  <c:v>40728</c:v>
                </c:pt>
                <c:pt idx="1359">
                  <c:v>40729</c:v>
                </c:pt>
                <c:pt idx="1360">
                  <c:v>40730</c:v>
                </c:pt>
                <c:pt idx="1361">
                  <c:v>40731</c:v>
                </c:pt>
                <c:pt idx="1362">
                  <c:v>40732</c:v>
                </c:pt>
                <c:pt idx="1363">
                  <c:v>40735</c:v>
                </c:pt>
                <c:pt idx="1364">
                  <c:v>40736</c:v>
                </c:pt>
                <c:pt idx="1365">
                  <c:v>40737</c:v>
                </c:pt>
                <c:pt idx="1366">
                  <c:v>40738</c:v>
                </c:pt>
                <c:pt idx="1367">
                  <c:v>40739</c:v>
                </c:pt>
                <c:pt idx="1368">
                  <c:v>40742</c:v>
                </c:pt>
                <c:pt idx="1369">
                  <c:v>40743</c:v>
                </c:pt>
                <c:pt idx="1370">
                  <c:v>40744</c:v>
                </c:pt>
                <c:pt idx="1371">
                  <c:v>40745</c:v>
                </c:pt>
                <c:pt idx="1372">
                  <c:v>40746</c:v>
                </c:pt>
                <c:pt idx="1373">
                  <c:v>40749</c:v>
                </c:pt>
                <c:pt idx="1374">
                  <c:v>40750</c:v>
                </c:pt>
                <c:pt idx="1375">
                  <c:v>40751</c:v>
                </c:pt>
                <c:pt idx="1376">
                  <c:v>40752</c:v>
                </c:pt>
                <c:pt idx="1377">
                  <c:v>40753</c:v>
                </c:pt>
                <c:pt idx="1378">
                  <c:v>40756</c:v>
                </c:pt>
                <c:pt idx="1379">
                  <c:v>40757</c:v>
                </c:pt>
                <c:pt idx="1380">
                  <c:v>40758</c:v>
                </c:pt>
                <c:pt idx="1381">
                  <c:v>40759</c:v>
                </c:pt>
                <c:pt idx="1382">
                  <c:v>40760</c:v>
                </c:pt>
                <c:pt idx="1383">
                  <c:v>40763</c:v>
                </c:pt>
                <c:pt idx="1384">
                  <c:v>40764</c:v>
                </c:pt>
                <c:pt idx="1385">
                  <c:v>40765</c:v>
                </c:pt>
                <c:pt idx="1386">
                  <c:v>40766</c:v>
                </c:pt>
                <c:pt idx="1387">
                  <c:v>40767</c:v>
                </c:pt>
                <c:pt idx="1388">
                  <c:v>40770</c:v>
                </c:pt>
                <c:pt idx="1389">
                  <c:v>40771</c:v>
                </c:pt>
                <c:pt idx="1390">
                  <c:v>40772</c:v>
                </c:pt>
                <c:pt idx="1391">
                  <c:v>40773</c:v>
                </c:pt>
                <c:pt idx="1392">
                  <c:v>40774</c:v>
                </c:pt>
                <c:pt idx="1393">
                  <c:v>40777</c:v>
                </c:pt>
                <c:pt idx="1394">
                  <c:v>40778</c:v>
                </c:pt>
                <c:pt idx="1395">
                  <c:v>40779</c:v>
                </c:pt>
                <c:pt idx="1396">
                  <c:v>40780</c:v>
                </c:pt>
                <c:pt idx="1397">
                  <c:v>40781</c:v>
                </c:pt>
                <c:pt idx="1398">
                  <c:v>40784</c:v>
                </c:pt>
                <c:pt idx="1399">
                  <c:v>40785</c:v>
                </c:pt>
                <c:pt idx="1400">
                  <c:v>40786</c:v>
                </c:pt>
                <c:pt idx="1401">
                  <c:v>40787</c:v>
                </c:pt>
                <c:pt idx="1402">
                  <c:v>40788</c:v>
                </c:pt>
                <c:pt idx="1403">
                  <c:v>40791</c:v>
                </c:pt>
                <c:pt idx="1404">
                  <c:v>40792</c:v>
                </c:pt>
                <c:pt idx="1405">
                  <c:v>40794</c:v>
                </c:pt>
                <c:pt idx="1406">
                  <c:v>40795</c:v>
                </c:pt>
                <c:pt idx="1407">
                  <c:v>40798</c:v>
                </c:pt>
                <c:pt idx="1408">
                  <c:v>40799</c:v>
                </c:pt>
                <c:pt idx="1409">
                  <c:v>40800</c:v>
                </c:pt>
                <c:pt idx="1410">
                  <c:v>40801</c:v>
                </c:pt>
                <c:pt idx="1411">
                  <c:v>40802</c:v>
                </c:pt>
                <c:pt idx="1412">
                  <c:v>40805</c:v>
                </c:pt>
                <c:pt idx="1413">
                  <c:v>40806</c:v>
                </c:pt>
                <c:pt idx="1414">
                  <c:v>40807</c:v>
                </c:pt>
                <c:pt idx="1415">
                  <c:v>40808</c:v>
                </c:pt>
                <c:pt idx="1416">
                  <c:v>40809</c:v>
                </c:pt>
                <c:pt idx="1417">
                  <c:v>40812</c:v>
                </c:pt>
                <c:pt idx="1418">
                  <c:v>40813</c:v>
                </c:pt>
                <c:pt idx="1419">
                  <c:v>40814</c:v>
                </c:pt>
                <c:pt idx="1420">
                  <c:v>40815</c:v>
                </c:pt>
                <c:pt idx="1421">
                  <c:v>40816</c:v>
                </c:pt>
                <c:pt idx="1422">
                  <c:v>40819</c:v>
                </c:pt>
                <c:pt idx="1423">
                  <c:v>40820</c:v>
                </c:pt>
                <c:pt idx="1424">
                  <c:v>40821</c:v>
                </c:pt>
                <c:pt idx="1425">
                  <c:v>40822</c:v>
                </c:pt>
                <c:pt idx="1426">
                  <c:v>40823</c:v>
                </c:pt>
                <c:pt idx="1427">
                  <c:v>40826</c:v>
                </c:pt>
                <c:pt idx="1428">
                  <c:v>40827</c:v>
                </c:pt>
                <c:pt idx="1429">
                  <c:v>40829</c:v>
                </c:pt>
                <c:pt idx="1430">
                  <c:v>40830</c:v>
                </c:pt>
                <c:pt idx="1431">
                  <c:v>40833</c:v>
                </c:pt>
                <c:pt idx="1432">
                  <c:v>40834</c:v>
                </c:pt>
                <c:pt idx="1433">
                  <c:v>40835</c:v>
                </c:pt>
                <c:pt idx="1434">
                  <c:v>40836</c:v>
                </c:pt>
                <c:pt idx="1435">
                  <c:v>40837</c:v>
                </c:pt>
                <c:pt idx="1436">
                  <c:v>40840</c:v>
                </c:pt>
                <c:pt idx="1437">
                  <c:v>40841</c:v>
                </c:pt>
                <c:pt idx="1438">
                  <c:v>40842</c:v>
                </c:pt>
                <c:pt idx="1439">
                  <c:v>40843</c:v>
                </c:pt>
                <c:pt idx="1440">
                  <c:v>40844</c:v>
                </c:pt>
                <c:pt idx="1441">
                  <c:v>40847</c:v>
                </c:pt>
                <c:pt idx="1442">
                  <c:v>40848</c:v>
                </c:pt>
                <c:pt idx="1443">
                  <c:v>40850</c:v>
                </c:pt>
                <c:pt idx="1444">
                  <c:v>40851</c:v>
                </c:pt>
                <c:pt idx="1445">
                  <c:v>40854</c:v>
                </c:pt>
                <c:pt idx="1446">
                  <c:v>40855</c:v>
                </c:pt>
                <c:pt idx="1447">
                  <c:v>40856</c:v>
                </c:pt>
                <c:pt idx="1448">
                  <c:v>40857</c:v>
                </c:pt>
                <c:pt idx="1449">
                  <c:v>40858</c:v>
                </c:pt>
                <c:pt idx="1450">
                  <c:v>40861</c:v>
                </c:pt>
                <c:pt idx="1451">
                  <c:v>40863</c:v>
                </c:pt>
                <c:pt idx="1452">
                  <c:v>40864</c:v>
                </c:pt>
                <c:pt idx="1453">
                  <c:v>40865</c:v>
                </c:pt>
                <c:pt idx="1454">
                  <c:v>40868</c:v>
                </c:pt>
                <c:pt idx="1455">
                  <c:v>40869</c:v>
                </c:pt>
                <c:pt idx="1456">
                  <c:v>40870</c:v>
                </c:pt>
                <c:pt idx="1457">
                  <c:v>40871</c:v>
                </c:pt>
                <c:pt idx="1458">
                  <c:v>40872</c:v>
                </c:pt>
                <c:pt idx="1459">
                  <c:v>40875</c:v>
                </c:pt>
                <c:pt idx="1460">
                  <c:v>40876</c:v>
                </c:pt>
                <c:pt idx="1461">
                  <c:v>40877</c:v>
                </c:pt>
                <c:pt idx="1462">
                  <c:v>40878</c:v>
                </c:pt>
                <c:pt idx="1463">
                  <c:v>40879</c:v>
                </c:pt>
                <c:pt idx="1464">
                  <c:v>40882</c:v>
                </c:pt>
                <c:pt idx="1465">
                  <c:v>40883</c:v>
                </c:pt>
                <c:pt idx="1466">
                  <c:v>40884</c:v>
                </c:pt>
                <c:pt idx="1467">
                  <c:v>40885</c:v>
                </c:pt>
                <c:pt idx="1468">
                  <c:v>40886</c:v>
                </c:pt>
                <c:pt idx="1469">
                  <c:v>40889</c:v>
                </c:pt>
                <c:pt idx="1470">
                  <c:v>40890</c:v>
                </c:pt>
                <c:pt idx="1471">
                  <c:v>40891</c:v>
                </c:pt>
                <c:pt idx="1472">
                  <c:v>40892</c:v>
                </c:pt>
                <c:pt idx="1473">
                  <c:v>40893</c:v>
                </c:pt>
                <c:pt idx="1474">
                  <c:v>40896</c:v>
                </c:pt>
                <c:pt idx="1475">
                  <c:v>40897</c:v>
                </c:pt>
                <c:pt idx="1476">
                  <c:v>40898</c:v>
                </c:pt>
                <c:pt idx="1477">
                  <c:v>40899</c:v>
                </c:pt>
                <c:pt idx="1478">
                  <c:v>40900</c:v>
                </c:pt>
                <c:pt idx="1479">
                  <c:v>40903</c:v>
                </c:pt>
                <c:pt idx="1480">
                  <c:v>40904</c:v>
                </c:pt>
                <c:pt idx="1481">
                  <c:v>40905</c:v>
                </c:pt>
                <c:pt idx="1482">
                  <c:v>40906</c:v>
                </c:pt>
                <c:pt idx="1483">
                  <c:v>40910</c:v>
                </c:pt>
                <c:pt idx="1484">
                  <c:v>40911</c:v>
                </c:pt>
                <c:pt idx="1485">
                  <c:v>40912</c:v>
                </c:pt>
                <c:pt idx="1486">
                  <c:v>40913</c:v>
                </c:pt>
                <c:pt idx="1487">
                  <c:v>40914</c:v>
                </c:pt>
                <c:pt idx="1488">
                  <c:v>40917</c:v>
                </c:pt>
                <c:pt idx="1489">
                  <c:v>40918</c:v>
                </c:pt>
                <c:pt idx="1490">
                  <c:v>40919</c:v>
                </c:pt>
                <c:pt idx="1491">
                  <c:v>40920</c:v>
                </c:pt>
                <c:pt idx="1492">
                  <c:v>40921</c:v>
                </c:pt>
                <c:pt idx="1493">
                  <c:v>40924</c:v>
                </c:pt>
                <c:pt idx="1494">
                  <c:v>40925</c:v>
                </c:pt>
                <c:pt idx="1495">
                  <c:v>40926</c:v>
                </c:pt>
                <c:pt idx="1496">
                  <c:v>40927</c:v>
                </c:pt>
                <c:pt idx="1497">
                  <c:v>40928</c:v>
                </c:pt>
                <c:pt idx="1498">
                  <c:v>40931</c:v>
                </c:pt>
                <c:pt idx="1499">
                  <c:v>40932</c:v>
                </c:pt>
                <c:pt idx="1500">
                  <c:v>40934</c:v>
                </c:pt>
                <c:pt idx="1501">
                  <c:v>40935</c:v>
                </c:pt>
                <c:pt idx="1502">
                  <c:v>40938</c:v>
                </c:pt>
                <c:pt idx="1503">
                  <c:v>40939</c:v>
                </c:pt>
                <c:pt idx="1504">
                  <c:v>40940</c:v>
                </c:pt>
                <c:pt idx="1505">
                  <c:v>40941</c:v>
                </c:pt>
                <c:pt idx="1506">
                  <c:v>40942</c:v>
                </c:pt>
                <c:pt idx="1507">
                  <c:v>40945</c:v>
                </c:pt>
                <c:pt idx="1508">
                  <c:v>40946</c:v>
                </c:pt>
                <c:pt idx="1509">
                  <c:v>40947</c:v>
                </c:pt>
                <c:pt idx="1510">
                  <c:v>40948</c:v>
                </c:pt>
                <c:pt idx="1511">
                  <c:v>40949</c:v>
                </c:pt>
                <c:pt idx="1512">
                  <c:v>40952</c:v>
                </c:pt>
                <c:pt idx="1513">
                  <c:v>40953</c:v>
                </c:pt>
                <c:pt idx="1514">
                  <c:v>40954</c:v>
                </c:pt>
                <c:pt idx="1515">
                  <c:v>40955</c:v>
                </c:pt>
                <c:pt idx="1516">
                  <c:v>40956</c:v>
                </c:pt>
                <c:pt idx="1517">
                  <c:v>40961</c:v>
                </c:pt>
                <c:pt idx="1518">
                  <c:v>40962</c:v>
                </c:pt>
                <c:pt idx="1519">
                  <c:v>40963</c:v>
                </c:pt>
                <c:pt idx="1520">
                  <c:v>40966</c:v>
                </c:pt>
                <c:pt idx="1521">
                  <c:v>40967</c:v>
                </c:pt>
                <c:pt idx="1522">
                  <c:v>40968</c:v>
                </c:pt>
                <c:pt idx="1523">
                  <c:v>40969</c:v>
                </c:pt>
                <c:pt idx="1524">
                  <c:v>40970</c:v>
                </c:pt>
                <c:pt idx="1525">
                  <c:v>40973</c:v>
                </c:pt>
                <c:pt idx="1526">
                  <c:v>40974</c:v>
                </c:pt>
                <c:pt idx="1527">
                  <c:v>40975</c:v>
                </c:pt>
                <c:pt idx="1528">
                  <c:v>40976</c:v>
                </c:pt>
                <c:pt idx="1529">
                  <c:v>40977</c:v>
                </c:pt>
                <c:pt idx="1530">
                  <c:v>40980</c:v>
                </c:pt>
                <c:pt idx="1531">
                  <c:v>40981</c:v>
                </c:pt>
                <c:pt idx="1532">
                  <c:v>40982</c:v>
                </c:pt>
                <c:pt idx="1533">
                  <c:v>40983</c:v>
                </c:pt>
                <c:pt idx="1534">
                  <c:v>40984</c:v>
                </c:pt>
                <c:pt idx="1535">
                  <c:v>40987</c:v>
                </c:pt>
                <c:pt idx="1536">
                  <c:v>40988</c:v>
                </c:pt>
                <c:pt idx="1537">
                  <c:v>40989</c:v>
                </c:pt>
                <c:pt idx="1538">
                  <c:v>40990</c:v>
                </c:pt>
                <c:pt idx="1539">
                  <c:v>40991</c:v>
                </c:pt>
                <c:pt idx="1540">
                  <c:v>40994</c:v>
                </c:pt>
                <c:pt idx="1541">
                  <c:v>40995</c:v>
                </c:pt>
                <c:pt idx="1542">
                  <c:v>40996</c:v>
                </c:pt>
                <c:pt idx="1543">
                  <c:v>40997</c:v>
                </c:pt>
                <c:pt idx="1544">
                  <c:v>40998</c:v>
                </c:pt>
                <c:pt idx="1545">
                  <c:v>41001</c:v>
                </c:pt>
                <c:pt idx="1546">
                  <c:v>41002</c:v>
                </c:pt>
                <c:pt idx="1547">
                  <c:v>41003</c:v>
                </c:pt>
                <c:pt idx="1548">
                  <c:v>41004</c:v>
                </c:pt>
                <c:pt idx="1549">
                  <c:v>41008</c:v>
                </c:pt>
                <c:pt idx="1550">
                  <c:v>41009</c:v>
                </c:pt>
                <c:pt idx="1551">
                  <c:v>41010</c:v>
                </c:pt>
                <c:pt idx="1552">
                  <c:v>41011</c:v>
                </c:pt>
                <c:pt idx="1553">
                  <c:v>41012</c:v>
                </c:pt>
                <c:pt idx="1554">
                  <c:v>41015</c:v>
                </c:pt>
                <c:pt idx="1555">
                  <c:v>41016</c:v>
                </c:pt>
                <c:pt idx="1556">
                  <c:v>41017</c:v>
                </c:pt>
                <c:pt idx="1557">
                  <c:v>41018</c:v>
                </c:pt>
                <c:pt idx="1558">
                  <c:v>41019</c:v>
                </c:pt>
                <c:pt idx="1559">
                  <c:v>41022</c:v>
                </c:pt>
                <c:pt idx="1560">
                  <c:v>41023</c:v>
                </c:pt>
                <c:pt idx="1561">
                  <c:v>41024</c:v>
                </c:pt>
                <c:pt idx="1562">
                  <c:v>41025</c:v>
                </c:pt>
                <c:pt idx="1563">
                  <c:v>41026</c:v>
                </c:pt>
                <c:pt idx="1564">
                  <c:v>41029</c:v>
                </c:pt>
                <c:pt idx="1565">
                  <c:v>41031</c:v>
                </c:pt>
                <c:pt idx="1566">
                  <c:v>41032</c:v>
                </c:pt>
                <c:pt idx="1567">
                  <c:v>41033</c:v>
                </c:pt>
                <c:pt idx="1568">
                  <c:v>41036</c:v>
                </c:pt>
                <c:pt idx="1569">
                  <c:v>41037</c:v>
                </c:pt>
                <c:pt idx="1570">
                  <c:v>41038</c:v>
                </c:pt>
                <c:pt idx="1571">
                  <c:v>41039</c:v>
                </c:pt>
                <c:pt idx="1572">
                  <c:v>41040</c:v>
                </c:pt>
                <c:pt idx="1573">
                  <c:v>41043</c:v>
                </c:pt>
                <c:pt idx="1574">
                  <c:v>41044</c:v>
                </c:pt>
                <c:pt idx="1575">
                  <c:v>41045</c:v>
                </c:pt>
                <c:pt idx="1576">
                  <c:v>41046</c:v>
                </c:pt>
                <c:pt idx="1577">
                  <c:v>41047</c:v>
                </c:pt>
                <c:pt idx="1578">
                  <c:v>41050</c:v>
                </c:pt>
                <c:pt idx="1579">
                  <c:v>41051</c:v>
                </c:pt>
                <c:pt idx="1580">
                  <c:v>41052</c:v>
                </c:pt>
                <c:pt idx="1581">
                  <c:v>41053</c:v>
                </c:pt>
                <c:pt idx="1582">
                  <c:v>41054</c:v>
                </c:pt>
                <c:pt idx="1583">
                  <c:v>41057</c:v>
                </c:pt>
                <c:pt idx="1584">
                  <c:v>41058</c:v>
                </c:pt>
                <c:pt idx="1585">
                  <c:v>41059</c:v>
                </c:pt>
                <c:pt idx="1586">
                  <c:v>41060</c:v>
                </c:pt>
                <c:pt idx="1587">
                  <c:v>41061</c:v>
                </c:pt>
                <c:pt idx="1588">
                  <c:v>41064</c:v>
                </c:pt>
                <c:pt idx="1589">
                  <c:v>41065</c:v>
                </c:pt>
                <c:pt idx="1590">
                  <c:v>41066</c:v>
                </c:pt>
                <c:pt idx="1591">
                  <c:v>41068</c:v>
                </c:pt>
                <c:pt idx="1592">
                  <c:v>41071</c:v>
                </c:pt>
                <c:pt idx="1593">
                  <c:v>41072</c:v>
                </c:pt>
                <c:pt idx="1594">
                  <c:v>41073</c:v>
                </c:pt>
                <c:pt idx="1595">
                  <c:v>41074</c:v>
                </c:pt>
                <c:pt idx="1596">
                  <c:v>41075</c:v>
                </c:pt>
                <c:pt idx="1597">
                  <c:v>41078</c:v>
                </c:pt>
                <c:pt idx="1598">
                  <c:v>41079</c:v>
                </c:pt>
                <c:pt idx="1599">
                  <c:v>41080</c:v>
                </c:pt>
                <c:pt idx="1600">
                  <c:v>41081</c:v>
                </c:pt>
                <c:pt idx="1601">
                  <c:v>41082</c:v>
                </c:pt>
                <c:pt idx="1602">
                  <c:v>41085</c:v>
                </c:pt>
                <c:pt idx="1603">
                  <c:v>41086</c:v>
                </c:pt>
                <c:pt idx="1604">
                  <c:v>41087</c:v>
                </c:pt>
                <c:pt idx="1605">
                  <c:v>41088</c:v>
                </c:pt>
                <c:pt idx="1606">
                  <c:v>41089</c:v>
                </c:pt>
                <c:pt idx="1607">
                  <c:v>41092</c:v>
                </c:pt>
                <c:pt idx="1608">
                  <c:v>41093</c:v>
                </c:pt>
                <c:pt idx="1609">
                  <c:v>41094</c:v>
                </c:pt>
                <c:pt idx="1610">
                  <c:v>41095</c:v>
                </c:pt>
                <c:pt idx="1611">
                  <c:v>41096</c:v>
                </c:pt>
                <c:pt idx="1612">
                  <c:v>41100</c:v>
                </c:pt>
                <c:pt idx="1613">
                  <c:v>41101</c:v>
                </c:pt>
                <c:pt idx="1614">
                  <c:v>41102</c:v>
                </c:pt>
                <c:pt idx="1615">
                  <c:v>41103</c:v>
                </c:pt>
                <c:pt idx="1616">
                  <c:v>41106</c:v>
                </c:pt>
                <c:pt idx="1617">
                  <c:v>41107</c:v>
                </c:pt>
                <c:pt idx="1618">
                  <c:v>41108</c:v>
                </c:pt>
                <c:pt idx="1619">
                  <c:v>41109</c:v>
                </c:pt>
                <c:pt idx="1620">
                  <c:v>41110</c:v>
                </c:pt>
                <c:pt idx="1621">
                  <c:v>41113</c:v>
                </c:pt>
                <c:pt idx="1622">
                  <c:v>41114</c:v>
                </c:pt>
                <c:pt idx="1623">
                  <c:v>41115</c:v>
                </c:pt>
                <c:pt idx="1624">
                  <c:v>41116</c:v>
                </c:pt>
                <c:pt idx="1625">
                  <c:v>41117</c:v>
                </c:pt>
                <c:pt idx="1626">
                  <c:v>41120</c:v>
                </c:pt>
                <c:pt idx="1627">
                  <c:v>41121</c:v>
                </c:pt>
                <c:pt idx="1628">
                  <c:v>41122</c:v>
                </c:pt>
                <c:pt idx="1629">
                  <c:v>41123</c:v>
                </c:pt>
                <c:pt idx="1630">
                  <c:v>41124</c:v>
                </c:pt>
                <c:pt idx="1631">
                  <c:v>41127</c:v>
                </c:pt>
                <c:pt idx="1632">
                  <c:v>41128</c:v>
                </c:pt>
                <c:pt idx="1633">
                  <c:v>41129</c:v>
                </c:pt>
                <c:pt idx="1634">
                  <c:v>41130</c:v>
                </c:pt>
                <c:pt idx="1635">
                  <c:v>41131</c:v>
                </c:pt>
                <c:pt idx="1636">
                  <c:v>41134</c:v>
                </c:pt>
                <c:pt idx="1637">
                  <c:v>41135</c:v>
                </c:pt>
                <c:pt idx="1638">
                  <c:v>41136</c:v>
                </c:pt>
                <c:pt idx="1639">
                  <c:v>41137</c:v>
                </c:pt>
                <c:pt idx="1640">
                  <c:v>41138</c:v>
                </c:pt>
                <c:pt idx="1641">
                  <c:v>41141</c:v>
                </c:pt>
                <c:pt idx="1642">
                  <c:v>41142</c:v>
                </c:pt>
                <c:pt idx="1643">
                  <c:v>41143</c:v>
                </c:pt>
                <c:pt idx="1644">
                  <c:v>41144</c:v>
                </c:pt>
                <c:pt idx="1645">
                  <c:v>41145</c:v>
                </c:pt>
                <c:pt idx="1646">
                  <c:v>41148</c:v>
                </c:pt>
                <c:pt idx="1647">
                  <c:v>41149</c:v>
                </c:pt>
                <c:pt idx="1648">
                  <c:v>41150</c:v>
                </c:pt>
                <c:pt idx="1649">
                  <c:v>41151</c:v>
                </c:pt>
                <c:pt idx="1650">
                  <c:v>41152</c:v>
                </c:pt>
                <c:pt idx="1651">
                  <c:v>41155</c:v>
                </c:pt>
                <c:pt idx="1652">
                  <c:v>41156</c:v>
                </c:pt>
                <c:pt idx="1653">
                  <c:v>41157</c:v>
                </c:pt>
                <c:pt idx="1654">
                  <c:v>41158</c:v>
                </c:pt>
                <c:pt idx="1655">
                  <c:v>41162</c:v>
                </c:pt>
                <c:pt idx="1656">
                  <c:v>41163</c:v>
                </c:pt>
                <c:pt idx="1657">
                  <c:v>41164</c:v>
                </c:pt>
                <c:pt idx="1658">
                  <c:v>41165</c:v>
                </c:pt>
                <c:pt idx="1659">
                  <c:v>41166</c:v>
                </c:pt>
                <c:pt idx="1660">
                  <c:v>41169</c:v>
                </c:pt>
                <c:pt idx="1661">
                  <c:v>41170</c:v>
                </c:pt>
                <c:pt idx="1662">
                  <c:v>41171</c:v>
                </c:pt>
                <c:pt idx="1663">
                  <c:v>41172</c:v>
                </c:pt>
                <c:pt idx="1664">
                  <c:v>41173</c:v>
                </c:pt>
                <c:pt idx="1665">
                  <c:v>41176</c:v>
                </c:pt>
                <c:pt idx="1666">
                  <c:v>41177</c:v>
                </c:pt>
                <c:pt idx="1667">
                  <c:v>41178</c:v>
                </c:pt>
                <c:pt idx="1668">
                  <c:v>41179</c:v>
                </c:pt>
                <c:pt idx="1669">
                  <c:v>41180</c:v>
                </c:pt>
                <c:pt idx="1670">
                  <c:v>41183</c:v>
                </c:pt>
                <c:pt idx="1671">
                  <c:v>41184</c:v>
                </c:pt>
                <c:pt idx="1672">
                  <c:v>41185</c:v>
                </c:pt>
                <c:pt idx="1673">
                  <c:v>41186</c:v>
                </c:pt>
                <c:pt idx="1674">
                  <c:v>41187</c:v>
                </c:pt>
                <c:pt idx="1675">
                  <c:v>41190</c:v>
                </c:pt>
                <c:pt idx="1676">
                  <c:v>41191</c:v>
                </c:pt>
                <c:pt idx="1677">
                  <c:v>41192</c:v>
                </c:pt>
                <c:pt idx="1678">
                  <c:v>41193</c:v>
                </c:pt>
                <c:pt idx="1679">
                  <c:v>41197</c:v>
                </c:pt>
                <c:pt idx="1680">
                  <c:v>41198</c:v>
                </c:pt>
                <c:pt idx="1681">
                  <c:v>41199</c:v>
                </c:pt>
                <c:pt idx="1682">
                  <c:v>41200</c:v>
                </c:pt>
                <c:pt idx="1683">
                  <c:v>41201</c:v>
                </c:pt>
                <c:pt idx="1684">
                  <c:v>41204</c:v>
                </c:pt>
                <c:pt idx="1685">
                  <c:v>41205</c:v>
                </c:pt>
                <c:pt idx="1686">
                  <c:v>41206</c:v>
                </c:pt>
                <c:pt idx="1687">
                  <c:v>41207</c:v>
                </c:pt>
                <c:pt idx="1688">
                  <c:v>41208</c:v>
                </c:pt>
                <c:pt idx="1689">
                  <c:v>41211</c:v>
                </c:pt>
                <c:pt idx="1690">
                  <c:v>41212</c:v>
                </c:pt>
                <c:pt idx="1691">
                  <c:v>41213</c:v>
                </c:pt>
                <c:pt idx="1692">
                  <c:v>41214</c:v>
                </c:pt>
                <c:pt idx="1693">
                  <c:v>41218</c:v>
                </c:pt>
                <c:pt idx="1694">
                  <c:v>41219</c:v>
                </c:pt>
                <c:pt idx="1695">
                  <c:v>41220</c:v>
                </c:pt>
                <c:pt idx="1696">
                  <c:v>41221</c:v>
                </c:pt>
                <c:pt idx="1697">
                  <c:v>41222</c:v>
                </c:pt>
                <c:pt idx="1698">
                  <c:v>41225</c:v>
                </c:pt>
                <c:pt idx="1699">
                  <c:v>41226</c:v>
                </c:pt>
                <c:pt idx="1700">
                  <c:v>41227</c:v>
                </c:pt>
                <c:pt idx="1701">
                  <c:v>41229</c:v>
                </c:pt>
                <c:pt idx="1702">
                  <c:v>41232</c:v>
                </c:pt>
                <c:pt idx="1703">
                  <c:v>41234</c:v>
                </c:pt>
                <c:pt idx="1704">
                  <c:v>41235</c:v>
                </c:pt>
                <c:pt idx="1705">
                  <c:v>41236</c:v>
                </c:pt>
                <c:pt idx="1706">
                  <c:v>41239</c:v>
                </c:pt>
                <c:pt idx="1707">
                  <c:v>41240</c:v>
                </c:pt>
                <c:pt idx="1708">
                  <c:v>41241</c:v>
                </c:pt>
                <c:pt idx="1709">
                  <c:v>41242</c:v>
                </c:pt>
                <c:pt idx="1710">
                  <c:v>41243</c:v>
                </c:pt>
                <c:pt idx="1711">
                  <c:v>41246</c:v>
                </c:pt>
                <c:pt idx="1712">
                  <c:v>41247</c:v>
                </c:pt>
                <c:pt idx="1713">
                  <c:v>41248</c:v>
                </c:pt>
                <c:pt idx="1714">
                  <c:v>41249</c:v>
                </c:pt>
                <c:pt idx="1715">
                  <c:v>41250</c:v>
                </c:pt>
                <c:pt idx="1716">
                  <c:v>41253</c:v>
                </c:pt>
                <c:pt idx="1717">
                  <c:v>41254</c:v>
                </c:pt>
                <c:pt idx="1718">
                  <c:v>41255</c:v>
                </c:pt>
                <c:pt idx="1719">
                  <c:v>41256</c:v>
                </c:pt>
                <c:pt idx="1720">
                  <c:v>41257</c:v>
                </c:pt>
                <c:pt idx="1721">
                  <c:v>41260</c:v>
                </c:pt>
                <c:pt idx="1722">
                  <c:v>41261</c:v>
                </c:pt>
                <c:pt idx="1723">
                  <c:v>41262</c:v>
                </c:pt>
                <c:pt idx="1724">
                  <c:v>41263</c:v>
                </c:pt>
                <c:pt idx="1725">
                  <c:v>41264</c:v>
                </c:pt>
                <c:pt idx="1726">
                  <c:v>41269</c:v>
                </c:pt>
                <c:pt idx="1727">
                  <c:v>41270</c:v>
                </c:pt>
                <c:pt idx="1728">
                  <c:v>41271</c:v>
                </c:pt>
                <c:pt idx="1729">
                  <c:v>41276</c:v>
                </c:pt>
                <c:pt idx="1730">
                  <c:v>41277</c:v>
                </c:pt>
                <c:pt idx="1731">
                  <c:v>41278</c:v>
                </c:pt>
                <c:pt idx="1732">
                  <c:v>41281</c:v>
                </c:pt>
                <c:pt idx="1733">
                  <c:v>41282</c:v>
                </c:pt>
                <c:pt idx="1734">
                  <c:v>41283</c:v>
                </c:pt>
                <c:pt idx="1735">
                  <c:v>41284</c:v>
                </c:pt>
                <c:pt idx="1736">
                  <c:v>41285</c:v>
                </c:pt>
                <c:pt idx="1737">
                  <c:v>41288</c:v>
                </c:pt>
                <c:pt idx="1738">
                  <c:v>41289</c:v>
                </c:pt>
                <c:pt idx="1739">
                  <c:v>41290</c:v>
                </c:pt>
                <c:pt idx="1740">
                  <c:v>41291</c:v>
                </c:pt>
                <c:pt idx="1741">
                  <c:v>41292</c:v>
                </c:pt>
                <c:pt idx="1742">
                  <c:v>41295</c:v>
                </c:pt>
                <c:pt idx="1743">
                  <c:v>41296</c:v>
                </c:pt>
                <c:pt idx="1744">
                  <c:v>41297</c:v>
                </c:pt>
                <c:pt idx="1745">
                  <c:v>41298</c:v>
                </c:pt>
                <c:pt idx="1746">
                  <c:v>41302</c:v>
                </c:pt>
                <c:pt idx="1747">
                  <c:v>41303</c:v>
                </c:pt>
                <c:pt idx="1748">
                  <c:v>41304</c:v>
                </c:pt>
                <c:pt idx="1749">
                  <c:v>41305</c:v>
                </c:pt>
                <c:pt idx="1750">
                  <c:v>41306</c:v>
                </c:pt>
                <c:pt idx="1751">
                  <c:v>41309</c:v>
                </c:pt>
                <c:pt idx="1752">
                  <c:v>41310</c:v>
                </c:pt>
                <c:pt idx="1753">
                  <c:v>41311</c:v>
                </c:pt>
                <c:pt idx="1754">
                  <c:v>41312</c:v>
                </c:pt>
                <c:pt idx="1755">
                  <c:v>41313</c:v>
                </c:pt>
                <c:pt idx="1756">
                  <c:v>41318</c:v>
                </c:pt>
                <c:pt idx="1757">
                  <c:v>41319</c:v>
                </c:pt>
                <c:pt idx="1758">
                  <c:v>41320</c:v>
                </c:pt>
                <c:pt idx="1759">
                  <c:v>41323</c:v>
                </c:pt>
                <c:pt idx="1760">
                  <c:v>41324</c:v>
                </c:pt>
                <c:pt idx="1761">
                  <c:v>41325</c:v>
                </c:pt>
                <c:pt idx="1762">
                  <c:v>41326</c:v>
                </c:pt>
                <c:pt idx="1763">
                  <c:v>41327</c:v>
                </c:pt>
                <c:pt idx="1764">
                  <c:v>41330</c:v>
                </c:pt>
                <c:pt idx="1765">
                  <c:v>41331</c:v>
                </c:pt>
                <c:pt idx="1766">
                  <c:v>41332</c:v>
                </c:pt>
                <c:pt idx="1767">
                  <c:v>41333</c:v>
                </c:pt>
                <c:pt idx="1768">
                  <c:v>41334</c:v>
                </c:pt>
                <c:pt idx="1769">
                  <c:v>41337</c:v>
                </c:pt>
                <c:pt idx="1770">
                  <c:v>41338</c:v>
                </c:pt>
                <c:pt idx="1771">
                  <c:v>41339</c:v>
                </c:pt>
                <c:pt idx="1772">
                  <c:v>41340</c:v>
                </c:pt>
                <c:pt idx="1773">
                  <c:v>41341</c:v>
                </c:pt>
                <c:pt idx="1774">
                  <c:v>41344</c:v>
                </c:pt>
                <c:pt idx="1775">
                  <c:v>41345</c:v>
                </c:pt>
                <c:pt idx="1776">
                  <c:v>41346</c:v>
                </c:pt>
                <c:pt idx="1777">
                  <c:v>41347</c:v>
                </c:pt>
                <c:pt idx="1778">
                  <c:v>41348</c:v>
                </c:pt>
                <c:pt idx="1779">
                  <c:v>41351</c:v>
                </c:pt>
                <c:pt idx="1780">
                  <c:v>41352</c:v>
                </c:pt>
                <c:pt idx="1781">
                  <c:v>41353</c:v>
                </c:pt>
                <c:pt idx="1782">
                  <c:v>41354</c:v>
                </c:pt>
                <c:pt idx="1783">
                  <c:v>41355</c:v>
                </c:pt>
                <c:pt idx="1784">
                  <c:v>41358</c:v>
                </c:pt>
                <c:pt idx="1785">
                  <c:v>41359</c:v>
                </c:pt>
                <c:pt idx="1786">
                  <c:v>41360</c:v>
                </c:pt>
                <c:pt idx="1787">
                  <c:v>41361</c:v>
                </c:pt>
                <c:pt idx="1788">
                  <c:v>41365</c:v>
                </c:pt>
                <c:pt idx="1789">
                  <c:v>41366</c:v>
                </c:pt>
                <c:pt idx="1790">
                  <c:v>41367</c:v>
                </c:pt>
                <c:pt idx="1791">
                  <c:v>41368</c:v>
                </c:pt>
                <c:pt idx="1792">
                  <c:v>41369</c:v>
                </c:pt>
                <c:pt idx="1793">
                  <c:v>41372</c:v>
                </c:pt>
                <c:pt idx="1794">
                  <c:v>41373</c:v>
                </c:pt>
                <c:pt idx="1795">
                  <c:v>41374</c:v>
                </c:pt>
                <c:pt idx="1796">
                  <c:v>41375</c:v>
                </c:pt>
                <c:pt idx="1797">
                  <c:v>41376</c:v>
                </c:pt>
                <c:pt idx="1798">
                  <c:v>41379</c:v>
                </c:pt>
                <c:pt idx="1799">
                  <c:v>41380</c:v>
                </c:pt>
                <c:pt idx="1800">
                  <c:v>41381</c:v>
                </c:pt>
                <c:pt idx="1801">
                  <c:v>41382</c:v>
                </c:pt>
                <c:pt idx="1802">
                  <c:v>41383</c:v>
                </c:pt>
                <c:pt idx="1803">
                  <c:v>41386</c:v>
                </c:pt>
                <c:pt idx="1804">
                  <c:v>41387</c:v>
                </c:pt>
                <c:pt idx="1805">
                  <c:v>41388</c:v>
                </c:pt>
                <c:pt idx="1806">
                  <c:v>41389</c:v>
                </c:pt>
                <c:pt idx="1807">
                  <c:v>41390</c:v>
                </c:pt>
                <c:pt idx="1808">
                  <c:v>41393</c:v>
                </c:pt>
                <c:pt idx="1809">
                  <c:v>41394</c:v>
                </c:pt>
                <c:pt idx="1810">
                  <c:v>41396</c:v>
                </c:pt>
                <c:pt idx="1811">
                  <c:v>41397</c:v>
                </c:pt>
                <c:pt idx="1812">
                  <c:v>41400</c:v>
                </c:pt>
                <c:pt idx="1813">
                  <c:v>41401</c:v>
                </c:pt>
                <c:pt idx="1814">
                  <c:v>41402</c:v>
                </c:pt>
                <c:pt idx="1815">
                  <c:v>41403</c:v>
                </c:pt>
                <c:pt idx="1816">
                  <c:v>41404</c:v>
                </c:pt>
                <c:pt idx="1817">
                  <c:v>41407</c:v>
                </c:pt>
                <c:pt idx="1818">
                  <c:v>41408</c:v>
                </c:pt>
                <c:pt idx="1819">
                  <c:v>41409</c:v>
                </c:pt>
                <c:pt idx="1820">
                  <c:v>41410</c:v>
                </c:pt>
                <c:pt idx="1821">
                  <c:v>41411</c:v>
                </c:pt>
                <c:pt idx="1822">
                  <c:v>41414</c:v>
                </c:pt>
                <c:pt idx="1823">
                  <c:v>41415</c:v>
                </c:pt>
                <c:pt idx="1824">
                  <c:v>41416</c:v>
                </c:pt>
                <c:pt idx="1825">
                  <c:v>41417</c:v>
                </c:pt>
                <c:pt idx="1826">
                  <c:v>41418</c:v>
                </c:pt>
                <c:pt idx="1827">
                  <c:v>41421</c:v>
                </c:pt>
                <c:pt idx="1828">
                  <c:v>41422</c:v>
                </c:pt>
                <c:pt idx="1829">
                  <c:v>41423</c:v>
                </c:pt>
                <c:pt idx="1830">
                  <c:v>41425</c:v>
                </c:pt>
                <c:pt idx="1831">
                  <c:v>41428</c:v>
                </c:pt>
                <c:pt idx="1832">
                  <c:v>41429</c:v>
                </c:pt>
                <c:pt idx="1833">
                  <c:v>41430</c:v>
                </c:pt>
                <c:pt idx="1834">
                  <c:v>41431</c:v>
                </c:pt>
                <c:pt idx="1835">
                  <c:v>41432</c:v>
                </c:pt>
                <c:pt idx="1836">
                  <c:v>41435</c:v>
                </c:pt>
                <c:pt idx="1837">
                  <c:v>41436</c:v>
                </c:pt>
                <c:pt idx="1838">
                  <c:v>41437</c:v>
                </c:pt>
                <c:pt idx="1839">
                  <c:v>41438</c:v>
                </c:pt>
                <c:pt idx="1840">
                  <c:v>41439</c:v>
                </c:pt>
                <c:pt idx="1841">
                  <c:v>41442</c:v>
                </c:pt>
                <c:pt idx="1842">
                  <c:v>41443</c:v>
                </c:pt>
                <c:pt idx="1843">
                  <c:v>41444</c:v>
                </c:pt>
                <c:pt idx="1844">
                  <c:v>41445</c:v>
                </c:pt>
                <c:pt idx="1845">
                  <c:v>41446</c:v>
                </c:pt>
                <c:pt idx="1846">
                  <c:v>41449</c:v>
                </c:pt>
                <c:pt idx="1847">
                  <c:v>41450</c:v>
                </c:pt>
                <c:pt idx="1848">
                  <c:v>41451</c:v>
                </c:pt>
                <c:pt idx="1849">
                  <c:v>41452</c:v>
                </c:pt>
                <c:pt idx="1850">
                  <c:v>41453</c:v>
                </c:pt>
                <c:pt idx="1851">
                  <c:v>41456</c:v>
                </c:pt>
                <c:pt idx="1852">
                  <c:v>41457</c:v>
                </c:pt>
                <c:pt idx="1853">
                  <c:v>41458</c:v>
                </c:pt>
                <c:pt idx="1854">
                  <c:v>41459</c:v>
                </c:pt>
                <c:pt idx="1855">
                  <c:v>41460</c:v>
                </c:pt>
                <c:pt idx="1856">
                  <c:v>41463</c:v>
                </c:pt>
                <c:pt idx="1857">
                  <c:v>41465</c:v>
                </c:pt>
                <c:pt idx="1858">
                  <c:v>41466</c:v>
                </c:pt>
                <c:pt idx="1859">
                  <c:v>41467</c:v>
                </c:pt>
                <c:pt idx="1860">
                  <c:v>41470</c:v>
                </c:pt>
                <c:pt idx="1861">
                  <c:v>41471</c:v>
                </c:pt>
                <c:pt idx="1862">
                  <c:v>41472</c:v>
                </c:pt>
                <c:pt idx="1863">
                  <c:v>41473</c:v>
                </c:pt>
                <c:pt idx="1864">
                  <c:v>41474</c:v>
                </c:pt>
                <c:pt idx="1865">
                  <c:v>41477</c:v>
                </c:pt>
                <c:pt idx="1866">
                  <c:v>41478</c:v>
                </c:pt>
                <c:pt idx="1867">
                  <c:v>41479</c:v>
                </c:pt>
                <c:pt idx="1868">
                  <c:v>41480</c:v>
                </c:pt>
                <c:pt idx="1869">
                  <c:v>41481</c:v>
                </c:pt>
                <c:pt idx="1870">
                  <c:v>41484</c:v>
                </c:pt>
                <c:pt idx="1871">
                  <c:v>41485</c:v>
                </c:pt>
                <c:pt idx="1872">
                  <c:v>41486</c:v>
                </c:pt>
                <c:pt idx="1873">
                  <c:v>41487</c:v>
                </c:pt>
                <c:pt idx="1874">
                  <c:v>41488</c:v>
                </c:pt>
                <c:pt idx="1875">
                  <c:v>41491</c:v>
                </c:pt>
                <c:pt idx="1876">
                  <c:v>41492</c:v>
                </c:pt>
                <c:pt idx="1877">
                  <c:v>41493</c:v>
                </c:pt>
                <c:pt idx="1878">
                  <c:v>41494</c:v>
                </c:pt>
                <c:pt idx="1879">
                  <c:v>41495</c:v>
                </c:pt>
                <c:pt idx="1880">
                  <c:v>41498</c:v>
                </c:pt>
                <c:pt idx="1881">
                  <c:v>41499</c:v>
                </c:pt>
                <c:pt idx="1882">
                  <c:v>41500</c:v>
                </c:pt>
                <c:pt idx="1883">
                  <c:v>41501</c:v>
                </c:pt>
                <c:pt idx="1884">
                  <c:v>41502</c:v>
                </c:pt>
                <c:pt idx="1885">
                  <c:v>41505</c:v>
                </c:pt>
                <c:pt idx="1886">
                  <c:v>41506</c:v>
                </c:pt>
                <c:pt idx="1887">
                  <c:v>41507</c:v>
                </c:pt>
                <c:pt idx="1888">
                  <c:v>41508</c:v>
                </c:pt>
                <c:pt idx="1889">
                  <c:v>41509</c:v>
                </c:pt>
                <c:pt idx="1890">
                  <c:v>41512</c:v>
                </c:pt>
                <c:pt idx="1891">
                  <c:v>41513</c:v>
                </c:pt>
                <c:pt idx="1892">
                  <c:v>41514</c:v>
                </c:pt>
                <c:pt idx="1893">
                  <c:v>41515</c:v>
                </c:pt>
                <c:pt idx="1894">
                  <c:v>41516</c:v>
                </c:pt>
                <c:pt idx="1895">
                  <c:v>41519</c:v>
                </c:pt>
                <c:pt idx="1896">
                  <c:v>41520</c:v>
                </c:pt>
                <c:pt idx="1897">
                  <c:v>41521</c:v>
                </c:pt>
                <c:pt idx="1898">
                  <c:v>41522</c:v>
                </c:pt>
                <c:pt idx="1899">
                  <c:v>41523</c:v>
                </c:pt>
                <c:pt idx="1900">
                  <c:v>41526</c:v>
                </c:pt>
                <c:pt idx="1901">
                  <c:v>41527</c:v>
                </c:pt>
                <c:pt idx="1902">
                  <c:v>41528</c:v>
                </c:pt>
                <c:pt idx="1903">
                  <c:v>41529</c:v>
                </c:pt>
                <c:pt idx="1904">
                  <c:v>41530</c:v>
                </c:pt>
                <c:pt idx="1905">
                  <c:v>41533</c:v>
                </c:pt>
                <c:pt idx="1906">
                  <c:v>41534</c:v>
                </c:pt>
                <c:pt idx="1907">
                  <c:v>41535</c:v>
                </c:pt>
                <c:pt idx="1908">
                  <c:v>41536</c:v>
                </c:pt>
                <c:pt idx="1909">
                  <c:v>41537</c:v>
                </c:pt>
                <c:pt idx="1910">
                  <c:v>41540</c:v>
                </c:pt>
                <c:pt idx="1911">
                  <c:v>41541</c:v>
                </c:pt>
                <c:pt idx="1912">
                  <c:v>41542</c:v>
                </c:pt>
                <c:pt idx="1913">
                  <c:v>41543</c:v>
                </c:pt>
                <c:pt idx="1914">
                  <c:v>41544</c:v>
                </c:pt>
                <c:pt idx="1915">
                  <c:v>41547</c:v>
                </c:pt>
                <c:pt idx="1916">
                  <c:v>41548</c:v>
                </c:pt>
                <c:pt idx="1917">
                  <c:v>41549</c:v>
                </c:pt>
                <c:pt idx="1918">
                  <c:v>41550</c:v>
                </c:pt>
                <c:pt idx="1919">
                  <c:v>41551</c:v>
                </c:pt>
                <c:pt idx="1920">
                  <c:v>41554</c:v>
                </c:pt>
                <c:pt idx="1921">
                  <c:v>41555</c:v>
                </c:pt>
                <c:pt idx="1922">
                  <c:v>41556</c:v>
                </c:pt>
                <c:pt idx="1923">
                  <c:v>41557</c:v>
                </c:pt>
                <c:pt idx="1924">
                  <c:v>41558</c:v>
                </c:pt>
                <c:pt idx="1925">
                  <c:v>41561</c:v>
                </c:pt>
                <c:pt idx="1926">
                  <c:v>41562</c:v>
                </c:pt>
                <c:pt idx="1927">
                  <c:v>41563</c:v>
                </c:pt>
                <c:pt idx="1928">
                  <c:v>41564</c:v>
                </c:pt>
                <c:pt idx="1929">
                  <c:v>41565</c:v>
                </c:pt>
                <c:pt idx="1930">
                  <c:v>41568</c:v>
                </c:pt>
                <c:pt idx="1931">
                  <c:v>41569</c:v>
                </c:pt>
                <c:pt idx="1932">
                  <c:v>41570</c:v>
                </c:pt>
                <c:pt idx="1933">
                  <c:v>41571</c:v>
                </c:pt>
                <c:pt idx="1934">
                  <c:v>41572</c:v>
                </c:pt>
                <c:pt idx="1935">
                  <c:v>41575</c:v>
                </c:pt>
                <c:pt idx="1936">
                  <c:v>41576</c:v>
                </c:pt>
                <c:pt idx="1937">
                  <c:v>41577</c:v>
                </c:pt>
                <c:pt idx="1938">
                  <c:v>41578</c:v>
                </c:pt>
                <c:pt idx="1939">
                  <c:v>41579</c:v>
                </c:pt>
                <c:pt idx="1940">
                  <c:v>41582</c:v>
                </c:pt>
                <c:pt idx="1941">
                  <c:v>41583</c:v>
                </c:pt>
                <c:pt idx="1942">
                  <c:v>41584</c:v>
                </c:pt>
                <c:pt idx="1943">
                  <c:v>41585</c:v>
                </c:pt>
                <c:pt idx="1944">
                  <c:v>41586</c:v>
                </c:pt>
                <c:pt idx="1945">
                  <c:v>41589</c:v>
                </c:pt>
                <c:pt idx="1946">
                  <c:v>41590</c:v>
                </c:pt>
                <c:pt idx="1947">
                  <c:v>41591</c:v>
                </c:pt>
                <c:pt idx="1948">
                  <c:v>41592</c:v>
                </c:pt>
                <c:pt idx="1949">
                  <c:v>41596</c:v>
                </c:pt>
                <c:pt idx="1950">
                  <c:v>41597</c:v>
                </c:pt>
                <c:pt idx="1951">
                  <c:v>41599</c:v>
                </c:pt>
                <c:pt idx="1952">
                  <c:v>41600</c:v>
                </c:pt>
                <c:pt idx="1953">
                  <c:v>41603</c:v>
                </c:pt>
                <c:pt idx="1954">
                  <c:v>41604</c:v>
                </c:pt>
                <c:pt idx="1955">
                  <c:v>41605</c:v>
                </c:pt>
                <c:pt idx="1956">
                  <c:v>41606</c:v>
                </c:pt>
                <c:pt idx="1957">
                  <c:v>41607</c:v>
                </c:pt>
                <c:pt idx="1958">
                  <c:v>41610</c:v>
                </c:pt>
                <c:pt idx="1959">
                  <c:v>41611</c:v>
                </c:pt>
                <c:pt idx="1960">
                  <c:v>41612</c:v>
                </c:pt>
                <c:pt idx="1961">
                  <c:v>41613</c:v>
                </c:pt>
                <c:pt idx="1962">
                  <c:v>41614</c:v>
                </c:pt>
                <c:pt idx="1963">
                  <c:v>41617</c:v>
                </c:pt>
                <c:pt idx="1964">
                  <c:v>41618</c:v>
                </c:pt>
                <c:pt idx="1965">
                  <c:v>41619</c:v>
                </c:pt>
                <c:pt idx="1966">
                  <c:v>41620</c:v>
                </c:pt>
                <c:pt idx="1967">
                  <c:v>41621</c:v>
                </c:pt>
                <c:pt idx="1968">
                  <c:v>41624</c:v>
                </c:pt>
                <c:pt idx="1969">
                  <c:v>41625</c:v>
                </c:pt>
                <c:pt idx="1970">
                  <c:v>41626</c:v>
                </c:pt>
                <c:pt idx="1971">
                  <c:v>41627</c:v>
                </c:pt>
                <c:pt idx="1972">
                  <c:v>41628</c:v>
                </c:pt>
                <c:pt idx="1973">
                  <c:v>41631</c:v>
                </c:pt>
                <c:pt idx="1974">
                  <c:v>41634</c:v>
                </c:pt>
                <c:pt idx="1975">
                  <c:v>41635</c:v>
                </c:pt>
                <c:pt idx="1976">
                  <c:v>41638</c:v>
                </c:pt>
                <c:pt idx="1977">
                  <c:v>41641</c:v>
                </c:pt>
                <c:pt idx="1978">
                  <c:v>41642</c:v>
                </c:pt>
                <c:pt idx="1979">
                  <c:v>41645</c:v>
                </c:pt>
                <c:pt idx="1980">
                  <c:v>41646</c:v>
                </c:pt>
                <c:pt idx="1981">
                  <c:v>41647</c:v>
                </c:pt>
                <c:pt idx="1982">
                  <c:v>41648</c:v>
                </c:pt>
                <c:pt idx="1983">
                  <c:v>41649</c:v>
                </c:pt>
                <c:pt idx="1984">
                  <c:v>41652</c:v>
                </c:pt>
                <c:pt idx="1985">
                  <c:v>41653</c:v>
                </c:pt>
                <c:pt idx="1986">
                  <c:v>41654</c:v>
                </c:pt>
                <c:pt idx="1987">
                  <c:v>41655</c:v>
                </c:pt>
                <c:pt idx="1988">
                  <c:v>41656</c:v>
                </c:pt>
                <c:pt idx="1989">
                  <c:v>41659</c:v>
                </c:pt>
                <c:pt idx="1990">
                  <c:v>41660</c:v>
                </c:pt>
                <c:pt idx="1991">
                  <c:v>41661</c:v>
                </c:pt>
                <c:pt idx="1992">
                  <c:v>41662</c:v>
                </c:pt>
                <c:pt idx="1993">
                  <c:v>41663</c:v>
                </c:pt>
                <c:pt idx="1994">
                  <c:v>41666</c:v>
                </c:pt>
                <c:pt idx="1995">
                  <c:v>41667</c:v>
                </c:pt>
                <c:pt idx="1996">
                  <c:v>41668</c:v>
                </c:pt>
                <c:pt idx="1997">
                  <c:v>41669</c:v>
                </c:pt>
                <c:pt idx="1998">
                  <c:v>41670</c:v>
                </c:pt>
                <c:pt idx="1999">
                  <c:v>41673</c:v>
                </c:pt>
                <c:pt idx="2000">
                  <c:v>41674</c:v>
                </c:pt>
                <c:pt idx="2001">
                  <c:v>41675</c:v>
                </c:pt>
                <c:pt idx="2002">
                  <c:v>41676</c:v>
                </c:pt>
                <c:pt idx="2003">
                  <c:v>41677</c:v>
                </c:pt>
                <c:pt idx="2004">
                  <c:v>41680</c:v>
                </c:pt>
                <c:pt idx="2005">
                  <c:v>41681</c:v>
                </c:pt>
                <c:pt idx="2006">
                  <c:v>41682</c:v>
                </c:pt>
                <c:pt idx="2007">
                  <c:v>41683</c:v>
                </c:pt>
                <c:pt idx="2008">
                  <c:v>41684</c:v>
                </c:pt>
                <c:pt idx="2009">
                  <c:v>41687</c:v>
                </c:pt>
                <c:pt idx="2010">
                  <c:v>41688</c:v>
                </c:pt>
                <c:pt idx="2011">
                  <c:v>41689</c:v>
                </c:pt>
                <c:pt idx="2012">
                  <c:v>41690</c:v>
                </c:pt>
                <c:pt idx="2013">
                  <c:v>41691</c:v>
                </c:pt>
                <c:pt idx="2014">
                  <c:v>41694</c:v>
                </c:pt>
                <c:pt idx="2015">
                  <c:v>41695</c:v>
                </c:pt>
                <c:pt idx="2016">
                  <c:v>41696</c:v>
                </c:pt>
                <c:pt idx="2017">
                  <c:v>41697</c:v>
                </c:pt>
                <c:pt idx="2018">
                  <c:v>41698</c:v>
                </c:pt>
                <c:pt idx="2019">
                  <c:v>41703</c:v>
                </c:pt>
                <c:pt idx="2020">
                  <c:v>41704</c:v>
                </c:pt>
                <c:pt idx="2021">
                  <c:v>41705</c:v>
                </c:pt>
                <c:pt idx="2022">
                  <c:v>41708</c:v>
                </c:pt>
                <c:pt idx="2023">
                  <c:v>41709</c:v>
                </c:pt>
                <c:pt idx="2024">
                  <c:v>41710</c:v>
                </c:pt>
                <c:pt idx="2025">
                  <c:v>41711</c:v>
                </c:pt>
                <c:pt idx="2026">
                  <c:v>41712</c:v>
                </c:pt>
                <c:pt idx="2027">
                  <c:v>41715</c:v>
                </c:pt>
                <c:pt idx="2028">
                  <c:v>41716</c:v>
                </c:pt>
                <c:pt idx="2029">
                  <c:v>41717</c:v>
                </c:pt>
                <c:pt idx="2030">
                  <c:v>41718</c:v>
                </c:pt>
                <c:pt idx="2031">
                  <c:v>41719</c:v>
                </c:pt>
                <c:pt idx="2032">
                  <c:v>41722</c:v>
                </c:pt>
                <c:pt idx="2033">
                  <c:v>41723</c:v>
                </c:pt>
                <c:pt idx="2034">
                  <c:v>41724</c:v>
                </c:pt>
                <c:pt idx="2035">
                  <c:v>41725</c:v>
                </c:pt>
                <c:pt idx="2036">
                  <c:v>41726</c:v>
                </c:pt>
                <c:pt idx="2037">
                  <c:v>41729</c:v>
                </c:pt>
                <c:pt idx="2038">
                  <c:v>41730</c:v>
                </c:pt>
                <c:pt idx="2039">
                  <c:v>41731</c:v>
                </c:pt>
                <c:pt idx="2040">
                  <c:v>41732</c:v>
                </c:pt>
                <c:pt idx="2041">
                  <c:v>41733</c:v>
                </c:pt>
                <c:pt idx="2042">
                  <c:v>41736</c:v>
                </c:pt>
                <c:pt idx="2043">
                  <c:v>41737</c:v>
                </c:pt>
                <c:pt idx="2044">
                  <c:v>41738</c:v>
                </c:pt>
                <c:pt idx="2045">
                  <c:v>41739</c:v>
                </c:pt>
                <c:pt idx="2046">
                  <c:v>41740</c:v>
                </c:pt>
                <c:pt idx="2047">
                  <c:v>41743</c:v>
                </c:pt>
                <c:pt idx="2048">
                  <c:v>41744</c:v>
                </c:pt>
                <c:pt idx="2049">
                  <c:v>41745</c:v>
                </c:pt>
                <c:pt idx="2050">
                  <c:v>41746</c:v>
                </c:pt>
                <c:pt idx="2051">
                  <c:v>41751</c:v>
                </c:pt>
                <c:pt idx="2052">
                  <c:v>41752</c:v>
                </c:pt>
                <c:pt idx="2053">
                  <c:v>41753</c:v>
                </c:pt>
                <c:pt idx="2054">
                  <c:v>41754</c:v>
                </c:pt>
                <c:pt idx="2055">
                  <c:v>41757</c:v>
                </c:pt>
                <c:pt idx="2056">
                  <c:v>41758</c:v>
                </c:pt>
                <c:pt idx="2057">
                  <c:v>41759</c:v>
                </c:pt>
                <c:pt idx="2058">
                  <c:v>41761</c:v>
                </c:pt>
                <c:pt idx="2059">
                  <c:v>41764</c:v>
                </c:pt>
                <c:pt idx="2060">
                  <c:v>41765</c:v>
                </c:pt>
                <c:pt idx="2061">
                  <c:v>41766</c:v>
                </c:pt>
                <c:pt idx="2062">
                  <c:v>41767</c:v>
                </c:pt>
                <c:pt idx="2063">
                  <c:v>41768</c:v>
                </c:pt>
                <c:pt idx="2064">
                  <c:v>41771</c:v>
                </c:pt>
                <c:pt idx="2065">
                  <c:v>41772</c:v>
                </c:pt>
                <c:pt idx="2066">
                  <c:v>41773</c:v>
                </c:pt>
                <c:pt idx="2067">
                  <c:v>41774</c:v>
                </c:pt>
                <c:pt idx="2068">
                  <c:v>41775</c:v>
                </c:pt>
                <c:pt idx="2069">
                  <c:v>41778</c:v>
                </c:pt>
                <c:pt idx="2070">
                  <c:v>41779</c:v>
                </c:pt>
                <c:pt idx="2071">
                  <c:v>41780</c:v>
                </c:pt>
                <c:pt idx="2072">
                  <c:v>41781</c:v>
                </c:pt>
                <c:pt idx="2073">
                  <c:v>41782</c:v>
                </c:pt>
                <c:pt idx="2074">
                  <c:v>41785</c:v>
                </c:pt>
                <c:pt idx="2075">
                  <c:v>41786</c:v>
                </c:pt>
                <c:pt idx="2076">
                  <c:v>41787</c:v>
                </c:pt>
                <c:pt idx="2077">
                  <c:v>41788</c:v>
                </c:pt>
                <c:pt idx="2078">
                  <c:v>41789</c:v>
                </c:pt>
                <c:pt idx="2079">
                  <c:v>41792</c:v>
                </c:pt>
                <c:pt idx="2080">
                  <c:v>41793</c:v>
                </c:pt>
                <c:pt idx="2081">
                  <c:v>41794</c:v>
                </c:pt>
                <c:pt idx="2082">
                  <c:v>41795</c:v>
                </c:pt>
                <c:pt idx="2083">
                  <c:v>41796</c:v>
                </c:pt>
                <c:pt idx="2084">
                  <c:v>41799</c:v>
                </c:pt>
                <c:pt idx="2085">
                  <c:v>41800</c:v>
                </c:pt>
                <c:pt idx="2086">
                  <c:v>41801</c:v>
                </c:pt>
                <c:pt idx="2087">
                  <c:v>41803</c:v>
                </c:pt>
                <c:pt idx="2088">
                  <c:v>41806</c:v>
                </c:pt>
                <c:pt idx="2089">
                  <c:v>41807</c:v>
                </c:pt>
                <c:pt idx="2090">
                  <c:v>41808</c:v>
                </c:pt>
                <c:pt idx="2091">
                  <c:v>41810</c:v>
                </c:pt>
                <c:pt idx="2092">
                  <c:v>41813</c:v>
                </c:pt>
                <c:pt idx="2093">
                  <c:v>41814</c:v>
                </c:pt>
                <c:pt idx="2094">
                  <c:v>41815</c:v>
                </c:pt>
                <c:pt idx="2095">
                  <c:v>41816</c:v>
                </c:pt>
                <c:pt idx="2096">
                  <c:v>41817</c:v>
                </c:pt>
                <c:pt idx="2097">
                  <c:v>41820</c:v>
                </c:pt>
                <c:pt idx="2098">
                  <c:v>41821</c:v>
                </c:pt>
                <c:pt idx="2099">
                  <c:v>41822</c:v>
                </c:pt>
                <c:pt idx="2100">
                  <c:v>41823</c:v>
                </c:pt>
                <c:pt idx="2101">
                  <c:v>41824</c:v>
                </c:pt>
                <c:pt idx="2102">
                  <c:v>41827</c:v>
                </c:pt>
                <c:pt idx="2103">
                  <c:v>41828</c:v>
                </c:pt>
                <c:pt idx="2104">
                  <c:v>41830</c:v>
                </c:pt>
                <c:pt idx="2105">
                  <c:v>41831</c:v>
                </c:pt>
                <c:pt idx="2106">
                  <c:v>41834</c:v>
                </c:pt>
                <c:pt idx="2107">
                  <c:v>41835</c:v>
                </c:pt>
                <c:pt idx="2108">
                  <c:v>41836</c:v>
                </c:pt>
                <c:pt idx="2109">
                  <c:v>41837</c:v>
                </c:pt>
                <c:pt idx="2110">
                  <c:v>41838</c:v>
                </c:pt>
                <c:pt idx="2111">
                  <c:v>41841</c:v>
                </c:pt>
                <c:pt idx="2112">
                  <c:v>41842</c:v>
                </c:pt>
                <c:pt idx="2113">
                  <c:v>41843</c:v>
                </c:pt>
                <c:pt idx="2114">
                  <c:v>41844</c:v>
                </c:pt>
                <c:pt idx="2115">
                  <c:v>41845</c:v>
                </c:pt>
                <c:pt idx="2116">
                  <c:v>41848</c:v>
                </c:pt>
                <c:pt idx="2117">
                  <c:v>41849</c:v>
                </c:pt>
                <c:pt idx="2118">
                  <c:v>41850</c:v>
                </c:pt>
                <c:pt idx="2119">
                  <c:v>41851</c:v>
                </c:pt>
                <c:pt idx="2120">
                  <c:v>41852</c:v>
                </c:pt>
                <c:pt idx="2121">
                  <c:v>41855</c:v>
                </c:pt>
                <c:pt idx="2122">
                  <c:v>41856</c:v>
                </c:pt>
                <c:pt idx="2123">
                  <c:v>41857</c:v>
                </c:pt>
                <c:pt idx="2124">
                  <c:v>41858</c:v>
                </c:pt>
                <c:pt idx="2125">
                  <c:v>41859</c:v>
                </c:pt>
                <c:pt idx="2126">
                  <c:v>41862</c:v>
                </c:pt>
                <c:pt idx="2127">
                  <c:v>41863</c:v>
                </c:pt>
                <c:pt idx="2128">
                  <c:v>41864</c:v>
                </c:pt>
                <c:pt idx="2129">
                  <c:v>41865</c:v>
                </c:pt>
                <c:pt idx="2130">
                  <c:v>41866</c:v>
                </c:pt>
                <c:pt idx="2131">
                  <c:v>41869</c:v>
                </c:pt>
                <c:pt idx="2132">
                  <c:v>41870</c:v>
                </c:pt>
                <c:pt idx="2133">
                  <c:v>41871</c:v>
                </c:pt>
                <c:pt idx="2134">
                  <c:v>41872</c:v>
                </c:pt>
                <c:pt idx="2135">
                  <c:v>41873</c:v>
                </c:pt>
                <c:pt idx="2136">
                  <c:v>41876</c:v>
                </c:pt>
                <c:pt idx="2137">
                  <c:v>41877</c:v>
                </c:pt>
                <c:pt idx="2138">
                  <c:v>41878</c:v>
                </c:pt>
                <c:pt idx="2139">
                  <c:v>41879</c:v>
                </c:pt>
                <c:pt idx="2140">
                  <c:v>41880</c:v>
                </c:pt>
                <c:pt idx="2141">
                  <c:v>41883</c:v>
                </c:pt>
                <c:pt idx="2142">
                  <c:v>41884</c:v>
                </c:pt>
                <c:pt idx="2143">
                  <c:v>41885</c:v>
                </c:pt>
                <c:pt idx="2144">
                  <c:v>41886</c:v>
                </c:pt>
                <c:pt idx="2145">
                  <c:v>41887</c:v>
                </c:pt>
                <c:pt idx="2146">
                  <c:v>41890</c:v>
                </c:pt>
                <c:pt idx="2147">
                  <c:v>41891</c:v>
                </c:pt>
                <c:pt idx="2148">
                  <c:v>41892</c:v>
                </c:pt>
                <c:pt idx="2149">
                  <c:v>41893</c:v>
                </c:pt>
                <c:pt idx="2150">
                  <c:v>41894</c:v>
                </c:pt>
                <c:pt idx="2151">
                  <c:v>41897</c:v>
                </c:pt>
                <c:pt idx="2152">
                  <c:v>41898</c:v>
                </c:pt>
                <c:pt idx="2153">
                  <c:v>41899</c:v>
                </c:pt>
                <c:pt idx="2154">
                  <c:v>41900</c:v>
                </c:pt>
                <c:pt idx="2155">
                  <c:v>41901</c:v>
                </c:pt>
                <c:pt idx="2156">
                  <c:v>41904</c:v>
                </c:pt>
                <c:pt idx="2157">
                  <c:v>41905</c:v>
                </c:pt>
                <c:pt idx="2158">
                  <c:v>41906</c:v>
                </c:pt>
                <c:pt idx="2159">
                  <c:v>41907</c:v>
                </c:pt>
                <c:pt idx="2160">
                  <c:v>41908</c:v>
                </c:pt>
                <c:pt idx="2161">
                  <c:v>41911</c:v>
                </c:pt>
                <c:pt idx="2162">
                  <c:v>41912</c:v>
                </c:pt>
                <c:pt idx="2163">
                  <c:v>41913</c:v>
                </c:pt>
                <c:pt idx="2164">
                  <c:v>41914</c:v>
                </c:pt>
                <c:pt idx="2165">
                  <c:v>41915</c:v>
                </c:pt>
                <c:pt idx="2166">
                  <c:v>41918</c:v>
                </c:pt>
                <c:pt idx="2167">
                  <c:v>41919</c:v>
                </c:pt>
                <c:pt idx="2168">
                  <c:v>41920</c:v>
                </c:pt>
                <c:pt idx="2169">
                  <c:v>41921</c:v>
                </c:pt>
                <c:pt idx="2170">
                  <c:v>41922</c:v>
                </c:pt>
                <c:pt idx="2171">
                  <c:v>41925</c:v>
                </c:pt>
                <c:pt idx="2172">
                  <c:v>41926</c:v>
                </c:pt>
                <c:pt idx="2173">
                  <c:v>41927</c:v>
                </c:pt>
                <c:pt idx="2174">
                  <c:v>41928</c:v>
                </c:pt>
                <c:pt idx="2175">
                  <c:v>41929</c:v>
                </c:pt>
                <c:pt idx="2176">
                  <c:v>41932</c:v>
                </c:pt>
                <c:pt idx="2177">
                  <c:v>41933</c:v>
                </c:pt>
                <c:pt idx="2178">
                  <c:v>41934</c:v>
                </c:pt>
                <c:pt idx="2179">
                  <c:v>41935</c:v>
                </c:pt>
                <c:pt idx="2180">
                  <c:v>41936</c:v>
                </c:pt>
                <c:pt idx="2181">
                  <c:v>41939</c:v>
                </c:pt>
                <c:pt idx="2182">
                  <c:v>41940</c:v>
                </c:pt>
                <c:pt idx="2183">
                  <c:v>41941</c:v>
                </c:pt>
                <c:pt idx="2184">
                  <c:v>41942</c:v>
                </c:pt>
                <c:pt idx="2185">
                  <c:v>41943</c:v>
                </c:pt>
                <c:pt idx="2186">
                  <c:v>41946</c:v>
                </c:pt>
                <c:pt idx="2187">
                  <c:v>41947</c:v>
                </c:pt>
                <c:pt idx="2188">
                  <c:v>41948</c:v>
                </c:pt>
                <c:pt idx="2189">
                  <c:v>41949</c:v>
                </c:pt>
                <c:pt idx="2190">
                  <c:v>41950</c:v>
                </c:pt>
                <c:pt idx="2191">
                  <c:v>41953</c:v>
                </c:pt>
                <c:pt idx="2192">
                  <c:v>41954</c:v>
                </c:pt>
                <c:pt idx="2193">
                  <c:v>41955</c:v>
                </c:pt>
                <c:pt idx="2194">
                  <c:v>41956</c:v>
                </c:pt>
                <c:pt idx="2195">
                  <c:v>41957</c:v>
                </c:pt>
                <c:pt idx="2196">
                  <c:v>41960</c:v>
                </c:pt>
                <c:pt idx="2197">
                  <c:v>41961</c:v>
                </c:pt>
                <c:pt idx="2198">
                  <c:v>41962</c:v>
                </c:pt>
                <c:pt idx="2199">
                  <c:v>41964</c:v>
                </c:pt>
                <c:pt idx="2200">
                  <c:v>41967</c:v>
                </c:pt>
                <c:pt idx="2201">
                  <c:v>41968</c:v>
                </c:pt>
                <c:pt idx="2202">
                  <c:v>41969</c:v>
                </c:pt>
                <c:pt idx="2203">
                  <c:v>41970</c:v>
                </c:pt>
                <c:pt idx="2204">
                  <c:v>41971</c:v>
                </c:pt>
                <c:pt idx="2205">
                  <c:v>41974</c:v>
                </c:pt>
                <c:pt idx="2206">
                  <c:v>41975</c:v>
                </c:pt>
                <c:pt idx="2207">
                  <c:v>41976</c:v>
                </c:pt>
                <c:pt idx="2208">
                  <c:v>41977</c:v>
                </c:pt>
                <c:pt idx="2209">
                  <c:v>41978</c:v>
                </c:pt>
                <c:pt idx="2210">
                  <c:v>41981</c:v>
                </c:pt>
                <c:pt idx="2211">
                  <c:v>41982</c:v>
                </c:pt>
                <c:pt idx="2212">
                  <c:v>41983</c:v>
                </c:pt>
                <c:pt idx="2213">
                  <c:v>41984</c:v>
                </c:pt>
                <c:pt idx="2214">
                  <c:v>41985</c:v>
                </c:pt>
                <c:pt idx="2215">
                  <c:v>41988</c:v>
                </c:pt>
                <c:pt idx="2216">
                  <c:v>41989</c:v>
                </c:pt>
                <c:pt idx="2217">
                  <c:v>41990</c:v>
                </c:pt>
                <c:pt idx="2218">
                  <c:v>41991</c:v>
                </c:pt>
                <c:pt idx="2219">
                  <c:v>41992</c:v>
                </c:pt>
                <c:pt idx="2220">
                  <c:v>41995</c:v>
                </c:pt>
                <c:pt idx="2221">
                  <c:v>41996</c:v>
                </c:pt>
                <c:pt idx="2222">
                  <c:v>41999</c:v>
                </c:pt>
                <c:pt idx="2223">
                  <c:v>42002</c:v>
                </c:pt>
                <c:pt idx="2224">
                  <c:v>42003</c:v>
                </c:pt>
                <c:pt idx="2225">
                  <c:v>42006</c:v>
                </c:pt>
                <c:pt idx="2226">
                  <c:v>42009</c:v>
                </c:pt>
                <c:pt idx="2227">
                  <c:v>42010</c:v>
                </c:pt>
                <c:pt idx="2228">
                  <c:v>42011</c:v>
                </c:pt>
                <c:pt idx="2229">
                  <c:v>42012</c:v>
                </c:pt>
                <c:pt idx="2230">
                  <c:v>42013</c:v>
                </c:pt>
                <c:pt idx="2231">
                  <c:v>42016</c:v>
                </c:pt>
                <c:pt idx="2232">
                  <c:v>42017</c:v>
                </c:pt>
                <c:pt idx="2233">
                  <c:v>42018</c:v>
                </c:pt>
                <c:pt idx="2234">
                  <c:v>42019</c:v>
                </c:pt>
                <c:pt idx="2235">
                  <c:v>42020</c:v>
                </c:pt>
                <c:pt idx="2236">
                  <c:v>42023</c:v>
                </c:pt>
                <c:pt idx="2237">
                  <c:v>42024</c:v>
                </c:pt>
                <c:pt idx="2238">
                  <c:v>42025</c:v>
                </c:pt>
                <c:pt idx="2239">
                  <c:v>42026</c:v>
                </c:pt>
                <c:pt idx="2240">
                  <c:v>42027</c:v>
                </c:pt>
                <c:pt idx="2241">
                  <c:v>42030</c:v>
                </c:pt>
                <c:pt idx="2242">
                  <c:v>42031</c:v>
                </c:pt>
                <c:pt idx="2243">
                  <c:v>42032</c:v>
                </c:pt>
                <c:pt idx="2244">
                  <c:v>42033</c:v>
                </c:pt>
                <c:pt idx="2245">
                  <c:v>42034</c:v>
                </c:pt>
                <c:pt idx="2246">
                  <c:v>42037</c:v>
                </c:pt>
                <c:pt idx="2247">
                  <c:v>42038</c:v>
                </c:pt>
                <c:pt idx="2248">
                  <c:v>42039</c:v>
                </c:pt>
                <c:pt idx="2249">
                  <c:v>42040</c:v>
                </c:pt>
                <c:pt idx="2250">
                  <c:v>42041</c:v>
                </c:pt>
                <c:pt idx="2251">
                  <c:v>42044</c:v>
                </c:pt>
                <c:pt idx="2252">
                  <c:v>42045</c:v>
                </c:pt>
                <c:pt idx="2253">
                  <c:v>42046</c:v>
                </c:pt>
                <c:pt idx="2254">
                  <c:v>42047</c:v>
                </c:pt>
                <c:pt idx="2255">
                  <c:v>42048</c:v>
                </c:pt>
                <c:pt idx="2256">
                  <c:v>42053</c:v>
                </c:pt>
                <c:pt idx="2257">
                  <c:v>42054</c:v>
                </c:pt>
                <c:pt idx="2258">
                  <c:v>42055</c:v>
                </c:pt>
                <c:pt idx="2259">
                  <c:v>42058</c:v>
                </c:pt>
                <c:pt idx="2260">
                  <c:v>42059</c:v>
                </c:pt>
                <c:pt idx="2261">
                  <c:v>42060</c:v>
                </c:pt>
                <c:pt idx="2262">
                  <c:v>42061</c:v>
                </c:pt>
                <c:pt idx="2263">
                  <c:v>42062</c:v>
                </c:pt>
                <c:pt idx="2264">
                  <c:v>42065</c:v>
                </c:pt>
                <c:pt idx="2265">
                  <c:v>42066</c:v>
                </c:pt>
                <c:pt idx="2266">
                  <c:v>42067</c:v>
                </c:pt>
                <c:pt idx="2267">
                  <c:v>42068</c:v>
                </c:pt>
                <c:pt idx="2268">
                  <c:v>42069</c:v>
                </c:pt>
                <c:pt idx="2269">
                  <c:v>42072</c:v>
                </c:pt>
                <c:pt idx="2270">
                  <c:v>42073</c:v>
                </c:pt>
                <c:pt idx="2271">
                  <c:v>42074</c:v>
                </c:pt>
                <c:pt idx="2272">
                  <c:v>42075</c:v>
                </c:pt>
                <c:pt idx="2273">
                  <c:v>42076</c:v>
                </c:pt>
                <c:pt idx="2274">
                  <c:v>42079</c:v>
                </c:pt>
                <c:pt idx="2275">
                  <c:v>42080</c:v>
                </c:pt>
                <c:pt idx="2276">
                  <c:v>42081</c:v>
                </c:pt>
                <c:pt idx="2277">
                  <c:v>42082</c:v>
                </c:pt>
                <c:pt idx="2278">
                  <c:v>42083</c:v>
                </c:pt>
                <c:pt idx="2279">
                  <c:v>42086</c:v>
                </c:pt>
                <c:pt idx="2280">
                  <c:v>42087</c:v>
                </c:pt>
                <c:pt idx="2281">
                  <c:v>42088</c:v>
                </c:pt>
                <c:pt idx="2282">
                  <c:v>42089</c:v>
                </c:pt>
                <c:pt idx="2283">
                  <c:v>42090</c:v>
                </c:pt>
                <c:pt idx="2284">
                  <c:v>42093</c:v>
                </c:pt>
                <c:pt idx="2285">
                  <c:v>42094</c:v>
                </c:pt>
                <c:pt idx="2286">
                  <c:v>42095</c:v>
                </c:pt>
                <c:pt idx="2287">
                  <c:v>42096</c:v>
                </c:pt>
                <c:pt idx="2288">
                  <c:v>42100</c:v>
                </c:pt>
                <c:pt idx="2289">
                  <c:v>42101</c:v>
                </c:pt>
                <c:pt idx="2290">
                  <c:v>42102</c:v>
                </c:pt>
                <c:pt idx="2291">
                  <c:v>42103</c:v>
                </c:pt>
                <c:pt idx="2292">
                  <c:v>42104</c:v>
                </c:pt>
                <c:pt idx="2293">
                  <c:v>42107</c:v>
                </c:pt>
                <c:pt idx="2294">
                  <c:v>42108</c:v>
                </c:pt>
                <c:pt idx="2295">
                  <c:v>42109</c:v>
                </c:pt>
                <c:pt idx="2296">
                  <c:v>42110</c:v>
                </c:pt>
                <c:pt idx="2297">
                  <c:v>42111</c:v>
                </c:pt>
                <c:pt idx="2298">
                  <c:v>42114</c:v>
                </c:pt>
                <c:pt idx="2299">
                  <c:v>42116</c:v>
                </c:pt>
                <c:pt idx="2300">
                  <c:v>42117</c:v>
                </c:pt>
                <c:pt idx="2301">
                  <c:v>42118</c:v>
                </c:pt>
                <c:pt idx="2302">
                  <c:v>42121</c:v>
                </c:pt>
                <c:pt idx="2303">
                  <c:v>42122</c:v>
                </c:pt>
                <c:pt idx="2304">
                  <c:v>42123</c:v>
                </c:pt>
                <c:pt idx="2305">
                  <c:v>42124</c:v>
                </c:pt>
                <c:pt idx="2306">
                  <c:v>42128</c:v>
                </c:pt>
                <c:pt idx="2307">
                  <c:v>42129</c:v>
                </c:pt>
                <c:pt idx="2308">
                  <c:v>42130</c:v>
                </c:pt>
                <c:pt idx="2309">
                  <c:v>42131</c:v>
                </c:pt>
                <c:pt idx="2310">
                  <c:v>42132</c:v>
                </c:pt>
                <c:pt idx="2311">
                  <c:v>42135</c:v>
                </c:pt>
                <c:pt idx="2312">
                  <c:v>42136</c:v>
                </c:pt>
                <c:pt idx="2313">
                  <c:v>42137</c:v>
                </c:pt>
                <c:pt idx="2314">
                  <c:v>42138</c:v>
                </c:pt>
                <c:pt idx="2315">
                  <c:v>42139</c:v>
                </c:pt>
                <c:pt idx="2316">
                  <c:v>42142</c:v>
                </c:pt>
                <c:pt idx="2317">
                  <c:v>42143</c:v>
                </c:pt>
                <c:pt idx="2318">
                  <c:v>42144</c:v>
                </c:pt>
                <c:pt idx="2319">
                  <c:v>42145</c:v>
                </c:pt>
                <c:pt idx="2320">
                  <c:v>42146</c:v>
                </c:pt>
                <c:pt idx="2321">
                  <c:v>42149</c:v>
                </c:pt>
                <c:pt idx="2322">
                  <c:v>42150</c:v>
                </c:pt>
                <c:pt idx="2323">
                  <c:v>42151</c:v>
                </c:pt>
                <c:pt idx="2324">
                  <c:v>42152</c:v>
                </c:pt>
                <c:pt idx="2325">
                  <c:v>42153</c:v>
                </c:pt>
                <c:pt idx="2326">
                  <c:v>42156</c:v>
                </c:pt>
                <c:pt idx="2327">
                  <c:v>42157</c:v>
                </c:pt>
                <c:pt idx="2328">
                  <c:v>42158</c:v>
                </c:pt>
                <c:pt idx="2329">
                  <c:v>42160</c:v>
                </c:pt>
                <c:pt idx="2330">
                  <c:v>42163</c:v>
                </c:pt>
                <c:pt idx="2331">
                  <c:v>42164</c:v>
                </c:pt>
                <c:pt idx="2332">
                  <c:v>42165</c:v>
                </c:pt>
                <c:pt idx="2333">
                  <c:v>42166</c:v>
                </c:pt>
                <c:pt idx="2334">
                  <c:v>42167</c:v>
                </c:pt>
                <c:pt idx="2335">
                  <c:v>42170</c:v>
                </c:pt>
                <c:pt idx="2336">
                  <c:v>42171</c:v>
                </c:pt>
                <c:pt idx="2337">
                  <c:v>42172</c:v>
                </c:pt>
                <c:pt idx="2338">
                  <c:v>42173</c:v>
                </c:pt>
                <c:pt idx="2339">
                  <c:v>42174</c:v>
                </c:pt>
                <c:pt idx="2340">
                  <c:v>42177</c:v>
                </c:pt>
                <c:pt idx="2341">
                  <c:v>42178</c:v>
                </c:pt>
                <c:pt idx="2342">
                  <c:v>42179</c:v>
                </c:pt>
                <c:pt idx="2343">
                  <c:v>42180</c:v>
                </c:pt>
                <c:pt idx="2344">
                  <c:v>42181</c:v>
                </c:pt>
                <c:pt idx="2345">
                  <c:v>42184</c:v>
                </c:pt>
                <c:pt idx="2346">
                  <c:v>42185</c:v>
                </c:pt>
                <c:pt idx="2347">
                  <c:v>42186</c:v>
                </c:pt>
                <c:pt idx="2348">
                  <c:v>42187</c:v>
                </c:pt>
                <c:pt idx="2349">
                  <c:v>42188</c:v>
                </c:pt>
                <c:pt idx="2350">
                  <c:v>42191</c:v>
                </c:pt>
                <c:pt idx="2351">
                  <c:v>42192</c:v>
                </c:pt>
                <c:pt idx="2352">
                  <c:v>42193</c:v>
                </c:pt>
                <c:pt idx="2353">
                  <c:v>42195</c:v>
                </c:pt>
                <c:pt idx="2354">
                  <c:v>42198</c:v>
                </c:pt>
                <c:pt idx="2355">
                  <c:v>42199</c:v>
                </c:pt>
                <c:pt idx="2356">
                  <c:v>42200</c:v>
                </c:pt>
                <c:pt idx="2357">
                  <c:v>42201</c:v>
                </c:pt>
                <c:pt idx="2358">
                  <c:v>42202</c:v>
                </c:pt>
                <c:pt idx="2359">
                  <c:v>42205</c:v>
                </c:pt>
                <c:pt idx="2360">
                  <c:v>42206</c:v>
                </c:pt>
                <c:pt idx="2361">
                  <c:v>42207</c:v>
                </c:pt>
                <c:pt idx="2362">
                  <c:v>42208</c:v>
                </c:pt>
                <c:pt idx="2363">
                  <c:v>42209</c:v>
                </c:pt>
                <c:pt idx="2364">
                  <c:v>42212</c:v>
                </c:pt>
                <c:pt idx="2365">
                  <c:v>42213</c:v>
                </c:pt>
                <c:pt idx="2366">
                  <c:v>42214</c:v>
                </c:pt>
                <c:pt idx="2367">
                  <c:v>42215</c:v>
                </c:pt>
                <c:pt idx="2368">
                  <c:v>42216</c:v>
                </c:pt>
                <c:pt idx="2369">
                  <c:v>42219</c:v>
                </c:pt>
                <c:pt idx="2370">
                  <c:v>42220</c:v>
                </c:pt>
                <c:pt idx="2371">
                  <c:v>42221</c:v>
                </c:pt>
                <c:pt idx="2372">
                  <c:v>42222</c:v>
                </c:pt>
                <c:pt idx="2373">
                  <c:v>42223</c:v>
                </c:pt>
                <c:pt idx="2374">
                  <c:v>42226</c:v>
                </c:pt>
                <c:pt idx="2375">
                  <c:v>42227</c:v>
                </c:pt>
                <c:pt idx="2376">
                  <c:v>42228</c:v>
                </c:pt>
                <c:pt idx="2377">
                  <c:v>42229</c:v>
                </c:pt>
                <c:pt idx="2378">
                  <c:v>42230</c:v>
                </c:pt>
                <c:pt idx="2379">
                  <c:v>42233</c:v>
                </c:pt>
                <c:pt idx="2380">
                  <c:v>42234</c:v>
                </c:pt>
                <c:pt idx="2381">
                  <c:v>42235</c:v>
                </c:pt>
                <c:pt idx="2382">
                  <c:v>42236</c:v>
                </c:pt>
                <c:pt idx="2383">
                  <c:v>42237</c:v>
                </c:pt>
                <c:pt idx="2384">
                  <c:v>42240</c:v>
                </c:pt>
                <c:pt idx="2385">
                  <c:v>42241</c:v>
                </c:pt>
                <c:pt idx="2386">
                  <c:v>42242</c:v>
                </c:pt>
                <c:pt idx="2387">
                  <c:v>42243</c:v>
                </c:pt>
                <c:pt idx="2388">
                  <c:v>42244</c:v>
                </c:pt>
                <c:pt idx="2389">
                  <c:v>42247</c:v>
                </c:pt>
                <c:pt idx="2390">
                  <c:v>42248</c:v>
                </c:pt>
                <c:pt idx="2391">
                  <c:v>42249</c:v>
                </c:pt>
                <c:pt idx="2392">
                  <c:v>42250</c:v>
                </c:pt>
                <c:pt idx="2393">
                  <c:v>42251</c:v>
                </c:pt>
                <c:pt idx="2394">
                  <c:v>42255</c:v>
                </c:pt>
                <c:pt idx="2395">
                  <c:v>42256</c:v>
                </c:pt>
                <c:pt idx="2396">
                  <c:v>42257</c:v>
                </c:pt>
                <c:pt idx="2397">
                  <c:v>42258</c:v>
                </c:pt>
                <c:pt idx="2398">
                  <c:v>42261</c:v>
                </c:pt>
                <c:pt idx="2399">
                  <c:v>42262</c:v>
                </c:pt>
                <c:pt idx="2400">
                  <c:v>42263</c:v>
                </c:pt>
                <c:pt idx="2401">
                  <c:v>42264</c:v>
                </c:pt>
                <c:pt idx="2402">
                  <c:v>42265</c:v>
                </c:pt>
                <c:pt idx="2403">
                  <c:v>42268</c:v>
                </c:pt>
                <c:pt idx="2404">
                  <c:v>42269</c:v>
                </c:pt>
                <c:pt idx="2405">
                  <c:v>42270</c:v>
                </c:pt>
                <c:pt idx="2406">
                  <c:v>42271</c:v>
                </c:pt>
                <c:pt idx="2407">
                  <c:v>42272</c:v>
                </c:pt>
                <c:pt idx="2408">
                  <c:v>42275</c:v>
                </c:pt>
                <c:pt idx="2409">
                  <c:v>42276</c:v>
                </c:pt>
                <c:pt idx="2410">
                  <c:v>42277</c:v>
                </c:pt>
                <c:pt idx="2411">
                  <c:v>42278</c:v>
                </c:pt>
                <c:pt idx="2412">
                  <c:v>42279</c:v>
                </c:pt>
                <c:pt idx="2413">
                  <c:v>42282</c:v>
                </c:pt>
                <c:pt idx="2414">
                  <c:v>42283</c:v>
                </c:pt>
                <c:pt idx="2415">
                  <c:v>42284</c:v>
                </c:pt>
                <c:pt idx="2416">
                  <c:v>42285</c:v>
                </c:pt>
                <c:pt idx="2417">
                  <c:v>42286</c:v>
                </c:pt>
                <c:pt idx="2418">
                  <c:v>42290</c:v>
                </c:pt>
                <c:pt idx="2419">
                  <c:v>42291</c:v>
                </c:pt>
                <c:pt idx="2420">
                  <c:v>42292</c:v>
                </c:pt>
                <c:pt idx="2421">
                  <c:v>42293</c:v>
                </c:pt>
                <c:pt idx="2422">
                  <c:v>42296</c:v>
                </c:pt>
                <c:pt idx="2423">
                  <c:v>42297</c:v>
                </c:pt>
                <c:pt idx="2424">
                  <c:v>42298</c:v>
                </c:pt>
                <c:pt idx="2425">
                  <c:v>42299</c:v>
                </c:pt>
                <c:pt idx="2426">
                  <c:v>42300</c:v>
                </c:pt>
                <c:pt idx="2427">
                  <c:v>42303</c:v>
                </c:pt>
                <c:pt idx="2428">
                  <c:v>42304</c:v>
                </c:pt>
                <c:pt idx="2429">
                  <c:v>42305</c:v>
                </c:pt>
                <c:pt idx="2430">
                  <c:v>42306</c:v>
                </c:pt>
                <c:pt idx="2431">
                  <c:v>42307</c:v>
                </c:pt>
                <c:pt idx="2432">
                  <c:v>42311</c:v>
                </c:pt>
                <c:pt idx="2433">
                  <c:v>42312</c:v>
                </c:pt>
                <c:pt idx="2434">
                  <c:v>42313</c:v>
                </c:pt>
                <c:pt idx="2435">
                  <c:v>42314</c:v>
                </c:pt>
                <c:pt idx="2436">
                  <c:v>42317</c:v>
                </c:pt>
                <c:pt idx="2437">
                  <c:v>42318</c:v>
                </c:pt>
                <c:pt idx="2438">
                  <c:v>42319</c:v>
                </c:pt>
                <c:pt idx="2439">
                  <c:v>42320</c:v>
                </c:pt>
                <c:pt idx="2440">
                  <c:v>42321</c:v>
                </c:pt>
                <c:pt idx="2441">
                  <c:v>42324</c:v>
                </c:pt>
                <c:pt idx="2442">
                  <c:v>42325</c:v>
                </c:pt>
                <c:pt idx="2443">
                  <c:v>42326</c:v>
                </c:pt>
                <c:pt idx="2444">
                  <c:v>42327</c:v>
                </c:pt>
                <c:pt idx="2445">
                  <c:v>42331</c:v>
                </c:pt>
                <c:pt idx="2446">
                  <c:v>42332</c:v>
                </c:pt>
                <c:pt idx="2447">
                  <c:v>42333</c:v>
                </c:pt>
                <c:pt idx="2448">
                  <c:v>42334</c:v>
                </c:pt>
                <c:pt idx="2449">
                  <c:v>42335</c:v>
                </c:pt>
                <c:pt idx="2450">
                  <c:v>42338</c:v>
                </c:pt>
                <c:pt idx="2451">
                  <c:v>42339</c:v>
                </c:pt>
                <c:pt idx="2452">
                  <c:v>42340</c:v>
                </c:pt>
                <c:pt idx="2453">
                  <c:v>42341</c:v>
                </c:pt>
                <c:pt idx="2454">
                  <c:v>42342</c:v>
                </c:pt>
                <c:pt idx="2455">
                  <c:v>42345</c:v>
                </c:pt>
                <c:pt idx="2456">
                  <c:v>42346</c:v>
                </c:pt>
                <c:pt idx="2457">
                  <c:v>42347</c:v>
                </c:pt>
                <c:pt idx="2458">
                  <c:v>42348</c:v>
                </c:pt>
                <c:pt idx="2459">
                  <c:v>42349</c:v>
                </c:pt>
                <c:pt idx="2460">
                  <c:v>42352</c:v>
                </c:pt>
                <c:pt idx="2461">
                  <c:v>42353</c:v>
                </c:pt>
                <c:pt idx="2462">
                  <c:v>42354</c:v>
                </c:pt>
                <c:pt idx="2463">
                  <c:v>42355</c:v>
                </c:pt>
                <c:pt idx="2464">
                  <c:v>42356</c:v>
                </c:pt>
                <c:pt idx="2465">
                  <c:v>42359</c:v>
                </c:pt>
                <c:pt idx="2466">
                  <c:v>42360</c:v>
                </c:pt>
                <c:pt idx="2467">
                  <c:v>42361</c:v>
                </c:pt>
                <c:pt idx="2468">
                  <c:v>42366</c:v>
                </c:pt>
                <c:pt idx="2469">
                  <c:v>42367</c:v>
                </c:pt>
                <c:pt idx="2470">
                  <c:v>42368</c:v>
                </c:pt>
                <c:pt idx="2471">
                  <c:v>42373</c:v>
                </c:pt>
                <c:pt idx="2472">
                  <c:v>42374</c:v>
                </c:pt>
                <c:pt idx="2473">
                  <c:v>42375</c:v>
                </c:pt>
                <c:pt idx="2474">
                  <c:v>42376</c:v>
                </c:pt>
                <c:pt idx="2475">
                  <c:v>42377</c:v>
                </c:pt>
                <c:pt idx="2476">
                  <c:v>42380</c:v>
                </c:pt>
                <c:pt idx="2477">
                  <c:v>42381</c:v>
                </c:pt>
                <c:pt idx="2478">
                  <c:v>42382</c:v>
                </c:pt>
                <c:pt idx="2479">
                  <c:v>42383</c:v>
                </c:pt>
                <c:pt idx="2480">
                  <c:v>42384</c:v>
                </c:pt>
                <c:pt idx="2481">
                  <c:v>42387</c:v>
                </c:pt>
                <c:pt idx="2482">
                  <c:v>42388</c:v>
                </c:pt>
                <c:pt idx="2483">
                  <c:v>42389</c:v>
                </c:pt>
                <c:pt idx="2484">
                  <c:v>42390</c:v>
                </c:pt>
                <c:pt idx="2485">
                  <c:v>42391</c:v>
                </c:pt>
                <c:pt idx="2486">
                  <c:v>42395</c:v>
                </c:pt>
                <c:pt idx="2487">
                  <c:v>42396</c:v>
                </c:pt>
                <c:pt idx="2488">
                  <c:v>42397</c:v>
                </c:pt>
                <c:pt idx="2489">
                  <c:v>42398</c:v>
                </c:pt>
                <c:pt idx="2490">
                  <c:v>42401</c:v>
                </c:pt>
                <c:pt idx="2491">
                  <c:v>42402</c:v>
                </c:pt>
                <c:pt idx="2492">
                  <c:v>42403</c:v>
                </c:pt>
                <c:pt idx="2493">
                  <c:v>42404</c:v>
                </c:pt>
                <c:pt idx="2494">
                  <c:v>42405</c:v>
                </c:pt>
                <c:pt idx="2495">
                  <c:v>42410</c:v>
                </c:pt>
                <c:pt idx="2496">
                  <c:v>42411</c:v>
                </c:pt>
                <c:pt idx="2497">
                  <c:v>42412</c:v>
                </c:pt>
                <c:pt idx="2498">
                  <c:v>42415</c:v>
                </c:pt>
                <c:pt idx="2499">
                  <c:v>42416</c:v>
                </c:pt>
                <c:pt idx="2500">
                  <c:v>42417</c:v>
                </c:pt>
                <c:pt idx="2501">
                  <c:v>42418</c:v>
                </c:pt>
                <c:pt idx="2502">
                  <c:v>42419</c:v>
                </c:pt>
                <c:pt idx="2503">
                  <c:v>42422</c:v>
                </c:pt>
                <c:pt idx="2504">
                  <c:v>42423</c:v>
                </c:pt>
                <c:pt idx="2505">
                  <c:v>42424</c:v>
                </c:pt>
                <c:pt idx="2506">
                  <c:v>42425</c:v>
                </c:pt>
                <c:pt idx="2507">
                  <c:v>42426</c:v>
                </c:pt>
                <c:pt idx="2508">
                  <c:v>42429</c:v>
                </c:pt>
                <c:pt idx="2509">
                  <c:v>42430</c:v>
                </c:pt>
                <c:pt idx="2510">
                  <c:v>42431</c:v>
                </c:pt>
                <c:pt idx="2511">
                  <c:v>42432</c:v>
                </c:pt>
                <c:pt idx="2512">
                  <c:v>42433</c:v>
                </c:pt>
                <c:pt idx="2513">
                  <c:v>42436</c:v>
                </c:pt>
                <c:pt idx="2514">
                  <c:v>42437</c:v>
                </c:pt>
                <c:pt idx="2515">
                  <c:v>42438</c:v>
                </c:pt>
                <c:pt idx="2516">
                  <c:v>42439</c:v>
                </c:pt>
                <c:pt idx="2517">
                  <c:v>42440</c:v>
                </c:pt>
                <c:pt idx="2518">
                  <c:v>42443</c:v>
                </c:pt>
                <c:pt idx="2519">
                  <c:v>42444</c:v>
                </c:pt>
                <c:pt idx="2520">
                  <c:v>42445</c:v>
                </c:pt>
                <c:pt idx="2521">
                  <c:v>42446</c:v>
                </c:pt>
                <c:pt idx="2522">
                  <c:v>42447</c:v>
                </c:pt>
                <c:pt idx="2523">
                  <c:v>42450</c:v>
                </c:pt>
                <c:pt idx="2524">
                  <c:v>42451</c:v>
                </c:pt>
                <c:pt idx="2525">
                  <c:v>42452</c:v>
                </c:pt>
                <c:pt idx="2526">
                  <c:v>42453</c:v>
                </c:pt>
                <c:pt idx="2527">
                  <c:v>42457</c:v>
                </c:pt>
                <c:pt idx="2528">
                  <c:v>42458</c:v>
                </c:pt>
                <c:pt idx="2529">
                  <c:v>42459</c:v>
                </c:pt>
                <c:pt idx="2530">
                  <c:v>42460</c:v>
                </c:pt>
                <c:pt idx="2531">
                  <c:v>42461</c:v>
                </c:pt>
                <c:pt idx="2532">
                  <c:v>42464</c:v>
                </c:pt>
                <c:pt idx="2533">
                  <c:v>42465</c:v>
                </c:pt>
                <c:pt idx="2534">
                  <c:v>42466</c:v>
                </c:pt>
                <c:pt idx="2535">
                  <c:v>42467</c:v>
                </c:pt>
                <c:pt idx="2536">
                  <c:v>42468</c:v>
                </c:pt>
                <c:pt idx="2537">
                  <c:v>42471</c:v>
                </c:pt>
                <c:pt idx="2538">
                  <c:v>42472</c:v>
                </c:pt>
                <c:pt idx="2539">
                  <c:v>42473</c:v>
                </c:pt>
                <c:pt idx="2540">
                  <c:v>42474</c:v>
                </c:pt>
                <c:pt idx="2541">
                  <c:v>42475</c:v>
                </c:pt>
                <c:pt idx="2542">
                  <c:v>42478</c:v>
                </c:pt>
                <c:pt idx="2543">
                  <c:v>42479</c:v>
                </c:pt>
                <c:pt idx="2544">
                  <c:v>42480</c:v>
                </c:pt>
                <c:pt idx="2545">
                  <c:v>42482</c:v>
                </c:pt>
                <c:pt idx="2546">
                  <c:v>42485</c:v>
                </c:pt>
                <c:pt idx="2547">
                  <c:v>42486</c:v>
                </c:pt>
                <c:pt idx="2548">
                  <c:v>42487</c:v>
                </c:pt>
                <c:pt idx="2549">
                  <c:v>42488</c:v>
                </c:pt>
                <c:pt idx="2550">
                  <c:v>42489</c:v>
                </c:pt>
                <c:pt idx="2551">
                  <c:v>42492</c:v>
                </c:pt>
                <c:pt idx="2552">
                  <c:v>42493</c:v>
                </c:pt>
                <c:pt idx="2553">
                  <c:v>42494</c:v>
                </c:pt>
                <c:pt idx="2554">
                  <c:v>42495</c:v>
                </c:pt>
                <c:pt idx="2555">
                  <c:v>42496</c:v>
                </c:pt>
                <c:pt idx="2556">
                  <c:v>42499</c:v>
                </c:pt>
                <c:pt idx="2557">
                  <c:v>42500</c:v>
                </c:pt>
                <c:pt idx="2558">
                  <c:v>42501</c:v>
                </c:pt>
                <c:pt idx="2559">
                  <c:v>42502</c:v>
                </c:pt>
                <c:pt idx="2560">
                  <c:v>42503</c:v>
                </c:pt>
                <c:pt idx="2561">
                  <c:v>42506</c:v>
                </c:pt>
                <c:pt idx="2562">
                  <c:v>42507</c:v>
                </c:pt>
                <c:pt idx="2563">
                  <c:v>42508</c:v>
                </c:pt>
                <c:pt idx="2564">
                  <c:v>42509</c:v>
                </c:pt>
                <c:pt idx="2565">
                  <c:v>42510</c:v>
                </c:pt>
                <c:pt idx="2566">
                  <c:v>42513</c:v>
                </c:pt>
                <c:pt idx="2567">
                  <c:v>42514</c:v>
                </c:pt>
                <c:pt idx="2568">
                  <c:v>42515</c:v>
                </c:pt>
                <c:pt idx="2569">
                  <c:v>42517</c:v>
                </c:pt>
                <c:pt idx="2570">
                  <c:v>42520</c:v>
                </c:pt>
                <c:pt idx="2571">
                  <c:v>42521</c:v>
                </c:pt>
                <c:pt idx="2572">
                  <c:v>42522</c:v>
                </c:pt>
                <c:pt idx="2573">
                  <c:v>42523</c:v>
                </c:pt>
                <c:pt idx="2574">
                  <c:v>42524</c:v>
                </c:pt>
                <c:pt idx="2575">
                  <c:v>42527</c:v>
                </c:pt>
                <c:pt idx="2576">
                  <c:v>42528</c:v>
                </c:pt>
                <c:pt idx="2577">
                  <c:v>42529</c:v>
                </c:pt>
                <c:pt idx="2578">
                  <c:v>42530</c:v>
                </c:pt>
                <c:pt idx="2579">
                  <c:v>42531</c:v>
                </c:pt>
                <c:pt idx="2580">
                  <c:v>42534</c:v>
                </c:pt>
                <c:pt idx="2581">
                  <c:v>42535</c:v>
                </c:pt>
                <c:pt idx="2582">
                  <c:v>42536</c:v>
                </c:pt>
                <c:pt idx="2583">
                  <c:v>42537</c:v>
                </c:pt>
                <c:pt idx="2584">
                  <c:v>42538</c:v>
                </c:pt>
                <c:pt idx="2585">
                  <c:v>42541</c:v>
                </c:pt>
                <c:pt idx="2586">
                  <c:v>42542</c:v>
                </c:pt>
                <c:pt idx="2587">
                  <c:v>42543</c:v>
                </c:pt>
                <c:pt idx="2588">
                  <c:v>42544</c:v>
                </c:pt>
                <c:pt idx="2589">
                  <c:v>42545</c:v>
                </c:pt>
                <c:pt idx="2590">
                  <c:v>42548</c:v>
                </c:pt>
                <c:pt idx="2591">
                  <c:v>42549</c:v>
                </c:pt>
                <c:pt idx="2592">
                  <c:v>42550</c:v>
                </c:pt>
                <c:pt idx="2593">
                  <c:v>42551</c:v>
                </c:pt>
                <c:pt idx="2594">
                  <c:v>42552</c:v>
                </c:pt>
                <c:pt idx="2595">
                  <c:v>42555</c:v>
                </c:pt>
                <c:pt idx="2596">
                  <c:v>42556</c:v>
                </c:pt>
                <c:pt idx="2597">
                  <c:v>42557</c:v>
                </c:pt>
                <c:pt idx="2598">
                  <c:v>42558</c:v>
                </c:pt>
                <c:pt idx="2599">
                  <c:v>42559</c:v>
                </c:pt>
                <c:pt idx="2600">
                  <c:v>42562</c:v>
                </c:pt>
                <c:pt idx="2601">
                  <c:v>42563</c:v>
                </c:pt>
                <c:pt idx="2602">
                  <c:v>42564</c:v>
                </c:pt>
                <c:pt idx="2603">
                  <c:v>42565</c:v>
                </c:pt>
                <c:pt idx="2604">
                  <c:v>42566</c:v>
                </c:pt>
                <c:pt idx="2605">
                  <c:v>42569</c:v>
                </c:pt>
                <c:pt idx="2606">
                  <c:v>42570</c:v>
                </c:pt>
                <c:pt idx="2607">
                  <c:v>42571</c:v>
                </c:pt>
                <c:pt idx="2608">
                  <c:v>42572</c:v>
                </c:pt>
                <c:pt idx="2609">
                  <c:v>42573</c:v>
                </c:pt>
                <c:pt idx="2610">
                  <c:v>42576</c:v>
                </c:pt>
                <c:pt idx="2611">
                  <c:v>42577</c:v>
                </c:pt>
                <c:pt idx="2612">
                  <c:v>42578</c:v>
                </c:pt>
                <c:pt idx="2613">
                  <c:v>42579</c:v>
                </c:pt>
                <c:pt idx="2614">
                  <c:v>42580</c:v>
                </c:pt>
                <c:pt idx="2615">
                  <c:v>42583</c:v>
                </c:pt>
                <c:pt idx="2616">
                  <c:v>42584</c:v>
                </c:pt>
                <c:pt idx="2617">
                  <c:v>42585</c:v>
                </c:pt>
                <c:pt idx="2618">
                  <c:v>42586</c:v>
                </c:pt>
                <c:pt idx="2619">
                  <c:v>42587</c:v>
                </c:pt>
                <c:pt idx="2620">
                  <c:v>42590</c:v>
                </c:pt>
                <c:pt idx="2621">
                  <c:v>42591</c:v>
                </c:pt>
                <c:pt idx="2622">
                  <c:v>42592</c:v>
                </c:pt>
                <c:pt idx="2623">
                  <c:v>42593</c:v>
                </c:pt>
                <c:pt idx="2624">
                  <c:v>42594</c:v>
                </c:pt>
                <c:pt idx="2625">
                  <c:v>42597</c:v>
                </c:pt>
                <c:pt idx="2626">
                  <c:v>42598</c:v>
                </c:pt>
                <c:pt idx="2627">
                  <c:v>42599</c:v>
                </c:pt>
                <c:pt idx="2628">
                  <c:v>42600</c:v>
                </c:pt>
                <c:pt idx="2629">
                  <c:v>42601</c:v>
                </c:pt>
                <c:pt idx="2630">
                  <c:v>42604</c:v>
                </c:pt>
                <c:pt idx="2631">
                  <c:v>42605</c:v>
                </c:pt>
                <c:pt idx="2632">
                  <c:v>42606</c:v>
                </c:pt>
                <c:pt idx="2633">
                  <c:v>42607</c:v>
                </c:pt>
                <c:pt idx="2634">
                  <c:v>42608</c:v>
                </c:pt>
                <c:pt idx="2635">
                  <c:v>42611</c:v>
                </c:pt>
                <c:pt idx="2636">
                  <c:v>42612</c:v>
                </c:pt>
                <c:pt idx="2637">
                  <c:v>42613</c:v>
                </c:pt>
                <c:pt idx="2638">
                  <c:v>42614</c:v>
                </c:pt>
                <c:pt idx="2639">
                  <c:v>42615</c:v>
                </c:pt>
                <c:pt idx="2640">
                  <c:v>42618</c:v>
                </c:pt>
                <c:pt idx="2641">
                  <c:v>42619</c:v>
                </c:pt>
                <c:pt idx="2642">
                  <c:v>42621</c:v>
                </c:pt>
                <c:pt idx="2643">
                  <c:v>42622</c:v>
                </c:pt>
                <c:pt idx="2644">
                  <c:v>42625</c:v>
                </c:pt>
                <c:pt idx="2645">
                  <c:v>42626</c:v>
                </c:pt>
                <c:pt idx="2646">
                  <c:v>42627</c:v>
                </c:pt>
                <c:pt idx="2647">
                  <c:v>42628</c:v>
                </c:pt>
                <c:pt idx="2648">
                  <c:v>42629</c:v>
                </c:pt>
                <c:pt idx="2649">
                  <c:v>42632</c:v>
                </c:pt>
                <c:pt idx="2650">
                  <c:v>42633</c:v>
                </c:pt>
                <c:pt idx="2651">
                  <c:v>42634</c:v>
                </c:pt>
                <c:pt idx="2652">
                  <c:v>42635</c:v>
                </c:pt>
                <c:pt idx="2653">
                  <c:v>42636</c:v>
                </c:pt>
                <c:pt idx="2654">
                  <c:v>42639</c:v>
                </c:pt>
                <c:pt idx="2655">
                  <c:v>42640</c:v>
                </c:pt>
                <c:pt idx="2656">
                  <c:v>42641</c:v>
                </c:pt>
                <c:pt idx="2657">
                  <c:v>42642</c:v>
                </c:pt>
                <c:pt idx="2658">
                  <c:v>42643</c:v>
                </c:pt>
                <c:pt idx="2659">
                  <c:v>42646</c:v>
                </c:pt>
                <c:pt idx="2660">
                  <c:v>42647</c:v>
                </c:pt>
                <c:pt idx="2661">
                  <c:v>42648</c:v>
                </c:pt>
                <c:pt idx="2662">
                  <c:v>42649</c:v>
                </c:pt>
                <c:pt idx="2663">
                  <c:v>42650</c:v>
                </c:pt>
                <c:pt idx="2664">
                  <c:v>42653</c:v>
                </c:pt>
                <c:pt idx="2665">
                  <c:v>42654</c:v>
                </c:pt>
                <c:pt idx="2666">
                  <c:v>42656</c:v>
                </c:pt>
                <c:pt idx="2667">
                  <c:v>42657</c:v>
                </c:pt>
                <c:pt idx="2668">
                  <c:v>42660</c:v>
                </c:pt>
                <c:pt idx="2669">
                  <c:v>42661</c:v>
                </c:pt>
                <c:pt idx="2670">
                  <c:v>42662</c:v>
                </c:pt>
                <c:pt idx="2671">
                  <c:v>42663</c:v>
                </c:pt>
                <c:pt idx="2672">
                  <c:v>42664</c:v>
                </c:pt>
                <c:pt idx="2673">
                  <c:v>42667</c:v>
                </c:pt>
                <c:pt idx="2674">
                  <c:v>42668</c:v>
                </c:pt>
                <c:pt idx="2675">
                  <c:v>42669</c:v>
                </c:pt>
                <c:pt idx="2676">
                  <c:v>42670</c:v>
                </c:pt>
                <c:pt idx="2677">
                  <c:v>42671</c:v>
                </c:pt>
                <c:pt idx="2678">
                  <c:v>42674</c:v>
                </c:pt>
                <c:pt idx="2679">
                  <c:v>42675</c:v>
                </c:pt>
                <c:pt idx="2680">
                  <c:v>42677</c:v>
                </c:pt>
                <c:pt idx="2681">
                  <c:v>42678</c:v>
                </c:pt>
                <c:pt idx="2682">
                  <c:v>42681</c:v>
                </c:pt>
                <c:pt idx="2683">
                  <c:v>42682</c:v>
                </c:pt>
                <c:pt idx="2684">
                  <c:v>42683</c:v>
                </c:pt>
                <c:pt idx="2685">
                  <c:v>42684</c:v>
                </c:pt>
                <c:pt idx="2686">
                  <c:v>42685</c:v>
                </c:pt>
                <c:pt idx="2687">
                  <c:v>42688</c:v>
                </c:pt>
                <c:pt idx="2688">
                  <c:v>42690</c:v>
                </c:pt>
                <c:pt idx="2689">
                  <c:v>42691</c:v>
                </c:pt>
                <c:pt idx="2690">
                  <c:v>42692</c:v>
                </c:pt>
                <c:pt idx="2691">
                  <c:v>42695</c:v>
                </c:pt>
                <c:pt idx="2692">
                  <c:v>42696</c:v>
                </c:pt>
                <c:pt idx="2693">
                  <c:v>42697</c:v>
                </c:pt>
                <c:pt idx="2694">
                  <c:v>42698</c:v>
                </c:pt>
                <c:pt idx="2695">
                  <c:v>42699</c:v>
                </c:pt>
                <c:pt idx="2696">
                  <c:v>42702</c:v>
                </c:pt>
                <c:pt idx="2697">
                  <c:v>42703</c:v>
                </c:pt>
                <c:pt idx="2698">
                  <c:v>42704</c:v>
                </c:pt>
                <c:pt idx="2699">
                  <c:v>42705</c:v>
                </c:pt>
                <c:pt idx="2700">
                  <c:v>42706</c:v>
                </c:pt>
                <c:pt idx="2701">
                  <c:v>42709</c:v>
                </c:pt>
                <c:pt idx="2702">
                  <c:v>42710</c:v>
                </c:pt>
                <c:pt idx="2703">
                  <c:v>42711</c:v>
                </c:pt>
                <c:pt idx="2704">
                  <c:v>42712</c:v>
                </c:pt>
                <c:pt idx="2705">
                  <c:v>42713</c:v>
                </c:pt>
                <c:pt idx="2706">
                  <c:v>42716</c:v>
                </c:pt>
                <c:pt idx="2707">
                  <c:v>42717</c:v>
                </c:pt>
                <c:pt idx="2708">
                  <c:v>42718</c:v>
                </c:pt>
                <c:pt idx="2709">
                  <c:v>42719</c:v>
                </c:pt>
                <c:pt idx="2710">
                  <c:v>42720</c:v>
                </c:pt>
                <c:pt idx="2711">
                  <c:v>42723</c:v>
                </c:pt>
                <c:pt idx="2712">
                  <c:v>42724</c:v>
                </c:pt>
                <c:pt idx="2713">
                  <c:v>42725</c:v>
                </c:pt>
                <c:pt idx="2714">
                  <c:v>42726</c:v>
                </c:pt>
                <c:pt idx="2715">
                  <c:v>42727</c:v>
                </c:pt>
                <c:pt idx="2716">
                  <c:v>42730</c:v>
                </c:pt>
                <c:pt idx="2717">
                  <c:v>42731</c:v>
                </c:pt>
                <c:pt idx="2718">
                  <c:v>42732</c:v>
                </c:pt>
                <c:pt idx="2719">
                  <c:v>42733</c:v>
                </c:pt>
                <c:pt idx="2720">
                  <c:v>42737</c:v>
                </c:pt>
                <c:pt idx="2721">
                  <c:v>42738</c:v>
                </c:pt>
                <c:pt idx="2722">
                  <c:v>42739</c:v>
                </c:pt>
                <c:pt idx="2723">
                  <c:v>42740</c:v>
                </c:pt>
                <c:pt idx="2724">
                  <c:v>42741</c:v>
                </c:pt>
                <c:pt idx="2725">
                  <c:v>42744</c:v>
                </c:pt>
                <c:pt idx="2726">
                  <c:v>42745</c:v>
                </c:pt>
                <c:pt idx="2727">
                  <c:v>42746</c:v>
                </c:pt>
                <c:pt idx="2728">
                  <c:v>42747</c:v>
                </c:pt>
                <c:pt idx="2729">
                  <c:v>42748</c:v>
                </c:pt>
                <c:pt idx="2730">
                  <c:v>42751</c:v>
                </c:pt>
                <c:pt idx="2731">
                  <c:v>42752</c:v>
                </c:pt>
                <c:pt idx="2732">
                  <c:v>42753</c:v>
                </c:pt>
                <c:pt idx="2733">
                  <c:v>42754</c:v>
                </c:pt>
                <c:pt idx="2734">
                  <c:v>42755</c:v>
                </c:pt>
                <c:pt idx="2735">
                  <c:v>42758</c:v>
                </c:pt>
                <c:pt idx="2736">
                  <c:v>42759</c:v>
                </c:pt>
                <c:pt idx="2737">
                  <c:v>42761</c:v>
                </c:pt>
                <c:pt idx="2738">
                  <c:v>42762</c:v>
                </c:pt>
                <c:pt idx="2739">
                  <c:v>42765</c:v>
                </c:pt>
                <c:pt idx="2740">
                  <c:v>42766</c:v>
                </c:pt>
                <c:pt idx="2741">
                  <c:v>42767</c:v>
                </c:pt>
                <c:pt idx="2742">
                  <c:v>42768</c:v>
                </c:pt>
                <c:pt idx="2743">
                  <c:v>42769</c:v>
                </c:pt>
                <c:pt idx="2744">
                  <c:v>42772</c:v>
                </c:pt>
                <c:pt idx="2745">
                  <c:v>42773</c:v>
                </c:pt>
                <c:pt idx="2746">
                  <c:v>42774</c:v>
                </c:pt>
                <c:pt idx="2747">
                  <c:v>42775</c:v>
                </c:pt>
                <c:pt idx="2748">
                  <c:v>42776</c:v>
                </c:pt>
                <c:pt idx="2749">
                  <c:v>42779</c:v>
                </c:pt>
                <c:pt idx="2750">
                  <c:v>42780</c:v>
                </c:pt>
                <c:pt idx="2751">
                  <c:v>42781</c:v>
                </c:pt>
                <c:pt idx="2752">
                  <c:v>42782</c:v>
                </c:pt>
                <c:pt idx="2753">
                  <c:v>42783</c:v>
                </c:pt>
                <c:pt idx="2754">
                  <c:v>42786</c:v>
                </c:pt>
                <c:pt idx="2755">
                  <c:v>42787</c:v>
                </c:pt>
                <c:pt idx="2756">
                  <c:v>42788</c:v>
                </c:pt>
                <c:pt idx="2757">
                  <c:v>42789</c:v>
                </c:pt>
                <c:pt idx="2758">
                  <c:v>42790</c:v>
                </c:pt>
                <c:pt idx="2759">
                  <c:v>42795</c:v>
                </c:pt>
                <c:pt idx="2760">
                  <c:v>42796</c:v>
                </c:pt>
                <c:pt idx="2761">
                  <c:v>42797</c:v>
                </c:pt>
                <c:pt idx="2762">
                  <c:v>42800</c:v>
                </c:pt>
                <c:pt idx="2763">
                  <c:v>42801</c:v>
                </c:pt>
                <c:pt idx="2764">
                  <c:v>42802</c:v>
                </c:pt>
                <c:pt idx="2765">
                  <c:v>42803</c:v>
                </c:pt>
                <c:pt idx="2766">
                  <c:v>42804</c:v>
                </c:pt>
                <c:pt idx="2767">
                  <c:v>42807</c:v>
                </c:pt>
                <c:pt idx="2768">
                  <c:v>42808</c:v>
                </c:pt>
                <c:pt idx="2769">
                  <c:v>42809</c:v>
                </c:pt>
                <c:pt idx="2770">
                  <c:v>42810</c:v>
                </c:pt>
                <c:pt idx="2771">
                  <c:v>42811</c:v>
                </c:pt>
                <c:pt idx="2772">
                  <c:v>42814</c:v>
                </c:pt>
                <c:pt idx="2773">
                  <c:v>42815</c:v>
                </c:pt>
                <c:pt idx="2774">
                  <c:v>42816</c:v>
                </c:pt>
                <c:pt idx="2775">
                  <c:v>42817</c:v>
                </c:pt>
                <c:pt idx="2776">
                  <c:v>42818</c:v>
                </c:pt>
                <c:pt idx="2777">
                  <c:v>42821</c:v>
                </c:pt>
                <c:pt idx="2778">
                  <c:v>42822</c:v>
                </c:pt>
                <c:pt idx="2779">
                  <c:v>42823</c:v>
                </c:pt>
                <c:pt idx="2780">
                  <c:v>42824</c:v>
                </c:pt>
                <c:pt idx="2781">
                  <c:v>42825</c:v>
                </c:pt>
                <c:pt idx="2782">
                  <c:v>42828</c:v>
                </c:pt>
                <c:pt idx="2783">
                  <c:v>42829</c:v>
                </c:pt>
                <c:pt idx="2784">
                  <c:v>42830</c:v>
                </c:pt>
                <c:pt idx="2785">
                  <c:v>42831</c:v>
                </c:pt>
                <c:pt idx="2786">
                  <c:v>42832</c:v>
                </c:pt>
                <c:pt idx="2787">
                  <c:v>42835</c:v>
                </c:pt>
                <c:pt idx="2788">
                  <c:v>42836</c:v>
                </c:pt>
                <c:pt idx="2789">
                  <c:v>42837</c:v>
                </c:pt>
                <c:pt idx="2790">
                  <c:v>42838</c:v>
                </c:pt>
                <c:pt idx="2791">
                  <c:v>42842</c:v>
                </c:pt>
                <c:pt idx="2792">
                  <c:v>42843</c:v>
                </c:pt>
                <c:pt idx="2793">
                  <c:v>42844</c:v>
                </c:pt>
                <c:pt idx="2794">
                  <c:v>42845</c:v>
                </c:pt>
                <c:pt idx="2795">
                  <c:v>42849</c:v>
                </c:pt>
                <c:pt idx="2796">
                  <c:v>42850</c:v>
                </c:pt>
                <c:pt idx="2797">
                  <c:v>42851</c:v>
                </c:pt>
                <c:pt idx="2798">
                  <c:v>42852</c:v>
                </c:pt>
                <c:pt idx="2799">
                  <c:v>42853</c:v>
                </c:pt>
                <c:pt idx="2800">
                  <c:v>42857</c:v>
                </c:pt>
                <c:pt idx="2801">
                  <c:v>42858</c:v>
                </c:pt>
                <c:pt idx="2802">
                  <c:v>42859</c:v>
                </c:pt>
                <c:pt idx="2803">
                  <c:v>42860</c:v>
                </c:pt>
                <c:pt idx="2804">
                  <c:v>42863</c:v>
                </c:pt>
                <c:pt idx="2805">
                  <c:v>42864</c:v>
                </c:pt>
                <c:pt idx="2806">
                  <c:v>42865</c:v>
                </c:pt>
                <c:pt idx="2807">
                  <c:v>42866</c:v>
                </c:pt>
                <c:pt idx="2808">
                  <c:v>42867</c:v>
                </c:pt>
                <c:pt idx="2809">
                  <c:v>42870</c:v>
                </c:pt>
                <c:pt idx="2810">
                  <c:v>42871</c:v>
                </c:pt>
                <c:pt idx="2811">
                  <c:v>42872</c:v>
                </c:pt>
                <c:pt idx="2812">
                  <c:v>42873</c:v>
                </c:pt>
                <c:pt idx="2813">
                  <c:v>42874</c:v>
                </c:pt>
                <c:pt idx="2814">
                  <c:v>42877</c:v>
                </c:pt>
                <c:pt idx="2815">
                  <c:v>42878</c:v>
                </c:pt>
                <c:pt idx="2816">
                  <c:v>42879</c:v>
                </c:pt>
                <c:pt idx="2817">
                  <c:v>42880</c:v>
                </c:pt>
                <c:pt idx="2818">
                  <c:v>42881</c:v>
                </c:pt>
                <c:pt idx="2819">
                  <c:v>42884</c:v>
                </c:pt>
                <c:pt idx="2820">
                  <c:v>42885</c:v>
                </c:pt>
                <c:pt idx="2821">
                  <c:v>42886</c:v>
                </c:pt>
                <c:pt idx="2822">
                  <c:v>42887</c:v>
                </c:pt>
                <c:pt idx="2823">
                  <c:v>42888</c:v>
                </c:pt>
                <c:pt idx="2824">
                  <c:v>42891</c:v>
                </c:pt>
                <c:pt idx="2825">
                  <c:v>42892</c:v>
                </c:pt>
                <c:pt idx="2826">
                  <c:v>42893</c:v>
                </c:pt>
                <c:pt idx="2827">
                  <c:v>42894</c:v>
                </c:pt>
                <c:pt idx="2828">
                  <c:v>42895</c:v>
                </c:pt>
                <c:pt idx="2829">
                  <c:v>42898</c:v>
                </c:pt>
                <c:pt idx="2830">
                  <c:v>42899</c:v>
                </c:pt>
                <c:pt idx="2831">
                  <c:v>42900</c:v>
                </c:pt>
                <c:pt idx="2832">
                  <c:v>42902</c:v>
                </c:pt>
                <c:pt idx="2833">
                  <c:v>42905</c:v>
                </c:pt>
                <c:pt idx="2834">
                  <c:v>42906</c:v>
                </c:pt>
                <c:pt idx="2835">
                  <c:v>42907</c:v>
                </c:pt>
                <c:pt idx="2836">
                  <c:v>42908</c:v>
                </c:pt>
                <c:pt idx="2837">
                  <c:v>42909</c:v>
                </c:pt>
                <c:pt idx="2838">
                  <c:v>42912</c:v>
                </c:pt>
                <c:pt idx="2839">
                  <c:v>42913</c:v>
                </c:pt>
                <c:pt idx="2840">
                  <c:v>42914</c:v>
                </c:pt>
                <c:pt idx="2841">
                  <c:v>42915</c:v>
                </c:pt>
                <c:pt idx="2842">
                  <c:v>42916</c:v>
                </c:pt>
                <c:pt idx="2843">
                  <c:v>42919</c:v>
                </c:pt>
                <c:pt idx="2844">
                  <c:v>42920</c:v>
                </c:pt>
                <c:pt idx="2845">
                  <c:v>42921</c:v>
                </c:pt>
                <c:pt idx="2846">
                  <c:v>42922</c:v>
                </c:pt>
                <c:pt idx="2847">
                  <c:v>42923</c:v>
                </c:pt>
                <c:pt idx="2848">
                  <c:v>42926</c:v>
                </c:pt>
                <c:pt idx="2849">
                  <c:v>42927</c:v>
                </c:pt>
                <c:pt idx="2850">
                  <c:v>42928</c:v>
                </c:pt>
                <c:pt idx="2851">
                  <c:v>42929</c:v>
                </c:pt>
                <c:pt idx="2852">
                  <c:v>42930</c:v>
                </c:pt>
                <c:pt idx="2853">
                  <c:v>42933</c:v>
                </c:pt>
                <c:pt idx="2854">
                  <c:v>42934</c:v>
                </c:pt>
                <c:pt idx="2855">
                  <c:v>42935</c:v>
                </c:pt>
                <c:pt idx="2856">
                  <c:v>42936</c:v>
                </c:pt>
                <c:pt idx="2857">
                  <c:v>42937</c:v>
                </c:pt>
                <c:pt idx="2858">
                  <c:v>42940</c:v>
                </c:pt>
                <c:pt idx="2859">
                  <c:v>42941</c:v>
                </c:pt>
                <c:pt idx="2860">
                  <c:v>42942</c:v>
                </c:pt>
                <c:pt idx="2861">
                  <c:v>42943</c:v>
                </c:pt>
                <c:pt idx="2862">
                  <c:v>42944</c:v>
                </c:pt>
                <c:pt idx="2863">
                  <c:v>42947</c:v>
                </c:pt>
                <c:pt idx="2864">
                  <c:v>42948</c:v>
                </c:pt>
                <c:pt idx="2865">
                  <c:v>42949</c:v>
                </c:pt>
                <c:pt idx="2866">
                  <c:v>42950</c:v>
                </c:pt>
                <c:pt idx="2867">
                  <c:v>42951</c:v>
                </c:pt>
                <c:pt idx="2868">
                  <c:v>42954</c:v>
                </c:pt>
                <c:pt idx="2869">
                  <c:v>42955</c:v>
                </c:pt>
                <c:pt idx="2870">
                  <c:v>42956</c:v>
                </c:pt>
                <c:pt idx="2871">
                  <c:v>42957</c:v>
                </c:pt>
                <c:pt idx="2872">
                  <c:v>42958</c:v>
                </c:pt>
                <c:pt idx="2873">
                  <c:v>42961</c:v>
                </c:pt>
                <c:pt idx="2874">
                  <c:v>42962</c:v>
                </c:pt>
                <c:pt idx="2875">
                  <c:v>42963</c:v>
                </c:pt>
                <c:pt idx="2876">
                  <c:v>42964</c:v>
                </c:pt>
                <c:pt idx="2877">
                  <c:v>42965</c:v>
                </c:pt>
                <c:pt idx="2878">
                  <c:v>42968</c:v>
                </c:pt>
                <c:pt idx="2879">
                  <c:v>42969</c:v>
                </c:pt>
                <c:pt idx="2880">
                  <c:v>42970</c:v>
                </c:pt>
                <c:pt idx="2881">
                  <c:v>42971</c:v>
                </c:pt>
                <c:pt idx="2882">
                  <c:v>42972</c:v>
                </c:pt>
                <c:pt idx="2883">
                  <c:v>42975</c:v>
                </c:pt>
                <c:pt idx="2884">
                  <c:v>42976</c:v>
                </c:pt>
                <c:pt idx="2885">
                  <c:v>42977</c:v>
                </c:pt>
                <c:pt idx="2886">
                  <c:v>42978</c:v>
                </c:pt>
                <c:pt idx="2887">
                  <c:v>42979</c:v>
                </c:pt>
                <c:pt idx="2888">
                  <c:v>42982</c:v>
                </c:pt>
                <c:pt idx="2889">
                  <c:v>42983</c:v>
                </c:pt>
                <c:pt idx="2890">
                  <c:v>42984</c:v>
                </c:pt>
                <c:pt idx="2891">
                  <c:v>42986</c:v>
                </c:pt>
                <c:pt idx="2892">
                  <c:v>42989</c:v>
                </c:pt>
                <c:pt idx="2893">
                  <c:v>42990</c:v>
                </c:pt>
                <c:pt idx="2894">
                  <c:v>42991</c:v>
                </c:pt>
                <c:pt idx="2895">
                  <c:v>42992</c:v>
                </c:pt>
                <c:pt idx="2896">
                  <c:v>42993</c:v>
                </c:pt>
                <c:pt idx="2897">
                  <c:v>42996</c:v>
                </c:pt>
                <c:pt idx="2898">
                  <c:v>42997</c:v>
                </c:pt>
                <c:pt idx="2899">
                  <c:v>42998</c:v>
                </c:pt>
                <c:pt idx="2900">
                  <c:v>42999</c:v>
                </c:pt>
                <c:pt idx="2901">
                  <c:v>43000</c:v>
                </c:pt>
                <c:pt idx="2902">
                  <c:v>43003</c:v>
                </c:pt>
                <c:pt idx="2903">
                  <c:v>43004</c:v>
                </c:pt>
                <c:pt idx="2904">
                  <c:v>43005</c:v>
                </c:pt>
                <c:pt idx="2905">
                  <c:v>43006</c:v>
                </c:pt>
                <c:pt idx="2906">
                  <c:v>43007</c:v>
                </c:pt>
                <c:pt idx="2907">
                  <c:v>43007</c:v>
                </c:pt>
                <c:pt idx="2908">
                  <c:v>43010</c:v>
                </c:pt>
                <c:pt idx="2909">
                  <c:v>43011</c:v>
                </c:pt>
                <c:pt idx="2910">
                  <c:v>43012</c:v>
                </c:pt>
                <c:pt idx="2911">
                  <c:v>43013</c:v>
                </c:pt>
                <c:pt idx="2912">
                  <c:v>43014</c:v>
                </c:pt>
                <c:pt idx="2913">
                  <c:v>43017</c:v>
                </c:pt>
                <c:pt idx="2914">
                  <c:v>43018</c:v>
                </c:pt>
                <c:pt idx="2915">
                  <c:v>43019</c:v>
                </c:pt>
                <c:pt idx="2916">
                  <c:v>43021</c:v>
                </c:pt>
                <c:pt idx="2917">
                  <c:v>43024</c:v>
                </c:pt>
                <c:pt idx="2918">
                  <c:v>43025</c:v>
                </c:pt>
                <c:pt idx="2919">
                  <c:v>43026</c:v>
                </c:pt>
                <c:pt idx="2920">
                  <c:v>43027</c:v>
                </c:pt>
                <c:pt idx="2921">
                  <c:v>43028</c:v>
                </c:pt>
                <c:pt idx="2922">
                  <c:v>43031</c:v>
                </c:pt>
                <c:pt idx="2923">
                  <c:v>43032</c:v>
                </c:pt>
                <c:pt idx="2924">
                  <c:v>43033</c:v>
                </c:pt>
                <c:pt idx="2925">
                  <c:v>43034</c:v>
                </c:pt>
                <c:pt idx="2926">
                  <c:v>43035</c:v>
                </c:pt>
                <c:pt idx="2927">
                  <c:v>43038</c:v>
                </c:pt>
                <c:pt idx="2928">
                  <c:v>43039</c:v>
                </c:pt>
                <c:pt idx="2929">
                  <c:v>43040</c:v>
                </c:pt>
                <c:pt idx="2930">
                  <c:v>43042</c:v>
                </c:pt>
                <c:pt idx="2931">
                  <c:v>43045</c:v>
                </c:pt>
                <c:pt idx="2932">
                  <c:v>43046</c:v>
                </c:pt>
                <c:pt idx="2933">
                  <c:v>43047</c:v>
                </c:pt>
                <c:pt idx="2934">
                  <c:v>43048</c:v>
                </c:pt>
                <c:pt idx="2935">
                  <c:v>43049</c:v>
                </c:pt>
                <c:pt idx="2936">
                  <c:v>43052</c:v>
                </c:pt>
                <c:pt idx="2937">
                  <c:v>43053</c:v>
                </c:pt>
                <c:pt idx="2938">
                  <c:v>43055</c:v>
                </c:pt>
                <c:pt idx="2939">
                  <c:v>43056</c:v>
                </c:pt>
                <c:pt idx="2940">
                  <c:v>43060</c:v>
                </c:pt>
                <c:pt idx="2941">
                  <c:v>43061</c:v>
                </c:pt>
                <c:pt idx="2942">
                  <c:v>43062</c:v>
                </c:pt>
                <c:pt idx="2943">
                  <c:v>43063</c:v>
                </c:pt>
                <c:pt idx="2944">
                  <c:v>43066</c:v>
                </c:pt>
                <c:pt idx="2945">
                  <c:v>43067</c:v>
                </c:pt>
                <c:pt idx="2946">
                  <c:v>43068</c:v>
                </c:pt>
                <c:pt idx="2947">
                  <c:v>43069</c:v>
                </c:pt>
                <c:pt idx="2948">
                  <c:v>43070</c:v>
                </c:pt>
                <c:pt idx="2949">
                  <c:v>43073</c:v>
                </c:pt>
                <c:pt idx="2950">
                  <c:v>43074</c:v>
                </c:pt>
                <c:pt idx="2951">
                  <c:v>43075</c:v>
                </c:pt>
                <c:pt idx="2952">
                  <c:v>43076</c:v>
                </c:pt>
                <c:pt idx="2953">
                  <c:v>43077</c:v>
                </c:pt>
                <c:pt idx="2954">
                  <c:v>43080</c:v>
                </c:pt>
                <c:pt idx="2955">
                  <c:v>43081</c:v>
                </c:pt>
                <c:pt idx="2956">
                  <c:v>43082</c:v>
                </c:pt>
                <c:pt idx="2957">
                  <c:v>43083</c:v>
                </c:pt>
                <c:pt idx="2958">
                  <c:v>43084</c:v>
                </c:pt>
                <c:pt idx="2959">
                  <c:v>43087</c:v>
                </c:pt>
                <c:pt idx="2960">
                  <c:v>43088</c:v>
                </c:pt>
                <c:pt idx="2961">
                  <c:v>43089</c:v>
                </c:pt>
                <c:pt idx="2962">
                  <c:v>43090</c:v>
                </c:pt>
                <c:pt idx="2963">
                  <c:v>43091</c:v>
                </c:pt>
                <c:pt idx="2964">
                  <c:v>43095</c:v>
                </c:pt>
                <c:pt idx="2965">
                  <c:v>43096</c:v>
                </c:pt>
                <c:pt idx="2966">
                  <c:v>43097</c:v>
                </c:pt>
                <c:pt idx="2967">
                  <c:v>43102</c:v>
                </c:pt>
                <c:pt idx="2968">
                  <c:v>43103</c:v>
                </c:pt>
                <c:pt idx="2969">
                  <c:v>43104</c:v>
                </c:pt>
                <c:pt idx="2970">
                  <c:v>43105</c:v>
                </c:pt>
                <c:pt idx="2971">
                  <c:v>43108</c:v>
                </c:pt>
                <c:pt idx="2972">
                  <c:v>43109</c:v>
                </c:pt>
                <c:pt idx="2973">
                  <c:v>43110</c:v>
                </c:pt>
                <c:pt idx="2974">
                  <c:v>43111</c:v>
                </c:pt>
                <c:pt idx="2975">
                  <c:v>43112</c:v>
                </c:pt>
                <c:pt idx="2976">
                  <c:v>43115</c:v>
                </c:pt>
                <c:pt idx="2977">
                  <c:v>43116</c:v>
                </c:pt>
                <c:pt idx="2978">
                  <c:v>43117</c:v>
                </c:pt>
                <c:pt idx="2979">
                  <c:v>43118</c:v>
                </c:pt>
                <c:pt idx="2980">
                  <c:v>43119</c:v>
                </c:pt>
                <c:pt idx="2981">
                  <c:v>43122</c:v>
                </c:pt>
                <c:pt idx="2982">
                  <c:v>43123</c:v>
                </c:pt>
                <c:pt idx="2983">
                  <c:v>43124</c:v>
                </c:pt>
                <c:pt idx="2984">
                  <c:v>43126</c:v>
                </c:pt>
                <c:pt idx="2985">
                  <c:v>43129</c:v>
                </c:pt>
                <c:pt idx="2986">
                  <c:v>43130</c:v>
                </c:pt>
                <c:pt idx="2987">
                  <c:v>43131</c:v>
                </c:pt>
                <c:pt idx="2988">
                  <c:v>43132</c:v>
                </c:pt>
                <c:pt idx="2989">
                  <c:v>43133</c:v>
                </c:pt>
                <c:pt idx="2990">
                  <c:v>43136</c:v>
                </c:pt>
                <c:pt idx="2991">
                  <c:v>43137</c:v>
                </c:pt>
                <c:pt idx="2992">
                  <c:v>43138</c:v>
                </c:pt>
                <c:pt idx="2993">
                  <c:v>43139</c:v>
                </c:pt>
                <c:pt idx="2994">
                  <c:v>43140</c:v>
                </c:pt>
                <c:pt idx="2995">
                  <c:v>43145</c:v>
                </c:pt>
                <c:pt idx="2996">
                  <c:v>43146</c:v>
                </c:pt>
                <c:pt idx="2997">
                  <c:v>43147</c:v>
                </c:pt>
                <c:pt idx="2998">
                  <c:v>43150</c:v>
                </c:pt>
                <c:pt idx="2999">
                  <c:v>43151</c:v>
                </c:pt>
                <c:pt idx="3000">
                  <c:v>43152</c:v>
                </c:pt>
                <c:pt idx="3001">
                  <c:v>43153</c:v>
                </c:pt>
                <c:pt idx="3002">
                  <c:v>43154</c:v>
                </c:pt>
                <c:pt idx="3003">
                  <c:v>43157</c:v>
                </c:pt>
                <c:pt idx="3004">
                  <c:v>43158</c:v>
                </c:pt>
                <c:pt idx="3005">
                  <c:v>43159</c:v>
                </c:pt>
                <c:pt idx="3006">
                  <c:v>43160</c:v>
                </c:pt>
                <c:pt idx="3007">
                  <c:v>43161</c:v>
                </c:pt>
                <c:pt idx="3008">
                  <c:v>43164</c:v>
                </c:pt>
                <c:pt idx="3009">
                  <c:v>43165</c:v>
                </c:pt>
                <c:pt idx="3010">
                  <c:v>43166</c:v>
                </c:pt>
                <c:pt idx="3011">
                  <c:v>43167</c:v>
                </c:pt>
                <c:pt idx="3012">
                  <c:v>43168</c:v>
                </c:pt>
                <c:pt idx="3013">
                  <c:v>43171</c:v>
                </c:pt>
                <c:pt idx="3014">
                  <c:v>43172</c:v>
                </c:pt>
                <c:pt idx="3015">
                  <c:v>43173</c:v>
                </c:pt>
                <c:pt idx="3016">
                  <c:v>43174</c:v>
                </c:pt>
                <c:pt idx="3017">
                  <c:v>43175</c:v>
                </c:pt>
                <c:pt idx="3018">
                  <c:v>43178</c:v>
                </c:pt>
                <c:pt idx="3019">
                  <c:v>43179</c:v>
                </c:pt>
                <c:pt idx="3020">
                  <c:v>43180</c:v>
                </c:pt>
                <c:pt idx="3021">
                  <c:v>43181</c:v>
                </c:pt>
                <c:pt idx="3022">
                  <c:v>43182</c:v>
                </c:pt>
                <c:pt idx="3023">
                  <c:v>43185</c:v>
                </c:pt>
                <c:pt idx="3024">
                  <c:v>43186</c:v>
                </c:pt>
                <c:pt idx="3025">
                  <c:v>43187</c:v>
                </c:pt>
                <c:pt idx="3026">
                  <c:v>43188</c:v>
                </c:pt>
                <c:pt idx="3027">
                  <c:v>43192</c:v>
                </c:pt>
                <c:pt idx="3028">
                  <c:v>43193</c:v>
                </c:pt>
                <c:pt idx="3029">
                  <c:v>43194</c:v>
                </c:pt>
                <c:pt idx="3030">
                  <c:v>43195</c:v>
                </c:pt>
                <c:pt idx="3031">
                  <c:v>43196</c:v>
                </c:pt>
                <c:pt idx="3032">
                  <c:v>43199</c:v>
                </c:pt>
                <c:pt idx="3033">
                  <c:v>43200</c:v>
                </c:pt>
                <c:pt idx="3034">
                  <c:v>43201</c:v>
                </c:pt>
                <c:pt idx="3035">
                  <c:v>43202</c:v>
                </c:pt>
                <c:pt idx="3036">
                  <c:v>43203</c:v>
                </c:pt>
                <c:pt idx="3037">
                  <c:v>43206</c:v>
                </c:pt>
                <c:pt idx="3038">
                  <c:v>43207</c:v>
                </c:pt>
                <c:pt idx="3039">
                  <c:v>43208</c:v>
                </c:pt>
                <c:pt idx="3040">
                  <c:v>43209</c:v>
                </c:pt>
                <c:pt idx="3041">
                  <c:v>43210</c:v>
                </c:pt>
                <c:pt idx="3042">
                  <c:v>43213</c:v>
                </c:pt>
                <c:pt idx="3043">
                  <c:v>43214</c:v>
                </c:pt>
                <c:pt idx="3044">
                  <c:v>43215</c:v>
                </c:pt>
                <c:pt idx="3045">
                  <c:v>43216</c:v>
                </c:pt>
                <c:pt idx="3046">
                  <c:v>43217</c:v>
                </c:pt>
                <c:pt idx="3047">
                  <c:v>43220</c:v>
                </c:pt>
                <c:pt idx="3048">
                  <c:v>43222</c:v>
                </c:pt>
                <c:pt idx="3049">
                  <c:v>43223</c:v>
                </c:pt>
                <c:pt idx="3050">
                  <c:v>43224</c:v>
                </c:pt>
                <c:pt idx="3051">
                  <c:v>43227</c:v>
                </c:pt>
                <c:pt idx="3052">
                  <c:v>43228</c:v>
                </c:pt>
                <c:pt idx="3053">
                  <c:v>43229</c:v>
                </c:pt>
                <c:pt idx="3054">
                  <c:v>43230</c:v>
                </c:pt>
                <c:pt idx="3055">
                  <c:v>43231</c:v>
                </c:pt>
                <c:pt idx="3056">
                  <c:v>43234</c:v>
                </c:pt>
                <c:pt idx="3057">
                  <c:v>43235</c:v>
                </c:pt>
                <c:pt idx="3058">
                  <c:v>43236</c:v>
                </c:pt>
                <c:pt idx="3059">
                  <c:v>43237</c:v>
                </c:pt>
                <c:pt idx="3060">
                  <c:v>43238</c:v>
                </c:pt>
                <c:pt idx="3061">
                  <c:v>43241</c:v>
                </c:pt>
                <c:pt idx="3062">
                  <c:v>43242</c:v>
                </c:pt>
                <c:pt idx="3063">
                  <c:v>43243</c:v>
                </c:pt>
                <c:pt idx="3064">
                  <c:v>43244</c:v>
                </c:pt>
                <c:pt idx="3065">
                  <c:v>43245</c:v>
                </c:pt>
                <c:pt idx="3066">
                  <c:v>43248</c:v>
                </c:pt>
                <c:pt idx="3067">
                  <c:v>43249</c:v>
                </c:pt>
                <c:pt idx="3068">
                  <c:v>43250</c:v>
                </c:pt>
                <c:pt idx="3069">
                  <c:v>43252</c:v>
                </c:pt>
                <c:pt idx="3070">
                  <c:v>43255</c:v>
                </c:pt>
                <c:pt idx="3071">
                  <c:v>43256</c:v>
                </c:pt>
                <c:pt idx="3072">
                  <c:v>43257</c:v>
                </c:pt>
                <c:pt idx="3073">
                  <c:v>43258</c:v>
                </c:pt>
                <c:pt idx="3074">
                  <c:v>43259</c:v>
                </c:pt>
                <c:pt idx="3075">
                  <c:v>43262</c:v>
                </c:pt>
                <c:pt idx="3076">
                  <c:v>43263</c:v>
                </c:pt>
                <c:pt idx="3077">
                  <c:v>43264</c:v>
                </c:pt>
                <c:pt idx="3078">
                  <c:v>43265</c:v>
                </c:pt>
                <c:pt idx="3079">
                  <c:v>43266</c:v>
                </c:pt>
                <c:pt idx="3080">
                  <c:v>43269</c:v>
                </c:pt>
                <c:pt idx="3081">
                  <c:v>43270</c:v>
                </c:pt>
                <c:pt idx="3082">
                  <c:v>43271</c:v>
                </c:pt>
                <c:pt idx="3083">
                  <c:v>43272</c:v>
                </c:pt>
                <c:pt idx="3084">
                  <c:v>43273</c:v>
                </c:pt>
                <c:pt idx="3085">
                  <c:v>43276</c:v>
                </c:pt>
                <c:pt idx="3086">
                  <c:v>43277</c:v>
                </c:pt>
                <c:pt idx="3087">
                  <c:v>43278</c:v>
                </c:pt>
                <c:pt idx="3088">
                  <c:v>43279</c:v>
                </c:pt>
                <c:pt idx="3089">
                  <c:v>43280</c:v>
                </c:pt>
                <c:pt idx="3090">
                  <c:v>43283</c:v>
                </c:pt>
                <c:pt idx="3091">
                  <c:v>43284</c:v>
                </c:pt>
                <c:pt idx="3092">
                  <c:v>43285</c:v>
                </c:pt>
                <c:pt idx="3093">
                  <c:v>43286</c:v>
                </c:pt>
                <c:pt idx="3094">
                  <c:v>43287</c:v>
                </c:pt>
                <c:pt idx="3095">
                  <c:v>43291</c:v>
                </c:pt>
                <c:pt idx="3096">
                  <c:v>43292</c:v>
                </c:pt>
                <c:pt idx="3097">
                  <c:v>43293</c:v>
                </c:pt>
                <c:pt idx="3098">
                  <c:v>43294</c:v>
                </c:pt>
                <c:pt idx="3099">
                  <c:v>43297</c:v>
                </c:pt>
                <c:pt idx="3100">
                  <c:v>43298</c:v>
                </c:pt>
                <c:pt idx="3101">
                  <c:v>43299</c:v>
                </c:pt>
                <c:pt idx="3102">
                  <c:v>43300</c:v>
                </c:pt>
                <c:pt idx="3103">
                  <c:v>43301</c:v>
                </c:pt>
                <c:pt idx="3104">
                  <c:v>43304</c:v>
                </c:pt>
                <c:pt idx="3105">
                  <c:v>43305</c:v>
                </c:pt>
                <c:pt idx="3106">
                  <c:v>43306</c:v>
                </c:pt>
                <c:pt idx="3107">
                  <c:v>43307</c:v>
                </c:pt>
                <c:pt idx="3108">
                  <c:v>43308</c:v>
                </c:pt>
                <c:pt idx="3109">
                  <c:v>43311</c:v>
                </c:pt>
                <c:pt idx="3110">
                  <c:v>43312</c:v>
                </c:pt>
                <c:pt idx="3111">
                  <c:v>43313</c:v>
                </c:pt>
                <c:pt idx="3112">
                  <c:v>43314</c:v>
                </c:pt>
                <c:pt idx="3113">
                  <c:v>43315</c:v>
                </c:pt>
                <c:pt idx="3114">
                  <c:v>43318</c:v>
                </c:pt>
                <c:pt idx="3115">
                  <c:v>43319</c:v>
                </c:pt>
                <c:pt idx="3116">
                  <c:v>43320</c:v>
                </c:pt>
                <c:pt idx="3117">
                  <c:v>43321</c:v>
                </c:pt>
                <c:pt idx="3118">
                  <c:v>43322</c:v>
                </c:pt>
                <c:pt idx="3119">
                  <c:v>43325</c:v>
                </c:pt>
                <c:pt idx="3120">
                  <c:v>43326</c:v>
                </c:pt>
                <c:pt idx="3121">
                  <c:v>43327</c:v>
                </c:pt>
                <c:pt idx="3122">
                  <c:v>43328</c:v>
                </c:pt>
                <c:pt idx="3123">
                  <c:v>43329</c:v>
                </c:pt>
                <c:pt idx="3124">
                  <c:v>43332</c:v>
                </c:pt>
                <c:pt idx="3125">
                  <c:v>43333</c:v>
                </c:pt>
                <c:pt idx="3126">
                  <c:v>43334</c:v>
                </c:pt>
                <c:pt idx="3127">
                  <c:v>43335</c:v>
                </c:pt>
                <c:pt idx="3128">
                  <c:v>43336</c:v>
                </c:pt>
                <c:pt idx="3129">
                  <c:v>43339</c:v>
                </c:pt>
                <c:pt idx="3130">
                  <c:v>43340</c:v>
                </c:pt>
                <c:pt idx="3131">
                  <c:v>43341</c:v>
                </c:pt>
                <c:pt idx="3132">
                  <c:v>43342</c:v>
                </c:pt>
                <c:pt idx="3133">
                  <c:v>43343</c:v>
                </c:pt>
                <c:pt idx="3134">
                  <c:v>43346</c:v>
                </c:pt>
                <c:pt idx="3135">
                  <c:v>43347</c:v>
                </c:pt>
                <c:pt idx="3136">
                  <c:v>43348</c:v>
                </c:pt>
                <c:pt idx="3137">
                  <c:v>43349</c:v>
                </c:pt>
                <c:pt idx="3138">
                  <c:v>43353</c:v>
                </c:pt>
                <c:pt idx="3139">
                  <c:v>43354</c:v>
                </c:pt>
                <c:pt idx="3140">
                  <c:v>43355</c:v>
                </c:pt>
                <c:pt idx="3141">
                  <c:v>43356</c:v>
                </c:pt>
                <c:pt idx="3142">
                  <c:v>43357</c:v>
                </c:pt>
                <c:pt idx="3143">
                  <c:v>43360</c:v>
                </c:pt>
                <c:pt idx="3144">
                  <c:v>43361</c:v>
                </c:pt>
                <c:pt idx="3145">
                  <c:v>43362</c:v>
                </c:pt>
                <c:pt idx="3146">
                  <c:v>43363</c:v>
                </c:pt>
                <c:pt idx="3147">
                  <c:v>43364</c:v>
                </c:pt>
                <c:pt idx="3148">
                  <c:v>43367</c:v>
                </c:pt>
                <c:pt idx="3149">
                  <c:v>43368</c:v>
                </c:pt>
                <c:pt idx="3150">
                  <c:v>43369</c:v>
                </c:pt>
                <c:pt idx="3151">
                  <c:v>43370</c:v>
                </c:pt>
                <c:pt idx="3152">
                  <c:v>43371</c:v>
                </c:pt>
                <c:pt idx="3153">
                  <c:v>43374</c:v>
                </c:pt>
                <c:pt idx="3154">
                  <c:v>43375</c:v>
                </c:pt>
                <c:pt idx="3155">
                  <c:v>43376</c:v>
                </c:pt>
                <c:pt idx="3156">
                  <c:v>43377</c:v>
                </c:pt>
                <c:pt idx="3157">
                  <c:v>43378</c:v>
                </c:pt>
                <c:pt idx="3158">
                  <c:v>43381</c:v>
                </c:pt>
                <c:pt idx="3159">
                  <c:v>43382</c:v>
                </c:pt>
                <c:pt idx="3160">
                  <c:v>43383</c:v>
                </c:pt>
                <c:pt idx="3161">
                  <c:v>43384</c:v>
                </c:pt>
                <c:pt idx="3162">
                  <c:v>43388</c:v>
                </c:pt>
                <c:pt idx="3163">
                  <c:v>43389</c:v>
                </c:pt>
                <c:pt idx="3164">
                  <c:v>43390</c:v>
                </c:pt>
                <c:pt idx="3165">
                  <c:v>43391</c:v>
                </c:pt>
                <c:pt idx="3166">
                  <c:v>43392</c:v>
                </c:pt>
                <c:pt idx="3167">
                  <c:v>43395</c:v>
                </c:pt>
                <c:pt idx="3168">
                  <c:v>43396</c:v>
                </c:pt>
                <c:pt idx="3169">
                  <c:v>43397</c:v>
                </c:pt>
                <c:pt idx="3170">
                  <c:v>43398</c:v>
                </c:pt>
                <c:pt idx="3171">
                  <c:v>43399</c:v>
                </c:pt>
                <c:pt idx="3172">
                  <c:v>43402</c:v>
                </c:pt>
                <c:pt idx="3173">
                  <c:v>43403</c:v>
                </c:pt>
                <c:pt idx="3174">
                  <c:v>43404</c:v>
                </c:pt>
                <c:pt idx="3175">
                  <c:v>43405</c:v>
                </c:pt>
                <c:pt idx="3176">
                  <c:v>43409</c:v>
                </c:pt>
                <c:pt idx="3177">
                  <c:v>43410</c:v>
                </c:pt>
                <c:pt idx="3178">
                  <c:v>43411</c:v>
                </c:pt>
                <c:pt idx="3179">
                  <c:v>43412</c:v>
                </c:pt>
                <c:pt idx="3180">
                  <c:v>43413</c:v>
                </c:pt>
                <c:pt idx="3181">
                  <c:v>43416</c:v>
                </c:pt>
                <c:pt idx="3182">
                  <c:v>43417</c:v>
                </c:pt>
                <c:pt idx="3183">
                  <c:v>43418</c:v>
                </c:pt>
                <c:pt idx="3184">
                  <c:v>43420</c:v>
                </c:pt>
                <c:pt idx="3185">
                  <c:v>43423</c:v>
                </c:pt>
                <c:pt idx="3186">
                  <c:v>43425</c:v>
                </c:pt>
                <c:pt idx="3187">
                  <c:v>43426</c:v>
                </c:pt>
                <c:pt idx="3188">
                  <c:v>43427</c:v>
                </c:pt>
                <c:pt idx="3189">
                  <c:v>43430</c:v>
                </c:pt>
                <c:pt idx="3190">
                  <c:v>43431</c:v>
                </c:pt>
                <c:pt idx="3191">
                  <c:v>43432</c:v>
                </c:pt>
                <c:pt idx="3192">
                  <c:v>43433</c:v>
                </c:pt>
                <c:pt idx="3193">
                  <c:v>43434</c:v>
                </c:pt>
                <c:pt idx="3194">
                  <c:v>43437</c:v>
                </c:pt>
                <c:pt idx="3195">
                  <c:v>43438</c:v>
                </c:pt>
                <c:pt idx="3196">
                  <c:v>43439</c:v>
                </c:pt>
                <c:pt idx="3197">
                  <c:v>43440</c:v>
                </c:pt>
                <c:pt idx="3198">
                  <c:v>43441</c:v>
                </c:pt>
                <c:pt idx="3199">
                  <c:v>43444</c:v>
                </c:pt>
                <c:pt idx="3200">
                  <c:v>43445</c:v>
                </c:pt>
                <c:pt idx="3201">
                  <c:v>43446</c:v>
                </c:pt>
                <c:pt idx="3202">
                  <c:v>43447</c:v>
                </c:pt>
                <c:pt idx="3203">
                  <c:v>43448</c:v>
                </c:pt>
                <c:pt idx="3204">
                  <c:v>43451</c:v>
                </c:pt>
                <c:pt idx="3205">
                  <c:v>43452</c:v>
                </c:pt>
                <c:pt idx="3206">
                  <c:v>43453</c:v>
                </c:pt>
                <c:pt idx="3207">
                  <c:v>43454</c:v>
                </c:pt>
                <c:pt idx="3208">
                  <c:v>43455</c:v>
                </c:pt>
                <c:pt idx="3209">
                  <c:v>43460</c:v>
                </c:pt>
                <c:pt idx="3210">
                  <c:v>43461</c:v>
                </c:pt>
                <c:pt idx="3211">
                  <c:v>43462</c:v>
                </c:pt>
                <c:pt idx="3212">
                  <c:v>43467</c:v>
                </c:pt>
                <c:pt idx="3213">
                  <c:v>43468</c:v>
                </c:pt>
                <c:pt idx="3214">
                  <c:v>43469</c:v>
                </c:pt>
                <c:pt idx="3215">
                  <c:v>43472</c:v>
                </c:pt>
                <c:pt idx="3216">
                  <c:v>43473</c:v>
                </c:pt>
                <c:pt idx="3217">
                  <c:v>43474</c:v>
                </c:pt>
                <c:pt idx="3218">
                  <c:v>43475</c:v>
                </c:pt>
                <c:pt idx="3219">
                  <c:v>43476</c:v>
                </c:pt>
                <c:pt idx="3220">
                  <c:v>43479</c:v>
                </c:pt>
                <c:pt idx="3221">
                  <c:v>43480</c:v>
                </c:pt>
                <c:pt idx="3222">
                  <c:v>43481</c:v>
                </c:pt>
                <c:pt idx="3223">
                  <c:v>43482</c:v>
                </c:pt>
                <c:pt idx="3224">
                  <c:v>43483</c:v>
                </c:pt>
                <c:pt idx="3225">
                  <c:v>43486</c:v>
                </c:pt>
                <c:pt idx="3226">
                  <c:v>43487</c:v>
                </c:pt>
                <c:pt idx="3227">
                  <c:v>43488</c:v>
                </c:pt>
                <c:pt idx="3228">
                  <c:v>43489</c:v>
                </c:pt>
                <c:pt idx="3229">
                  <c:v>43493</c:v>
                </c:pt>
                <c:pt idx="3230">
                  <c:v>43494</c:v>
                </c:pt>
                <c:pt idx="3231">
                  <c:v>43495</c:v>
                </c:pt>
                <c:pt idx="3232">
                  <c:v>43496</c:v>
                </c:pt>
                <c:pt idx="3233">
                  <c:v>43497</c:v>
                </c:pt>
                <c:pt idx="3234">
                  <c:v>43500</c:v>
                </c:pt>
                <c:pt idx="3235">
                  <c:v>43501</c:v>
                </c:pt>
                <c:pt idx="3236">
                  <c:v>43502</c:v>
                </c:pt>
                <c:pt idx="3237">
                  <c:v>43503</c:v>
                </c:pt>
                <c:pt idx="3238">
                  <c:v>43504</c:v>
                </c:pt>
                <c:pt idx="3239">
                  <c:v>43507</c:v>
                </c:pt>
                <c:pt idx="3240">
                  <c:v>43508</c:v>
                </c:pt>
                <c:pt idx="3241">
                  <c:v>43509</c:v>
                </c:pt>
                <c:pt idx="3242">
                  <c:v>43510</c:v>
                </c:pt>
                <c:pt idx="3243">
                  <c:v>43511</c:v>
                </c:pt>
                <c:pt idx="3244">
                  <c:v>43514</c:v>
                </c:pt>
                <c:pt idx="3245">
                  <c:v>43515</c:v>
                </c:pt>
                <c:pt idx="3246">
                  <c:v>43516</c:v>
                </c:pt>
                <c:pt idx="3247">
                  <c:v>43517</c:v>
                </c:pt>
                <c:pt idx="3248">
                  <c:v>43518</c:v>
                </c:pt>
                <c:pt idx="3249">
                  <c:v>43521</c:v>
                </c:pt>
                <c:pt idx="3250">
                  <c:v>43522</c:v>
                </c:pt>
                <c:pt idx="3251">
                  <c:v>43523</c:v>
                </c:pt>
                <c:pt idx="3252">
                  <c:v>43524</c:v>
                </c:pt>
                <c:pt idx="3253">
                  <c:v>43525</c:v>
                </c:pt>
                <c:pt idx="3254">
                  <c:v>43530</c:v>
                </c:pt>
                <c:pt idx="3255">
                  <c:v>43531</c:v>
                </c:pt>
                <c:pt idx="3256">
                  <c:v>43532</c:v>
                </c:pt>
                <c:pt idx="3257">
                  <c:v>43535</c:v>
                </c:pt>
                <c:pt idx="3258">
                  <c:v>43536</c:v>
                </c:pt>
                <c:pt idx="3259">
                  <c:v>43537</c:v>
                </c:pt>
                <c:pt idx="3260">
                  <c:v>43538</c:v>
                </c:pt>
                <c:pt idx="3261">
                  <c:v>43539</c:v>
                </c:pt>
                <c:pt idx="3262">
                  <c:v>43542</c:v>
                </c:pt>
                <c:pt idx="3263">
                  <c:v>43543</c:v>
                </c:pt>
                <c:pt idx="3264">
                  <c:v>43544</c:v>
                </c:pt>
                <c:pt idx="3265">
                  <c:v>43545</c:v>
                </c:pt>
                <c:pt idx="3266">
                  <c:v>43546</c:v>
                </c:pt>
                <c:pt idx="3267">
                  <c:v>43549</c:v>
                </c:pt>
                <c:pt idx="3268">
                  <c:v>43550</c:v>
                </c:pt>
                <c:pt idx="3269">
                  <c:v>43551</c:v>
                </c:pt>
                <c:pt idx="3270">
                  <c:v>43552</c:v>
                </c:pt>
                <c:pt idx="3271">
                  <c:v>43553</c:v>
                </c:pt>
                <c:pt idx="3272">
                  <c:v>43556</c:v>
                </c:pt>
                <c:pt idx="3273">
                  <c:v>43557</c:v>
                </c:pt>
                <c:pt idx="3274">
                  <c:v>43558</c:v>
                </c:pt>
                <c:pt idx="3275">
                  <c:v>43559</c:v>
                </c:pt>
                <c:pt idx="3276">
                  <c:v>43560</c:v>
                </c:pt>
                <c:pt idx="3277">
                  <c:v>43563</c:v>
                </c:pt>
                <c:pt idx="3278">
                  <c:v>43564</c:v>
                </c:pt>
                <c:pt idx="3279">
                  <c:v>43565</c:v>
                </c:pt>
                <c:pt idx="3280">
                  <c:v>43566</c:v>
                </c:pt>
                <c:pt idx="3281">
                  <c:v>43567</c:v>
                </c:pt>
                <c:pt idx="3282">
                  <c:v>43570</c:v>
                </c:pt>
                <c:pt idx="3283">
                  <c:v>43571</c:v>
                </c:pt>
                <c:pt idx="3284">
                  <c:v>43572</c:v>
                </c:pt>
                <c:pt idx="3285">
                  <c:v>43573</c:v>
                </c:pt>
                <c:pt idx="3286">
                  <c:v>43577</c:v>
                </c:pt>
                <c:pt idx="3287">
                  <c:v>43578</c:v>
                </c:pt>
                <c:pt idx="3288">
                  <c:v>43579</c:v>
                </c:pt>
                <c:pt idx="3289">
                  <c:v>43580</c:v>
                </c:pt>
                <c:pt idx="3290">
                  <c:v>43581</c:v>
                </c:pt>
                <c:pt idx="3291">
                  <c:v>43584</c:v>
                </c:pt>
                <c:pt idx="3292">
                  <c:v>43585</c:v>
                </c:pt>
                <c:pt idx="3293">
                  <c:v>43587</c:v>
                </c:pt>
                <c:pt idx="3294">
                  <c:v>43588</c:v>
                </c:pt>
                <c:pt idx="3295">
                  <c:v>43591</c:v>
                </c:pt>
                <c:pt idx="3296">
                  <c:v>43592</c:v>
                </c:pt>
                <c:pt idx="3297">
                  <c:v>43593</c:v>
                </c:pt>
                <c:pt idx="3298">
                  <c:v>43594</c:v>
                </c:pt>
                <c:pt idx="3299">
                  <c:v>43595</c:v>
                </c:pt>
                <c:pt idx="3300">
                  <c:v>43598</c:v>
                </c:pt>
                <c:pt idx="3301">
                  <c:v>43599</c:v>
                </c:pt>
                <c:pt idx="3302">
                  <c:v>43600</c:v>
                </c:pt>
                <c:pt idx="3303">
                  <c:v>43601</c:v>
                </c:pt>
                <c:pt idx="3304">
                  <c:v>43602</c:v>
                </c:pt>
                <c:pt idx="3305">
                  <c:v>43605</c:v>
                </c:pt>
                <c:pt idx="3306">
                  <c:v>43606</c:v>
                </c:pt>
                <c:pt idx="3307">
                  <c:v>43607</c:v>
                </c:pt>
                <c:pt idx="3308">
                  <c:v>43608</c:v>
                </c:pt>
                <c:pt idx="3309">
                  <c:v>43609</c:v>
                </c:pt>
                <c:pt idx="3310">
                  <c:v>43612</c:v>
                </c:pt>
                <c:pt idx="3311">
                  <c:v>43613</c:v>
                </c:pt>
                <c:pt idx="3312">
                  <c:v>43614</c:v>
                </c:pt>
                <c:pt idx="3313">
                  <c:v>43615</c:v>
                </c:pt>
                <c:pt idx="3314">
                  <c:v>43616</c:v>
                </c:pt>
                <c:pt idx="3315">
                  <c:v>43619</c:v>
                </c:pt>
                <c:pt idx="3316">
                  <c:v>43620</c:v>
                </c:pt>
                <c:pt idx="3317">
                  <c:v>43621</c:v>
                </c:pt>
                <c:pt idx="3318">
                  <c:v>43622</c:v>
                </c:pt>
                <c:pt idx="3319">
                  <c:v>43623</c:v>
                </c:pt>
                <c:pt idx="3320">
                  <c:v>43626</c:v>
                </c:pt>
                <c:pt idx="3321">
                  <c:v>43627</c:v>
                </c:pt>
                <c:pt idx="3322">
                  <c:v>43628</c:v>
                </c:pt>
                <c:pt idx="3323">
                  <c:v>43629</c:v>
                </c:pt>
                <c:pt idx="3324">
                  <c:v>43630</c:v>
                </c:pt>
                <c:pt idx="3325">
                  <c:v>43633</c:v>
                </c:pt>
                <c:pt idx="3326">
                  <c:v>43634</c:v>
                </c:pt>
                <c:pt idx="3327">
                  <c:v>43635</c:v>
                </c:pt>
                <c:pt idx="3328">
                  <c:v>43637</c:v>
                </c:pt>
              </c:numCache>
            </c:numRef>
          </c:cat>
          <c:val>
            <c:numRef>
              <c:f>'[Estudos RV 19 06.xlsx]Ibovespa em dólar'!$B$6:$B$5000</c:f>
              <c:numCache>
                <c:formatCode>#,##0.00</c:formatCode>
                <c:ptCount val="4988"/>
                <c:pt idx="0">
                  <c:v>33455.94</c:v>
                </c:pt>
                <c:pt idx="1">
                  <c:v>33507.269999999997</c:v>
                </c:pt>
                <c:pt idx="2">
                  <c:v>34540.58</c:v>
                </c:pt>
                <c:pt idx="3">
                  <c:v>35002.370000000003</c:v>
                </c:pt>
                <c:pt idx="4">
                  <c:v>34936.11</c:v>
                </c:pt>
                <c:pt idx="5">
                  <c:v>35475.019999999997</c:v>
                </c:pt>
                <c:pt idx="6">
                  <c:v>35337.33</c:v>
                </c:pt>
                <c:pt idx="7">
                  <c:v>35049.42</c:v>
                </c:pt>
                <c:pt idx="8">
                  <c:v>35952.239999999998</c:v>
                </c:pt>
                <c:pt idx="9">
                  <c:v>35779.300000000003</c:v>
                </c:pt>
                <c:pt idx="10">
                  <c:v>35897.120000000003</c:v>
                </c:pt>
                <c:pt idx="11">
                  <c:v>36533.68</c:v>
                </c:pt>
                <c:pt idx="12">
                  <c:v>36119.370000000003</c:v>
                </c:pt>
                <c:pt idx="13">
                  <c:v>35805.19</c:v>
                </c:pt>
                <c:pt idx="14">
                  <c:v>36858.19</c:v>
                </c:pt>
                <c:pt idx="15">
                  <c:v>36694.65</c:v>
                </c:pt>
                <c:pt idx="16">
                  <c:v>36631.75</c:v>
                </c:pt>
                <c:pt idx="17">
                  <c:v>37399.67</c:v>
                </c:pt>
                <c:pt idx="18">
                  <c:v>38014.36</c:v>
                </c:pt>
                <c:pt idx="19">
                  <c:v>37822.22</c:v>
                </c:pt>
                <c:pt idx="20">
                  <c:v>38242.04</c:v>
                </c:pt>
                <c:pt idx="21">
                  <c:v>38382.800000000003</c:v>
                </c:pt>
                <c:pt idx="22">
                  <c:v>38484.839999999997</c:v>
                </c:pt>
                <c:pt idx="23">
                  <c:v>37304.19</c:v>
                </c:pt>
                <c:pt idx="24">
                  <c:v>37261.730000000003</c:v>
                </c:pt>
                <c:pt idx="25">
                  <c:v>37321.199999999997</c:v>
                </c:pt>
                <c:pt idx="26">
                  <c:v>36561.699999999997</c:v>
                </c:pt>
                <c:pt idx="27">
                  <c:v>36499.410000000003</c:v>
                </c:pt>
                <c:pt idx="28">
                  <c:v>36882.31</c:v>
                </c:pt>
                <c:pt idx="29">
                  <c:v>36975.269999999997</c:v>
                </c:pt>
                <c:pt idx="30">
                  <c:v>36113.949999999997</c:v>
                </c:pt>
                <c:pt idx="31">
                  <c:v>36626.879999999997</c:v>
                </c:pt>
                <c:pt idx="32">
                  <c:v>37239.300000000003</c:v>
                </c:pt>
                <c:pt idx="33">
                  <c:v>38256.39</c:v>
                </c:pt>
                <c:pt idx="34">
                  <c:v>38421.83</c:v>
                </c:pt>
                <c:pt idx="35">
                  <c:v>38539.18</c:v>
                </c:pt>
                <c:pt idx="36">
                  <c:v>38165.97</c:v>
                </c:pt>
                <c:pt idx="37">
                  <c:v>38246.400000000001</c:v>
                </c:pt>
                <c:pt idx="38">
                  <c:v>38405.480000000003</c:v>
                </c:pt>
                <c:pt idx="39">
                  <c:v>38610.39</c:v>
                </c:pt>
                <c:pt idx="40">
                  <c:v>39177.870000000003</c:v>
                </c:pt>
                <c:pt idx="41">
                  <c:v>39125.839999999997</c:v>
                </c:pt>
                <c:pt idx="42">
                  <c:v>39239.75</c:v>
                </c:pt>
                <c:pt idx="43">
                  <c:v>38353.980000000003</c:v>
                </c:pt>
                <c:pt idx="44">
                  <c:v>37422.58</c:v>
                </c:pt>
                <c:pt idx="45">
                  <c:v>37289.08</c:v>
                </c:pt>
                <c:pt idx="46">
                  <c:v>36312.269999999997</c:v>
                </c:pt>
                <c:pt idx="47">
                  <c:v>36890.69</c:v>
                </c:pt>
                <c:pt idx="48">
                  <c:v>36792.980000000003</c:v>
                </c:pt>
                <c:pt idx="49">
                  <c:v>37541.49</c:v>
                </c:pt>
                <c:pt idx="50">
                  <c:v>38243.99</c:v>
                </c:pt>
                <c:pt idx="51">
                  <c:v>38156.639999999999</c:v>
                </c:pt>
                <c:pt idx="52">
                  <c:v>38049.17</c:v>
                </c:pt>
                <c:pt idx="53">
                  <c:v>38203.53</c:v>
                </c:pt>
                <c:pt idx="54">
                  <c:v>37398.01</c:v>
                </c:pt>
                <c:pt idx="55">
                  <c:v>37850.589999999997</c:v>
                </c:pt>
                <c:pt idx="56">
                  <c:v>37473.85</c:v>
                </c:pt>
                <c:pt idx="57">
                  <c:v>37577.050000000003</c:v>
                </c:pt>
                <c:pt idx="58">
                  <c:v>37641.06</c:v>
                </c:pt>
                <c:pt idx="59">
                  <c:v>36682.21</c:v>
                </c:pt>
                <c:pt idx="60">
                  <c:v>37491.57</c:v>
                </c:pt>
                <c:pt idx="61">
                  <c:v>37776.76</c:v>
                </c:pt>
                <c:pt idx="62">
                  <c:v>37951.97</c:v>
                </c:pt>
                <c:pt idx="63">
                  <c:v>38717.07</c:v>
                </c:pt>
                <c:pt idx="64">
                  <c:v>38802.26</c:v>
                </c:pt>
                <c:pt idx="65">
                  <c:v>39053.199999999997</c:v>
                </c:pt>
                <c:pt idx="66">
                  <c:v>39285.040000000001</c:v>
                </c:pt>
                <c:pt idx="67">
                  <c:v>38926.49</c:v>
                </c:pt>
                <c:pt idx="68">
                  <c:v>38474.730000000003</c:v>
                </c:pt>
                <c:pt idx="69">
                  <c:v>37901.19</c:v>
                </c:pt>
                <c:pt idx="70">
                  <c:v>38427.410000000003</c:v>
                </c:pt>
                <c:pt idx="71">
                  <c:v>38082.129999999997</c:v>
                </c:pt>
                <c:pt idx="72">
                  <c:v>38462.480000000003</c:v>
                </c:pt>
                <c:pt idx="73">
                  <c:v>39572.47</c:v>
                </c:pt>
                <c:pt idx="74">
                  <c:v>39937.74</c:v>
                </c:pt>
                <c:pt idx="75">
                  <c:v>39774.589999999997</c:v>
                </c:pt>
                <c:pt idx="76">
                  <c:v>39751.300000000003</c:v>
                </c:pt>
                <c:pt idx="77">
                  <c:v>39738.07</c:v>
                </c:pt>
                <c:pt idx="78">
                  <c:v>40410.06</c:v>
                </c:pt>
                <c:pt idx="79">
                  <c:v>39751.440000000002</c:v>
                </c:pt>
                <c:pt idx="80">
                  <c:v>40363.42</c:v>
                </c:pt>
                <c:pt idx="81">
                  <c:v>41016.58</c:v>
                </c:pt>
                <c:pt idx="82">
                  <c:v>40919.760000000002</c:v>
                </c:pt>
                <c:pt idx="83">
                  <c:v>40975.78</c:v>
                </c:pt>
                <c:pt idx="84">
                  <c:v>41417.269999999997</c:v>
                </c:pt>
                <c:pt idx="85">
                  <c:v>41515.49</c:v>
                </c:pt>
                <c:pt idx="86">
                  <c:v>41979.29</c:v>
                </c:pt>
                <c:pt idx="87">
                  <c:v>41751.5</c:v>
                </c:pt>
                <c:pt idx="88">
                  <c:v>40847.07</c:v>
                </c:pt>
                <c:pt idx="89">
                  <c:v>40211.97</c:v>
                </c:pt>
                <c:pt idx="90">
                  <c:v>39271.449999999997</c:v>
                </c:pt>
                <c:pt idx="91">
                  <c:v>39416.44</c:v>
                </c:pt>
                <c:pt idx="92">
                  <c:v>38290.68</c:v>
                </c:pt>
                <c:pt idx="93">
                  <c:v>37807.15</c:v>
                </c:pt>
                <c:pt idx="94">
                  <c:v>37732.86</c:v>
                </c:pt>
                <c:pt idx="95">
                  <c:v>36496.92</c:v>
                </c:pt>
                <c:pt idx="96">
                  <c:v>36110</c:v>
                </c:pt>
                <c:pt idx="97">
                  <c:v>35791.96</c:v>
                </c:pt>
                <c:pt idx="98">
                  <c:v>37568.660000000003</c:v>
                </c:pt>
                <c:pt idx="99">
                  <c:v>38629.71</c:v>
                </c:pt>
                <c:pt idx="100">
                  <c:v>38145.15</c:v>
                </c:pt>
                <c:pt idx="101">
                  <c:v>36412.51</c:v>
                </c:pt>
                <c:pt idx="102">
                  <c:v>36530.04</c:v>
                </c:pt>
                <c:pt idx="103">
                  <c:v>37748.300000000003</c:v>
                </c:pt>
                <c:pt idx="104">
                  <c:v>37942.18</c:v>
                </c:pt>
                <c:pt idx="105">
                  <c:v>36739.86</c:v>
                </c:pt>
                <c:pt idx="106">
                  <c:v>36557.800000000003</c:v>
                </c:pt>
                <c:pt idx="107">
                  <c:v>35264</c:v>
                </c:pt>
                <c:pt idx="108">
                  <c:v>35437.78</c:v>
                </c:pt>
                <c:pt idx="109">
                  <c:v>35074.629999999997</c:v>
                </c:pt>
                <c:pt idx="110">
                  <c:v>33554.519999999997</c:v>
                </c:pt>
                <c:pt idx="111">
                  <c:v>32847.61</c:v>
                </c:pt>
                <c:pt idx="112">
                  <c:v>32941.46</c:v>
                </c:pt>
                <c:pt idx="113">
                  <c:v>34398.92</c:v>
                </c:pt>
                <c:pt idx="114">
                  <c:v>33897.35</c:v>
                </c:pt>
                <c:pt idx="115">
                  <c:v>33632.14</c:v>
                </c:pt>
                <c:pt idx="116">
                  <c:v>34546.639999999999</c:v>
                </c:pt>
                <c:pt idx="117">
                  <c:v>34316.769999999997</c:v>
                </c:pt>
                <c:pt idx="118">
                  <c:v>34661.22</c:v>
                </c:pt>
                <c:pt idx="119">
                  <c:v>34631.24</c:v>
                </c:pt>
                <c:pt idx="120">
                  <c:v>34375.730000000003</c:v>
                </c:pt>
                <c:pt idx="121">
                  <c:v>34834.65</c:v>
                </c:pt>
                <c:pt idx="122">
                  <c:v>36486.67</c:v>
                </c:pt>
                <c:pt idx="123">
                  <c:v>36630.660000000003</c:v>
                </c:pt>
                <c:pt idx="124">
                  <c:v>37357.199999999997</c:v>
                </c:pt>
                <c:pt idx="125">
                  <c:v>37367.339999999997</c:v>
                </c:pt>
                <c:pt idx="126">
                  <c:v>36378.03</c:v>
                </c:pt>
                <c:pt idx="127">
                  <c:v>36533.129999999997</c:v>
                </c:pt>
                <c:pt idx="128">
                  <c:v>36101.980000000003</c:v>
                </c:pt>
                <c:pt idx="129">
                  <c:v>36140.639999999999</c:v>
                </c:pt>
                <c:pt idx="130">
                  <c:v>36553.56</c:v>
                </c:pt>
                <c:pt idx="131">
                  <c:v>36229.71</c:v>
                </c:pt>
                <c:pt idx="132">
                  <c:v>35354.28</c:v>
                </c:pt>
                <c:pt idx="133">
                  <c:v>35349.68</c:v>
                </c:pt>
                <c:pt idx="134">
                  <c:v>34866.31</c:v>
                </c:pt>
                <c:pt idx="135">
                  <c:v>35130.42</c:v>
                </c:pt>
                <c:pt idx="136">
                  <c:v>36785.449999999997</c:v>
                </c:pt>
                <c:pt idx="137">
                  <c:v>35846.839999999997</c:v>
                </c:pt>
                <c:pt idx="138">
                  <c:v>35510.400000000001</c:v>
                </c:pt>
                <c:pt idx="139">
                  <c:v>36224.39</c:v>
                </c:pt>
                <c:pt idx="140">
                  <c:v>36680.83</c:v>
                </c:pt>
                <c:pt idx="141">
                  <c:v>36594.300000000003</c:v>
                </c:pt>
                <c:pt idx="142">
                  <c:v>36887.72</c:v>
                </c:pt>
                <c:pt idx="143">
                  <c:v>37381.06</c:v>
                </c:pt>
                <c:pt idx="144">
                  <c:v>37077.120000000003</c:v>
                </c:pt>
                <c:pt idx="145">
                  <c:v>36839.31</c:v>
                </c:pt>
                <c:pt idx="146">
                  <c:v>37288.400000000001</c:v>
                </c:pt>
                <c:pt idx="147">
                  <c:v>37451.19</c:v>
                </c:pt>
                <c:pt idx="148">
                  <c:v>37847.879999999997</c:v>
                </c:pt>
                <c:pt idx="149">
                  <c:v>37697.550000000003</c:v>
                </c:pt>
                <c:pt idx="150">
                  <c:v>37600.44</c:v>
                </c:pt>
                <c:pt idx="151">
                  <c:v>37255.120000000003</c:v>
                </c:pt>
                <c:pt idx="152">
                  <c:v>37353.760000000002</c:v>
                </c:pt>
                <c:pt idx="153">
                  <c:v>36944.43</c:v>
                </c:pt>
                <c:pt idx="154">
                  <c:v>36556.879999999997</c:v>
                </c:pt>
                <c:pt idx="155">
                  <c:v>37295.93</c:v>
                </c:pt>
                <c:pt idx="156">
                  <c:v>37677.81</c:v>
                </c:pt>
                <c:pt idx="157">
                  <c:v>37558.89</c:v>
                </c:pt>
                <c:pt idx="158">
                  <c:v>37551.71</c:v>
                </c:pt>
                <c:pt idx="159">
                  <c:v>37160.6</c:v>
                </c:pt>
                <c:pt idx="160">
                  <c:v>36677.51</c:v>
                </c:pt>
                <c:pt idx="161">
                  <c:v>35512.1</c:v>
                </c:pt>
                <c:pt idx="162">
                  <c:v>35797.26</c:v>
                </c:pt>
                <c:pt idx="163">
                  <c:v>35957.519999999997</c:v>
                </c:pt>
                <c:pt idx="164">
                  <c:v>36374.51</c:v>
                </c:pt>
                <c:pt idx="165">
                  <c:v>36303.67</c:v>
                </c:pt>
                <c:pt idx="166">
                  <c:v>36313.43</c:v>
                </c:pt>
                <c:pt idx="167">
                  <c:v>36232.22</c:v>
                </c:pt>
                <c:pt idx="168">
                  <c:v>37329.15</c:v>
                </c:pt>
                <c:pt idx="169">
                  <c:v>37693.35</c:v>
                </c:pt>
                <c:pt idx="170">
                  <c:v>37367.96</c:v>
                </c:pt>
                <c:pt idx="171">
                  <c:v>36709.870000000003</c:v>
                </c:pt>
                <c:pt idx="172">
                  <c:v>36558.480000000003</c:v>
                </c:pt>
                <c:pt idx="173">
                  <c:v>35772.49</c:v>
                </c:pt>
                <c:pt idx="174">
                  <c:v>36146.660000000003</c:v>
                </c:pt>
                <c:pt idx="175">
                  <c:v>36549.71</c:v>
                </c:pt>
                <c:pt idx="176">
                  <c:v>36153.599999999999</c:v>
                </c:pt>
                <c:pt idx="177">
                  <c:v>36169.93</c:v>
                </c:pt>
                <c:pt idx="178">
                  <c:v>36482.78</c:v>
                </c:pt>
                <c:pt idx="179">
                  <c:v>35885.68</c:v>
                </c:pt>
                <c:pt idx="180">
                  <c:v>35196.589999999997</c:v>
                </c:pt>
                <c:pt idx="181">
                  <c:v>34830.080000000002</c:v>
                </c:pt>
                <c:pt idx="182">
                  <c:v>34798.800000000003</c:v>
                </c:pt>
                <c:pt idx="183">
                  <c:v>34972.74</c:v>
                </c:pt>
                <c:pt idx="184">
                  <c:v>35818.97</c:v>
                </c:pt>
                <c:pt idx="185">
                  <c:v>36105.64</c:v>
                </c:pt>
                <c:pt idx="186">
                  <c:v>36486.19</c:v>
                </c:pt>
                <c:pt idx="187">
                  <c:v>36449.4</c:v>
                </c:pt>
                <c:pt idx="188">
                  <c:v>37057.75</c:v>
                </c:pt>
                <c:pt idx="189">
                  <c:v>36437.550000000003</c:v>
                </c:pt>
                <c:pt idx="190">
                  <c:v>37749.29</c:v>
                </c:pt>
                <c:pt idx="191">
                  <c:v>37976.86</c:v>
                </c:pt>
                <c:pt idx="192">
                  <c:v>37940.44</c:v>
                </c:pt>
                <c:pt idx="193">
                  <c:v>38406.370000000003</c:v>
                </c:pt>
                <c:pt idx="194">
                  <c:v>38654.69</c:v>
                </c:pt>
                <c:pt idx="195">
                  <c:v>38322.21</c:v>
                </c:pt>
                <c:pt idx="196">
                  <c:v>38850.160000000003</c:v>
                </c:pt>
                <c:pt idx="197">
                  <c:v>39229.06</c:v>
                </c:pt>
                <c:pt idx="198">
                  <c:v>38897.5</c:v>
                </c:pt>
                <c:pt idx="199">
                  <c:v>38685.99</c:v>
                </c:pt>
                <c:pt idx="200">
                  <c:v>38919.75</c:v>
                </c:pt>
                <c:pt idx="201">
                  <c:v>38642.82</c:v>
                </c:pt>
                <c:pt idx="202">
                  <c:v>39226.76</c:v>
                </c:pt>
                <c:pt idx="203">
                  <c:v>39498.980000000003</c:v>
                </c:pt>
                <c:pt idx="204">
                  <c:v>39562.629999999997</c:v>
                </c:pt>
                <c:pt idx="205">
                  <c:v>39644.78</c:v>
                </c:pt>
                <c:pt idx="206">
                  <c:v>39328.47</c:v>
                </c:pt>
                <c:pt idx="207">
                  <c:v>38900.49</c:v>
                </c:pt>
                <c:pt idx="208">
                  <c:v>39262.79</c:v>
                </c:pt>
                <c:pt idx="209">
                  <c:v>39930.050000000003</c:v>
                </c:pt>
                <c:pt idx="210">
                  <c:v>40435.18</c:v>
                </c:pt>
                <c:pt idx="211">
                  <c:v>41246.61</c:v>
                </c:pt>
                <c:pt idx="212">
                  <c:v>41048.31</c:v>
                </c:pt>
                <c:pt idx="213">
                  <c:v>41334.230000000003</c:v>
                </c:pt>
                <c:pt idx="214">
                  <c:v>40815.480000000003</c:v>
                </c:pt>
                <c:pt idx="215">
                  <c:v>40719.919999999998</c:v>
                </c:pt>
                <c:pt idx="216">
                  <c:v>40605.79</c:v>
                </c:pt>
                <c:pt idx="217">
                  <c:v>41290.699999999997</c:v>
                </c:pt>
                <c:pt idx="218">
                  <c:v>41161.870000000003</c:v>
                </c:pt>
                <c:pt idx="219">
                  <c:v>41029.43</c:v>
                </c:pt>
                <c:pt idx="220">
                  <c:v>41570.400000000001</c:v>
                </c:pt>
                <c:pt idx="221">
                  <c:v>41912.92</c:v>
                </c:pt>
                <c:pt idx="222">
                  <c:v>42069.83</c:v>
                </c:pt>
                <c:pt idx="223">
                  <c:v>41757.72</c:v>
                </c:pt>
                <c:pt idx="224">
                  <c:v>40914.629999999997</c:v>
                </c:pt>
                <c:pt idx="225">
                  <c:v>41043.15</c:v>
                </c:pt>
                <c:pt idx="226">
                  <c:v>41970.01</c:v>
                </c:pt>
                <c:pt idx="227">
                  <c:v>41931.839999999997</c:v>
                </c:pt>
                <c:pt idx="228">
                  <c:v>41327.07</c:v>
                </c:pt>
                <c:pt idx="229">
                  <c:v>42654.33</c:v>
                </c:pt>
                <c:pt idx="230">
                  <c:v>43157.279999999999</c:v>
                </c:pt>
                <c:pt idx="231">
                  <c:v>43096.160000000003</c:v>
                </c:pt>
                <c:pt idx="232">
                  <c:v>42909.29</c:v>
                </c:pt>
                <c:pt idx="233">
                  <c:v>42977.58</c:v>
                </c:pt>
                <c:pt idx="234">
                  <c:v>43297.06</c:v>
                </c:pt>
                <c:pt idx="235">
                  <c:v>43018.45</c:v>
                </c:pt>
                <c:pt idx="236">
                  <c:v>43284.52</c:v>
                </c:pt>
                <c:pt idx="237">
                  <c:v>43754.559999999998</c:v>
                </c:pt>
                <c:pt idx="238">
                  <c:v>43595.7</c:v>
                </c:pt>
                <c:pt idx="239">
                  <c:v>43508.73</c:v>
                </c:pt>
                <c:pt idx="240">
                  <c:v>43589.72</c:v>
                </c:pt>
                <c:pt idx="241">
                  <c:v>43502.36</c:v>
                </c:pt>
                <c:pt idx="242">
                  <c:v>43385.02</c:v>
                </c:pt>
                <c:pt idx="243">
                  <c:v>43355.73</c:v>
                </c:pt>
                <c:pt idx="244">
                  <c:v>43603.08</c:v>
                </c:pt>
                <c:pt idx="245">
                  <c:v>44526.36</c:v>
                </c:pt>
                <c:pt idx="246">
                  <c:v>44473.71</c:v>
                </c:pt>
                <c:pt idx="247">
                  <c:v>45382.61</c:v>
                </c:pt>
                <c:pt idx="248">
                  <c:v>44445.29</c:v>
                </c:pt>
                <c:pt idx="249">
                  <c:v>44019.77</c:v>
                </c:pt>
                <c:pt idx="250">
                  <c:v>42245.16</c:v>
                </c:pt>
                <c:pt idx="251">
                  <c:v>42829.93</c:v>
                </c:pt>
                <c:pt idx="252">
                  <c:v>42006.78</c:v>
                </c:pt>
                <c:pt idx="253">
                  <c:v>42335.67</c:v>
                </c:pt>
                <c:pt idx="254">
                  <c:v>42670.32</c:v>
                </c:pt>
                <c:pt idx="255">
                  <c:v>43094.97</c:v>
                </c:pt>
                <c:pt idx="256">
                  <c:v>42919.17</c:v>
                </c:pt>
                <c:pt idx="257">
                  <c:v>42624.22</c:v>
                </c:pt>
                <c:pt idx="258">
                  <c:v>42735.48</c:v>
                </c:pt>
                <c:pt idx="259">
                  <c:v>42477.919999999998</c:v>
                </c:pt>
                <c:pt idx="260">
                  <c:v>43427.64</c:v>
                </c:pt>
                <c:pt idx="261">
                  <c:v>43553.3</c:v>
                </c:pt>
                <c:pt idx="262">
                  <c:v>44177.2</c:v>
                </c:pt>
                <c:pt idx="263">
                  <c:v>44686.73</c:v>
                </c:pt>
                <c:pt idx="264">
                  <c:v>44412.35</c:v>
                </c:pt>
                <c:pt idx="265">
                  <c:v>43573.49</c:v>
                </c:pt>
                <c:pt idx="266">
                  <c:v>44044.23</c:v>
                </c:pt>
                <c:pt idx="267">
                  <c:v>44641.599999999999</c:v>
                </c:pt>
                <c:pt idx="268">
                  <c:v>44815.01</c:v>
                </c:pt>
                <c:pt idx="269">
                  <c:v>44997.83</c:v>
                </c:pt>
                <c:pt idx="270">
                  <c:v>45286.17</c:v>
                </c:pt>
                <c:pt idx="271">
                  <c:v>45351.8</c:v>
                </c:pt>
                <c:pt idx="272">
                  <c:v>44587.96</c:v>
                </c:pt>
                <c:pt idx="273">
                  <c:v>44891.94</c:v>
                </c:pt>
                <c:pt idx="274">
                  <c:v>44284.4</c:v>
                </c:pt>
                <c:pt idx="275">
                  <c:v>43934.75</c:v>
                </c:pt>
                <c:pt idx="276">
                  <c:v>45197.45</c:v>
                </c:pt>
                <c:pt idx="277">
                  <c:v>45995.6</c:v>
                </c:pt>
                <c:pt idx="278">
                  <c:v>45955.07</c:v>
                </c:pt>
                <c:pt idx="279">
                  <c:v>45849.03</c:v>
                </c:pt>
                <c:pt idx="280">
                  <c:v>46090.239999999998</c:v>
                </c:pt>
                <c:pt idx="281">
                  <c:v>46452.26</c:v>
                </c:pt>
                <c:pt idx="282">
                  <c:v>46015.79</c:v>
                </c:pt>
                <c:pt idx="283">
                  <c:v>46207.4</c:v>
                </c:pt>
                <c:pt idx="284">
                  <c:v>43145.33</c:v>
                </c:pt>
                <c:pt idx="285">
                  <c:v>43892.31</c:v>
                </c:pt>
                <c:pt idx="286">
                  <c:v>43516.91</c:v>
                </c:pt>
                <c:pt idx="287">
                  <c:v>42369.84</c:v>
                </c:pt>
                <c:pt idx="288">
                  <c:v>41179.160000000003</c:v>
                </c:pt>
                <c:pt idx="289">
                  <c:v>43218.400000000001</c:v>
                </c:pt>
                <c:pt idx="290">
                  <c:v>42667.18</c:v>
                </c:pt>
                <c:pt idx="291">
                  <c:v>43465.83</c:v>
                </c:pt>
                <c:pt idx="292">
                  <c:v>44133.42</c:v>
                </c:pt>
                <c:pt idx="293">
                  <c:v>44249.23</c:v>
                </c:pt>
                <c:pt idx="294">
                  <c:v>42749.38</c:v>
                </c:pt>
                <c:pt idx="295">
                  <c:v>43288.44</c:v>
                </c:pt>
                <c:pt idx="296">
                  <c:v>43278.19</c:v>
                </c:pt>
                <c:pt idx="297">
                  <c:v>42730.04</c:v>
                </c:pt>
                <c:pt idx="298">
                  <c:v>43712.55</c:v>
                </c:pt>
                <c:pt idx="299">
                  <c:v>44350.87</c:v>
                </c:pt>
                <c:pt idx="300">
                  <c:v>45630.86</c:v>
                </c:pt>
                <c:pt idx="301">
                  <c:v>45424.18</c:v>
                </c:pt>
                <c:pt idx="302">
                  <c:v>45532.53</c:v>
                </c:pt>
                <c:pt idx="303">
                  <c:v>45644.56</c:v>
                </c:pt>
                <c:pt idx="304">
                  <c:v>45206.53</c:v>
                </c:pt>
                <c:pt idx="305">
                  <c:v>44484.1</c:v>
                </c:pt>
                <c:pt idx="306">
                  <c:v>45355.13</c:v>
                </c:pt>
                <c:pt idx="307">
                  <c:v>45804.66</c:v>
                </c:pt>
                <c:pt idx="308">
                  <c:v>45597.48</c:v>
                </c:pt>
                <c:pt idx="309">
                  <c:v>46288.160000000003</c:v>
                </c:pt>
                <c:pt idx="310">
                  <c:v>46553.93</c:v>
                </c:pt>
                <c:pt idx="311">
                  <c:v>46646.57</c:v>
                </c:pt>
                <c:pt idx="312">
                  <c:v>46854.71</c:v>
                </c:pt>
                <c:pt idx="313">
                  <c:v>47174.07</c:v>
                </c:pt>
                <c:pt idx="314">
                  <c:v>46939.19</c:v>
                </c:pt>
                <c:pt idx="315">
                  <c:v>47346.559999999998</c:v>
                </c:pt>
                <c:pt idx="316">
                  <c:v>47926.23</c:v>
                </c:pt>
                <c:pt idx="317">
                  <c:v>48921.21</c:v>
                </c:pt>
                <c:pt idx="318">
                  <c:v>48755.48</c:v>
                </c:pt>
                <c:pt idx="319">
                  <c:v>48709.84</c:v>
                </c:pt>
                <c:pt idx="320">
                  <c:v>48762.13</c:v>
                </c:pt>
                <c:pt idx="321">
                  <c:v>49408.18</c:v>
                </c:pt>
                <c:pt idx="322">
                  <c:v>49162.09</c:v>
                </c:pt>
                <c:pt idx="323">
                  <c:v>49070.86</c:v>
                </c:pt>
                <c:pt idx="324">
                  <c:v>49675.59</c:v>
                </c:pt>
                <c:pt idx="325">
                  <c:v>49067.69</c:v>
                </c:pt>
                <c:pt idx="326">
                  <c:v>49229.599999999999</c:v>
                </c:pt>
                <c:pt idx="327">
                  <c:v>48956.39</c:v>
                </c:pt>
                <c:pt idx="328">
                  <c:v>49471.54</c:v>
                </c:pt>
                <c:pt idx="329">
                  <c:v>50218.22</c:v>
                </c:pt>
                <c:pt idx="330">
                  <c:v>50597.79</c:v>
                </c:pt>
                <c:pt idx="331">
                  <c:v>50281.73</c:v>
                </c:pt>
                <c:pt idx="332">
                  <c:v>50277.69</c:v>
                </c:pt>
                <c:pt idx="333">
                  <c:v>51300.13</c:v>
                </c:pt>
                <c:pt idx="334">
                  <c:v>50234.68</c:v>
                </c:pt>
                <c:pt idx="335">
                  <c:v>50902.38</c:v>
                </c:pt>
                <c:pt idx="336">
                  <c:v>50510.76</c:v>
                </c:pt>
                <c:pt idx="337">
                  <c:v>50518.21</c:v>
                </c:pt>
                <c:pt idx="338">
                  <c:v>51737.56</c:v>
                </c:pt>
                <c:pt idx="339">
                  <c:v>51631.47</c:v>
                </c:pt>
                <c:pt idx="340">
                  <c:v>52077.68</c:v>
                </c:pt>
                <c:pt idx="341">
                  <c:v>52423.45</c:v>
                </c:pt>
                <c:pt idx="342">
                  <c:v>52208.09</c:v>
                </c:pt>
                <c:pt idx="343">
                  <c:v>51812.5</c:v>
                </c:pt>
                <c:pt idx="344">
                  <c:v>50530.65</c:v>
                </c:pt>
                <c:pt idx="345">
                  <c:v>51617.97</c:v>
                </c:pt>
                <c:pt idx="346">
                  <c:v>52119.97</c:v>
                </c:pt>
                <c:pt idx="347">
                  <c:v>51713.18</c:v>
                </c:pt>
                <c:pt idx="348">
                  <c:v>52527.65</c:v>
                </c:pt>
                <c:pt idx="349">
                  <c:v>52268.46</c:v>
                </c:pt>
                <c:pt idx="350">
                  <c:v>53422.67</c:v>
                </c:pt>
                <c:pt idx="351">
                  <c:v>53242.68</c:v>
                </c:pt>
                <c:pt idx="352">
                  <c:v>53162.21</c:v>
                </c:pt>
                <c:pt idx="353">
                  <c:v>52049.31</c:v>
                </c:pt>
                <c:pt idx="354">
                  <c:v>52329.68</c:v>
                </c:pt>
                <c:pt idx="355">
                  <c:v>52776.84</c:v>
                </c:pt>
                <c:pt idx="356">
                  <c:v>51797.14</c:v>
                </c:pt>
                <c:pt idx="357">
                  <c:v>52993.73</c:v>
                </c:pt>
                <c:pt idx="358">
                  <c:v>53712.89</c:v>
                </c:pt>
                <c:pt idx="359">
                  <c:v>54518.63</c:v>
                </c:pt>
                <c:pt idx="360">
                  <c:v>54730.44</c:v>
                </c:pt>
                <c:pt idx="361">
                  <c:v>54643.72</c:v>
                </c:pt>
                <c:pt idx="362">
                  <c:v>54029.24</c:v>
                </c:pt>
                <c:pt idx="363">
                  <c:v>54656.88</c:v>
                </c:pt>
                <c:pt idx="364">
                  <c:v>54267.1</c:v>
                </c:pt>
                <c:pt idx="365">
                  <c:v>54041.57</c:v>
                </c:pt>
                <c:pt idx="366">
                  <c:v>53851.68</c:v>
                </c:pt>
                <c:pt idx="367">
                  <c:v>54143.07</c:v>
                </c:pt>
                <c:pt idx="368">
                  <c:v>54146.59</c:v>
                </c:pt>
                <c:pt idx="369">
                  <c:v>54392.06</c:v>
                </c:pt>
                <c:pt idx="370">
                  <c:v>55371.21</c:v>
                </c:pt>
                <c:pt idx="371">
                  <c:v>55699.69</c:v>
                </c:pt>
                <c:pt idx="372">
                  <c:v>55696.47</c:v>
                </c:pt>
                <c:pt idx="373">
                  <c:v>55932.34</c:v>
                </c:pt>
                <c:pt idx="374">
                  <c:v>56443.73</c:v>
                </c:pt>
                <c:pt idx="375">
                  <c:v>55882.7</c:v>
                </c:pt>
                <c:pt idx="376">
                  <c:v>56356.13</c:v>
                </c:pt>
                <c:pt idx="377">
                  <c:v>57613.05</c:v>
                </c:pt>
                <c:pt idx="378">
                  <c:v>57644.160000000003</c:v>
                </c:pt>
                <c:pt idx="379">
                  <c:v>57374.400000000001</c:v>
                </c:pt>
                <c:pt idx="380">
                  <c:v>57659.65</c:v>
                </c:pt>
                <c:pt idx="381">
                  <c:v>57555.85</c:v>
                </c:pt>
                <c:pt idx="382">
                  <c:v>58124.57</c:v>
                </c:pt>
                <c:pt idx="383">
                  <c:v>57442.74</c:v>
                </c:pt>
                <c:pt idx="384">
                  <c:v>58036.77</c:v>
                </c:pt>
                <c:pt idx="385">
                  <c:v>55794.57</c:v>
                </c:pt>
                <c:pt idx="386">
                  <c:v>56001.3</c:v>
                </c:pt>
                <c:pt idx="387">
                  <c:v>53893.15</c:v>
                </c:pt>
                <c:pt idx="388">
                  <c:v>52922.23</c:v>
                </c:pt>
                <c:pt idx="389">
                  <c:v>54572.61</c:v>
                </c:pt>
                <c:pt idx="390">
                  <c:v>54182.5</c:v>
                </c:pt>
                <c:pt idx="391">
                  <c:v>54233.87</c:v>
                </c:pt>
                <c:pt idx="392">
                  <c:v>54690.92</c:v>
                </c:pt>
                <c:pt idx="393">
                  <c:v>52846.38</c:v>
                </c:pt>
                <c:pt idx="394">
                  <c:v>53091.1</c:v>
                </c:pt>
                <c:pt idx="395">
                  <c:v>53802.48</c:v>
                </c:pt>
                <c:pt idx="396">
                  <c:v>55241.37</c:v>
                </c:pt>
                <c:pt idx="397">
                  <c:v>53430.84</c:v>
                </c:pt>
                <c:pt idx="398">
                  <c:v>52638.13</c:v>
                </c:pt>
                <c:pt idx="399">
                  <c:v>52434.01</c:v>
                </c:pt>
                <c:pt idx="400">
                  <c:v>50911.75</c:v>
                </c:pt>
                <c:pt idx="401">
                  <c:v>49285.3</c:v>
                </c:pt>
                <c:pt idx="402">
                  <c:v>48015.55</c:v>
                </c:pt>
                <c:pt idx="403">
                  <c:v>48558.76</c:v>
                </c:pt>
                <c:pt idx="404">
                  <c:v>49206.36</c:v>
                </c:pt>
                <c:pt idx="405">
                  <c:v>49815.08</c:v>
                </c:pt>
                <c:pt idx="406">
                  <c:v>51744.56</c:v>
                </c:pt>
                <c:pt idx="407">
                  <c:v>51848.23</c:v>
                </c:pt>
                <c:pt idx="408">
                  <c:v>52997.56</c:v>
                </c:pt>
                <c:pt idx="409">
                  <c:v>53078.15</c:v>
                </c:pt>
                <c:pt idx="410">
                  <c:v>51645.33</c:v>
                </c:pt>
                <c:pt idx="411">
                  <c:v>52734.64</c:v>
                </c:pt>
                <c:pt idx="412">
                  <c:v>52857.84</c:v>
                </c:pt>
                <c:pt idx="413">
                  <c:v>54637.24</c:v>
                </c:pt>
                <c:pt idx="414">
                  <c:v>54832.51</c:v>
                </c:pt>
                <c:pt idx="415">
                  <c:v>55250.47</c:v>
                </c:pt>
                <c:pt idx="416">
                  <c:v>54407.83</c:v>
                </c:pt>
                <c:pt idx="417">
                  <c:v>54569</c:v>
                </c:pt>
                <c:pt idx="418">
                  <c:v>52652.57</c:v>
                </c:pt>
                <c:pt idx="419">
                  <c:v>53920.57</c:v>
                </c:pt>
                <c:pt idx="420">
                  <c:v>53882.71</c:v>
                </c:pt>
                <c:pt idx="421">
                  <c:v>54908.18</c:v>
                </c:pt>
                <c:pt idx="422">
                  <c:v>54671</c:v>
                </c:pt>
                <c:pt idx="423">
                  <c:v>54340.54</c:v>
                </c:pt>
                <c:pt idx="424">
                  <c:v>56666.3</c:v>
                </c:pt>
                <c:pt idx="425">
                  <c:v>57264.22</c:v>
                </c:pt>
                <c:pt idx="426">
                  <c:v>56906.44</c:v>
                </c:pt>
                <c:pt idx="427">
                  <c:v>57798.79</c:v>
                </c:pt>
                <c:pt idx="428">
                  <c:v>58719.37</c:v>
                </c:pt>
                <c:pt idx="429">
                  <c:v>58857.78</c:v>
                </c:pt>
                <c:pt idx="430">
                  <c:v>59714.83</c:v>
                </c:pt>
                <c:pt idx="431">
                  <c:v>61052.44</c:v>
                </c:pt>
                <c:pt idx="432">
                  <c:v>60465.06</c:v>
                </c:pt>
                <c:pt idx="433">
                  <c:v>62340.34</c:v>
                </c:pt>
                <c:pt idx="434">
                  <c:v>62017.120000000003</c:v>
                </c:pt>
                <c:pt idx="435">
                  <c:v>60098.57</c:v>
                </c:pt>
                <c:pt idx="436">
                  <c:v>60406.720000000001</c:v>
                </c:pt>
                <c:pt idx="437">
                  <c:v>62318.720000000001</c:v>
                </c:pt>
                <c:pt idx="438">
                  <c:v>62660.85</c:v>
                </c:pt>
                <c:pt idx="439">
                  <c:v>63548.69</c:v>
                </c:pt>
                <c:pt idx="440">
                  <c:v>63197.04</c:v>
                </c:pt>
                <c:pt idx="441">
                  <c:v>62455.77</c:v>
                </c:pt>
                <c:pt idx="442">
                  <c:v>62969.440000000002</c:v>
                </c:pt>
                <c:pt idx="443">
                  <c:v>61717.9</c:v>
                </c:pt>
                <c:pt idx="444">
                  <c:v>63193.67</c:v>
                </c:pt>
                <c:pt idx="445">
                  <c:v>63261.33</c:v>
                </c:pt>
                <c:pt idx="446">
                  <c:v>60894.29</c:v>
                </c:pt>
                <c:pt idx="447">
                  <c:v>61215.13</c:v>
                </c:pt>
                <c:pt idx="448">
                  <c:v>62697.14</c:v>
                </c:pt>
                <c:pt idx="449">
                  <c:v>62624.81</c:v>
                </c:pt>
                <c:pt idx="450">
                  <c:v>62341.49</c:v>
                </c:pt>
                <c:pt idx="451">
                  <c:v>64275.58</c:v>
                </c:pt>
                <c:pt idx="452">
                  <c:v>65044.31</c:v>
                </c:pt>
                <c:pt idx="453">
                  <c:v>64383.13</c:v>
                </c:pt>
                <c:pt idx="454">
                  <c:v>65317.7</c:v>
                </c:pt>
                <c:pt idx="455">
                  <c:v>64050.080000000002</c:v>
                </c:pt>
                <c:pt idx="456">
                  <c:v>62959.55</c:v>
                </c:pt>
                <c:pt idx="457">
                  <c:v>64503.43</c:v>
                </c:pt>
                <c:pt idx="458">
                  <c:v>63500.62</c:v>
                </c:pt>
                <c:pt idx="459">
                  <c:v>63561.91</c:v>
                </c:pt>
                <c:pt idx="460">
                  <c:v>64320.56</c:v>
                </c:pt>
                <c:pt idx="461">
                  <c:v>61526.87</c:v>
                </c:pt>
                <c:pt idx="462">
                  <c:v>62927.03</c:v>
                </c:pt>
                <c:pt idx="463">
                  <c:v>64630.87</c:v>
                </c:pt>
                <c:pt idx="464">
                  <c:v>64609.38</c:v>
                </c:pt>
                <c:pt idx="465">
                  <c:v>62336.02</c:v>
                </c:pt>
                <c:pt idx="466">
                  <c:v>60581.54</c:v>
                </c:pt>
                <c:pt idx="467">
                  <c:v>60653.01</c:v>
                </c:pt>
                <c:pt idx="468">
                  <c:v>60970.9</c:v>
                </c:pt>
                <c:pt idx="469">
                  <c:v>59069.17</c:v>
                </c:pt>
                <c:pt idx="470">
                  <c:v>59431.5</c:v>
                </c:pt>
                <c:pt idx="471">
                  <c:v>61714.64</c:v>
                </c:pt>
                <c:pt idx="472">
                  <c:v>62156.34</c:v>
                </c:pt>
                <c:pt idx="473">
                  <c:v>63006.16</c:v>
                </c:pt>
                <c:pt idx="474">
                  <c:v>63199.85</c:v>
                </c:pt>
                <c:pt idx="475">
                  <c:v>63481.53</c:v>
                </c:pt>
                <c:pt idx="476">
                  <c:v>64927.96</c:v>
                </c:pt>
                <c:pt idx="477">
                  <c:v>65790.81</c:v>
                </c:pt>
                <c:pt idx="478">
                  <c:v>65638.539999999994</c:v>
                </c:pt>
                <c:pt idx="479">
                  <c:v>65445.96</c:v>
                </c:pt>
                <c:pt idx="480">
                  <c:v>64512.26</c:v>
                </c:pt>
                <c:pt idx="481">
                  <c:v>64741.69</c:v>
                </c:pt>
                <c:pt idx="482">
                  <c:v>62860.99</c:v>
                </c:pt>
                <c:pt idx="483">
                  <c:v>62444.97</c:v>
                </c:pt>
                <c:pt idx="484">
                  <c:v>59828.21</c:v>
                </c:pt>
                <c:pt idx="485">
                  <c:v>61096.28</c:v>
                </c:pt>
                <c:pt idx="486">
                  <c:v>61721.71</c:v>
                </c:pt>
                <c:pt idx="487">
                  <c:v>61716.2</c:v>
                </c:pt>
                <c:pt idx="488">
                  <c:v>63097.71</c:v>
                </c:pt>
                <c:pt idx="489">
                  <c:v>64288.26</c:v>
                </c:pt>
                <c:pt idx="490">
                  <c:v>63774.38</c:v>
                </c:pt>
                <c:pt idx="491">
                  <c:v>63886.1</c:v>
                </c:pt>
                <c:pt idx="492">
                  <c:v>62815.13</c:v>
                </c:pt>
                <c:pt idx="493">
                  <c:v>62891.97</c:v>
                </c:pt>
                <c:pt idx="494">
                  <c:v>61036.61</c:v>
                </c:pt>
                <c:pt idx="495">
                  <c:v>60772.15</c:v>
                </c:pt>
                <c:pt idx="496">
                  <c:v>62080.73</c:v>
                </c:pt>
                <c:pt idx="497">
                  <c:v>62673.69</c:v>
                </c:pt>
                <c:pt idx="498">
                  <c:v>63515.48</c:v>
                </c:pt>
                <c:pt idx="499">
                  <c:v>61942.36</c:v>
                </c:pt>
                <c:pt idx="500">
                  <c:v>62187.78</c:v>
                </c:pt>
                <c:pt idx="501">
                  <c:v>59907.06</c:v>
                </c:pt>
                <c:pt idx="502">
                  <c:v>58777.45</c:v>
                </c:pt>
                <c:pt idx="503">
                  <c:v>57036.85</c:v>
                </c:pt>
                <c:pt idx="504">
                  <c:v>57506.47</c:v>
                </c:pt>
                <c:pt idx="505">
                  <c:v>53709.11</c:v>
                </c:pt>
                <c:pt idx="506">
                  <c:v>56097.18</c:v>
                </c:pt>
                <c:pt idx="507">
                  <c:v>54234.82</c:v>
                </c:pt>
                <c:pt idx="508">
                  <c:v>57463.31</c:v>
                </c:pt>
                <c:pt idx="509">
                  <c:v>58593.78</c:v>
                </c:pt>
                <c:pt idx="510">
                  <c:v>59529.58</c:v>
                </c:pt>
                <c:pt idx="511">
                  <c:v>60289.41</c:v>
                </c:pt>
                <c:pt idx="512">
                  <c:v>59490.400000000001</c:v>
                </c:pt>
                <c:pt idx="513">
                  <c:v>61079.83</c:v>
                </c:pt>
                <c:pt idx="514">
                  <c:v>58968.53</c:v>
                </c:pt>
                <c:pt idx="515">
                  <c:v>58965.48</c:v>
                </c:pt>
                <c:pt idx="516">
                  <c:v>59075.98</c:v>
                </c:pt>
                <c:pt idx="517">
                  <c:v>60643.22</c:v>
                </c:pt>
                <c:pt idx="518">
                  <c:v>61805.47</c:v>
                </c:pt>
                <c:pt idx="519">
                  <c:v>62590.65</c:v>
                </c:pt>
                <c:pt idx="520">
                  <c:v>61818.99</c:v>
                </c:pt>
                <c:pt idx="521">
                  <c:v>61271.87</c:v>
                </c:pt>
                <c:pt idx="522">
                  <c:v>62801.43</c:v>
                </c:pt>
                <c:pt idx="523">
                  <c:v>62296.54</c:v>
                </c:pt>
                <c:pt idx="524">
                  <c:v>63747.49</c:v>
                </c:pt>
                <c:pt idx="525">
                  <c:v>63792.23</c:v>
                </c:pt>
                <c:pt idx="526">
                  <c:v>64608.78</c:v>
                </c:pt>
                <c:pt idx="527">
                  <c:v>65000.94</c:v>
                </c:pt>
                <c:pt idx="528">
                  <c:v>65182.61</c:v>
                </c:pt>
                <c:pt idx="529">
                  <c:v>65494.85</c:v>
                </c:pt>
                <c:pt idx="530">
                  <c:v>65555.08</c:v>
                </c:pt>
                <c:pt idx="531">
                  <c:v>63489.3</c:v>
                </c:pt>
                <c:pt idx="532">
                  <c:v>64490.46</c:v>
                </c:pt>
                <c:pt idx="533">
                  <c:v>63655.54</c:v>
                </c:pt>
                <c:pt idx="534">
                  <c:v>64629.48</c:v>
                </c:pt>
                <c:pt idx="535">
                  <c:v>62974.65</c:v>
                </c:pt>
                <c:pt idx="536">
                  <c:v>61867.99</c:v>
                </c:pt>
                <c:pt idx="537">
                  <c:v>59999.27</c:v>
                </c:pt>
                <c:pt idx="538">
                  <c:v>62367.72</c:v>
                </c:pt>
                <c:pt idx="539">
                  <c:v>62176.58</c:v>
                </c:pt>
                <c:pt idx="540">
                  <c:v>62279.71</c:v>
                </c:pt>
                <c:pt idx="541">
                  <c:v>61990.99</c:v>
                </c:pt>
                <c:pt idx="542">
                  <c:v>60011.839999999997</c:v>
                </c:pt>
                <c:pt idx="543">
                  <c:v>61932.78</c:v>
                </c:pt>
                <c:pt idx="544">
                  <c:v>58827.360000000001</c:v>
                </c:pt>
                <c:pt idx="545">
                  <c:v>58987.31</c:v>
                </c:pt>
                <c:pt idx="546">
                  <c:v>59812.53</c:v>
                </c:pt>
                <c:pt idx="547">
                  <c:v>61234.06</c:v>
                </c:pt>
                <c:pt idx="548">
                  <c:v>61415.28</c:v>
                </c:pt>
                <c:pt idx="549">
                  <c:v>60761.68</c:v>
                </c:pt>
                <c:pt idx="550">
                  <c:v>60452.12</c:v>
                </c:pt>
                <c:pt idx="551">
                  <c:v>60968.07</c:v>
                </c:pt>
                <c:pt idx="552">
                  <c:v>62774.85</c:v>
                </c:pt>
                <c:pt idx="553">
                  <c:v>63364.36</c:v>
                </c:pt>
                <c:pt idx="554">
                  <c:v>64175.05</c:v>
                </c:pt>
                <c:pt idx="555">
                  <c:v>64445.97</c:v>
                </c:pt>
                <c:pt idx="556">
                  <c:v>64175.58</c:v>
                </c:pt>
                <c:pt idx="557">
                  <c:v>64539.54</c:v>
                </c:pt>
                <c:pt idx="558">
                  <c:v>63476.92</c:v>
                </c:pt>
                <c:pt idx="559">
                  <c:v>63527.11</c:v>
                </c:pt>
                <c:pt idx="560">
                  <c:v>62585.21</c:v>
                </c:pt>
                <c:pt idx="561">
                  <c:v>62153.45</c:v>
                </c:pt>
                <c:pt idx="562">
                  <c:v>62618.39</c:v>
                </c:pt>
                <c:pt idx="563">
                  <c:v>64151.94</c:v>
                </c:pt>
                <c:pt idx="564">
                  <c:v>64552.42</c:v>
                </c:pt>
                <c:pt idx="565">
                  <c:v>64922.67</c:v>
                </c:pt>
                <c:pt idx="566">
                  <c:v>65412.66</c:v>
                </c:pt>
                <c:pt idx="567">
                  <c:v>64947.54</c:v>
                </c:pt>
                <c:pt idx="568">
                  <c:v>64576.26</c:v>
                </c:pt>
                <c:pt idx="569">
                  <c:v>65187.34</c:v>
                </c:pt>
                <c:pt idx="570">
                  <c:v>65677.740000000005</c:v>
                </c:pt>
                <c:pt idx="571">
                  <c:v>63825.74</c:v>
                </c:pt>
                <c:pt idx="572">
                  <c:v>67868.460000000006</c:v>
                </c:pt>
                <c:pt idx="573">
                  <c:v>69366.39</c:v>
                </c:pt>
                <c:pt idx="574">
                  <c:v>70174.880000000005</c:v>
                </c:pt>
                <c:pt idx="575">
                  <c:v>70195.27</c:v>
                </c:pt>
                <c:pt idx="576">
                  <c:v>69017.66</c:v>
                </c:pt>
                <c:pt idx="577">
                  <c:v>69722.25</c:v>
                </c:pt>
                <c:pt idx="578">
                  <c:v>69645.7</c:v>
                </c:pt>
                <c:pt idx="579">
                  <c:v>70415.820000000007</c:v>
                </c:pt>
                <c:pt idx="580">
                  <c:v>70503.25</c:v>
                </c:pt>
                <c:pt idx="581">
                  <c:v>70026.62</c:v>
                </c:pt>
                <c:pt idx="582">
                  <c:v>71492.36</c:v>
                </c:pt>
                <c:pt idx="583">
                  <c:v>72766.929999999993</c:v>
                </c:pt>
                <c:pt idx="584">
                  <c:v>73438.83</c:v>
                </c:pt>
                <c:pt idx="585">
                  <c:v>73516.81</c:v>
                </c:pt>
                <c:pt idx="586">
                  <c:v>72294.8</c:v>
                </c:pt>
                <c:pt idx="587">
                  <c:v>71451.8</c:v>
                </c:pt>
                <c:pt idx="588">
                  <c:v>71628.740000000005</c:v>
                </c:pt>
                <c:pt idx="589">
                  <c:v>70992.06</c:v>
                </c:pt>
                <c:pt idx="590">
                  <c:v>73153.23</c:v>
                </c:pt>
                <c:pt idx="591">
                  <c:v>71797.539999999994</c:v>
                </c:pt>
                <c:pt idx="592">
                  <c:v>72592.5</c:v>
                </c:pt>
                <c:pt idx="593">
                  <c:v>71897.25</c:v>
                </c:pt>
                <c:pt idx="594">
                  <c:v>70011.92</c:v>
                </c:pt>
                <c:pt idx="595">
                  <c:v>68673.14</c:v>
                </c:pt>
                <c:pt idx="596">
                  <c:v>71209.119999999995</c:v>
                </c:pt>
                <c:pt idx="597">
                  <c:v>69785.87</c:v>
                </c:pt>
                <c:pt idx="598">
                  <c:v>69281.2</c:v>
                </c:pt>
                <c:pt idx="599">
                  <c:v>67774.94</c:v>
                </c:pt>
                <c:pt idx="600">
                  <c:v>66794.759999999995</c:v>
                </c:pt>
                <c:pt idx="601">
                  <c:v>67319.63</c:v>
                </c:pt>
                <c:pt idx="602">
                  <c:v>67203.520000000004</c:v>
                </c:pt>
                <c:pt idx="603">
                  <c:v>67284.61</c:v>
                </c:pt>
                <c:pt idx="604">
                  <c:v>68437.5</c:v>
                </c:pt>
                <c:pt idx="605">
                  <c:v>67090.45</c:v>
                </c:pt>
                <c:pt idx="606">
                  <c:v>66590.41</c:v>
                </c:pt>
                <c:pt idx="607">
                  <c:v>64613.79</c:v>
                </c:pt>
                <c:pt idx="608">
                  <c:v>64640.45</c:v>
                </c:pt>
                <c:pt idx="609">
                  <c:v>64167.77</c:v>
                </c:pt>
                <c:pt idx="610">
                  <c:v>65853.34</c:v>
                </c:pt>
                <c:pt idx="611">
                  <c:v>63946.92</c:v>
                </c:pt>
                <c:pt idx="612">
                  <c:v>64321.11</c:v>
                </c:pt>
                <c:pt idx="613">
                  <c:v>65017.58</c:v>
                </c:pt>
                <c:pt idx="614">
                  <c:v>63396.19</c:v>
                </c:pt>
                <c:pt idx="615">
                  <c:v>61106.22</c:v>
                </c:pt>
                <c:pt idx="616">
                  <c:v>59273.38</c:v>
                </c:pt>
                <c:pt idx="617">
                  <c:v>59365.35</c:v>
                </c:pt>
                <c:pt idx="618">
                  <c:v>59088.2</c:v>
                </c:pt>
                <c:pt idx="619">
                  <c:v>59535.95</c:v>
                </c:pt>
                <c:pt idx="620">
                  <c:v>60252.74</c:v>
                </c:pt>
                <c:pt idx="621">
                  <c:v>60148.26</c:v>
                </c:pt>
                <c:pt idx="622">
                  <c:v>60720.9</c:v>
                </c:pt>
                <c:pt idx="623">
                  <c:v>61015.09</c:v>
                </c:pt>
                <c:pt idx="624">
                  <c:v>62056.47</c:v>
                </c:pt>
                <c:pt idx="625">
                  <c:v>60108.72</c:v>
                </c:pt>
                <c:pt idx="626">
                  <c:v>59988.1</c:v>
                </c:pt>
                <c:pt idx="627">
                  <c:v>60771.79</c:v>
                </c:pt>
                <c:pt idx="628">
                  <c:v>59647.32</c:v>
                </c:pt>
                <c:pt idx="629">
                  <c:v>59420.86</c:v>
                </c:pt>
                <c:pt idx="630">
                  <c:v>57434.37</c:v>
                </c:pt>
                <c:pt idx="631">
                  <c:v>57199.14</c:v>
                </c:pt>
                <c:pt idx="632">
                  <c:v>56869.02</c:v>
                </c:pt>
                <c:pt idx="633">
                  <c:v>58042.87</c:v>
                </c:pt>
                <c:pt idx="634">
                  <c:v>59997.64</c:v>
                </c:pt>
                <c:pt idx="635">
                  <c:v>59505.17</c:v>
                </c:pt>
                <c:pt idx="636">
                  <c:v>57630.35</c:v>
                </c:pt>
                <c:pt idx="637">
                  <c:v>55609.07</c:v>
                </c:pt>
                <c:pt idx="638">
                  <c:v>56470.59</c:v>
                </c:pt>
                <c:pt idx="639">
                  <c:v>57542.49</c:v>
                </c:pt>
                <c:pt idx="640">
                  <c:v>57017.55</c:v>
                </c:pt>
                <c:pt idx="641">
                  <c:v>56584.4</c:v>
                </c:pt>
                <c:pt idx="642">
                  <c:v>54720.25</c:v>
                </c:pt>
                <c:pt idx="643">
                  <c:v>54502.97</c:v>
                </c:pt>
                <c:pt idx="644">
                  <c:v>54573.18</c:v>
                </c:pt>
                <c:pt idx="645">
                  <c:v>55138.35</c:v>
                </c:pt>
                <c:pt idx="646">
                  <c:v>54244.03</c:v>
                </c:pt>
                <c:pt idx="647">
                  <c:v>53326.54</c:v>
                </c:pt>
                <c:pt idx="648">
                  <c:v>53638.69</c:v>
                </c:pt>
                <c:pt idx="649">
                  <c:v>55377.15</c:v>
                </c:pt>
                <c:pt idx="650">
                  <c:v>55934.69</c:v>
                </c:pt>
                <c:pt idx="651">
                  <c:v>55850.13</c:v>
                </c:pt>
                <c:pt idx="652">
                  <c:v>54477.25</c:v>
                </c:pt>
                <c:pt idx="653">
                  <c:v>54358.7</c:v>
                </c:pt>
                <c:pt idx="654">
                  <c:v>55519.24</c:v>
                </c:pt>
                <c:pt idx="655">
                  <c:v>56382.22</c:v>
                </c:pt>
                <c:pt idx="656">
                  <c:v>55680.41</c:v>
                </c:pt>
                <c:pt idx="657">
                  <c:v>55162.14</c:v>
                </c:pt>
                <c:pt idx="658">
                  <c:v>54404.41</c:v>
                </c:pt>
                <c:pt idx="659">
                  <c:v>53527.01</c:v>
                </c:pt>
                <c:pt idx="660">
                  <c:v>51408.54</c:v>
                </c:pt>
                <c:pt idx="661">
                  <c:v>51939.6</c:v>
                </c:pt>
                <c:pt idx="662">
                  <c:v>50717.97</c:v>
                </c:pt>
                <c:pt idx="663">
                  <c:v>48435.3</c:v>
                </c:pt>
                <c:pt idx="664">
                  <c:v>49633.16</c:v>
                </c:pt>
                <c:pt idx="665">
                  <c:v>51270.400000000001</c:v>
                </c:pt>
                <c:pt idx="666">
                  <c:v>52392.86</c:v>
                </c:pt>
                <c:pt idx="667">
                  <c:v>48416.33</c:v>
                </c:pt>
                <c:pt idx="668">
                  <c:v>49228.92</c:v>
                </c:pt>
                <c:pt idx="669">
                  <c:v>45908.51</c:v>
                </c:pt>
                <c:pt idx="670">
                  <c:v>48422.75</c:v>
                </c:pt>
                <c:pt idx="671">
                  <c:v>53055.38</c:v>
                </c:pt>
                <c:pt idx="672">
                  <c:v>51540.58</c:v>
                </c:pt>
                <c:pt idx="673">
                  <c:v>49593.17</c:v>
                </c:pt>
                <c:pt idx="674">
                  <c:v>49842.99</c:v>
                </c:pt>
                <c:pt idx="675">
                  <c:v>51828.46</c:v>
                </c:pt>
                <c:pt idx="676">
                  <c:v>50782.99</c:v>
                </c:pt>
                <c:pt idx="677">
                  <c:v>46028.06</c:v>
                </c:pt>
                <c:pt idx="678">
                  <c:v>49541.27</c:v>
                </c:pt>
                <c:pt idx="679">
                  <c:v>49798.65</c:v>
                </c:pt>
                <c:pt idx="680">
                  <c:v>46145.1</c:v>
                </c:pt>
                <c:pt idx="681">
                  <c:v>44517.32</c:v>
                </c:pt>
                <c:pt idx="682">
                  <c:v>42100.79</c:v>
                </c:pt>
                <c:pt idx="683">
                  <c:v>40139.85</c:v>
                </c:pt>
                <c:pt idx="684">
                  <c:v>38593.54</c:v>
                </c:pt>
                <c:pt idx="685">
                  <c:v>37080.300000000003</c:v>
                </c:pt>
                <c:pt idx="686">
                  <c:v>35609.54</c:v>
                </c:pt>
                <c:pt idx="687">
                  <c:v>40829.129999999997</c:v>
                </c:pt>
                <c:pt idx="688">
                  <c:v>41569.03</c:v>
                </c:pt>
                <c:pt idx="689">
                  <c:v>36833.019999999997</c:v>
                </c:pt>
                <c:pt idx="690">
                  <c:v>36441.72</c:v>
                </c:pt>
                <c:pt idx="691">
                  <c:v>36399.089999999997</c:v>
                </c:pt>
                <c:pt idx="692">
                  <c:v>39441.08</c:v>
                </c:pt>
                <c:pt idx="693">
                  <c:v>39043.39</c:v>
                </c:pt>
                <c:pt idx="694">
                  <c:v>35069.730000000003</c:v>
                </c:pt>
                <c:pt idx="695">
                  <c:v>33818.49</c:v>
                </c:pt>
                <c:pt idx="696">
                  <c:v>31481.55</c:v>
                </c:pt>
                <c:pt idx="697">
                  <c:v>29435.11</c:v>
                </c:pt>
                <c:pt idx="698">
                  <c:v>33386.65</c:v>
                </c:pt>
                <c:pt idx="699">
                  <c:v>34845.21</c:v>
                </c:pt>
                <c:pt idx="700">
                  <c:v>37448.769999999997</c:v>
                </c:pt>
                <c:pt idx="701">
                  <c:v>37256.839999999997</c:v>
                </c:pt>
                <c:pt idx="702">
                  <c:v>38249.440000000002</c:v>
                </c:pt>
                <c:pt idx="703">
                  <c:v>40254.800000000003</c:v>
                </c:pt>
                <c:pt idx="704">
                  <c:v>37785.660000000003</c:v>
                </c:pt>
                <c:pt idx="705">
                  <c:v>36361.910000000003</c:v>
                </c:pt>
                <c:pt idx="706">
                  <c:v>36665.11</c:v>
                </c:pt>
                <c:pt idx="707">
                  <c:v>36776.269999999997</c:v>
                </c:pt>
                <c:pt idx="708">
                  <c:v>37261.9</c:v>
                </c:pt>
                <c:pt idx="709">
                  <c:v>34373.99</c:v>
                </c:pt>
                <c:pt idx="710">
                  <c:v>35993.33</c:v>
                </c:pt>
                <c:pt idx="711">
                  <c:v>35789.1</c:v>
                </c:pt>
                <c:pt idx="712">
                  <c:v>35717.21</c:v>
                </c:pt>
                <c:pt idx="713">
                  <c:v>34094.660000000003</c:v>
                </c:pt>
                <c:pt idx="714">
                  <c:v>33404.550000000003</c:v>
                </c:pt>
                <c:pt idx="715">
                  <c:v>31250.6</c:v>
                </c:pt>
                <c:pt idx="716">
                  <c:v>34188.83</c:v>
                </c:pt>
                <c:pt idx="717">
                  <c:v>34812.86</c:v>
                </c:pt>
                <c:pt idx="718">
                  <c:v>36469.61</c:v>
                </c:pt>
                <c:pt idx="719">
                  <c:v>36212.65</c:v>
                </c:pt>
                <c:pt idx="720">
                  <c:v>36595.870000000003</c:v>
                </c:pt>
                <c:pt idx="721">
                  <c:v>34740.5</c:v>
                </c:pt>
                <c:pt idx="722">
                  <c:v>35000.839999999997</c:v>
                </c:pt>
                <c:pt idx="723">
                  <c:v>35296.699999999997</c:v>
                </c:pt>
                <c:pt idx="724">
                  <c:v>35127.769999999997</c:v>
                </c:pt>
                <c:pt idx="725">
                  <c:v>35347.39</c:v>
                </c:pt>
                <c:pt idx="726">
                  <c:v>38284.910000000003</c:v>
                </c:pt>
                <c:pt idx="727">
                  <c:v>37968.11</c:v>
                </c:pt>
                <c:pt idx="728">
                  <c:v>39004.400000000001</c:v>
                </c:pt>
                <c:pt idx="729">
                  <c:v>38519.07</c:v>
                </c:pt>
                <c:pt idx="730">
                  <c:v>39373.86</c:v>
                </c:pt>
                <c:pt idx="731">
                  <c:v>38320.19</c:v>
                </c:pt>
                <c:pt idx="732">
                  <c:v>39993.46</c:v>
                </c:pt>
                <c:pt idx="733">
                  <c:v>39947.43</c:v>
                </c:pt>
                <c:pt idx="734">
                  <c:v>39536.269999999997</c:v>
                </c:pt>
                <c:pt idx="735">
                  <c:v>39131.230000000003</c:v>
                </c:pt>
                <c:pt idx="736">
                  <c:v>37618.5</c:v>
                </c:pt>
                <c:pt idx="737">
                  <c:v>36470.78</c:v>
                </c:pt>
                <c:pt idx="738">
                  <c:v>36864.129999999997</c:v>
                </c:pt>
                <c:pt idx="739">
                  <c:v>37060.160000000003</c:v>
                </c:pt>
                <c:pt idx="740">
                  <c:v>37550.31</c:v>
                </c:pt>
                <c:pt idx="741">
                  <c:v>40244.22</c:v>
                </c:pt>
                <c:pt idx="742">
                  <c:v>41518.660000000003</c:v>
                </c:pt>
                <c:pt idx="743">
                  <c:v>42312.28</c:v>
                </c:pt>
                <c:pt idx="744">
                  <c:v>40820.25</c:v>
                </c:pt>
                <c:pt idx="745">
                  <c:v>41990.55</c:v>
                </c:pt>
                <c:pt idx="746">
                  <c:v>41582.94</c:v>
                </c:pt>
                <c:pt idx="747">
                  <c:v>39403.47</c:v>
                </c:pt>
                <c:pt idx="748">
                  <c:v>39544.230000000003</c:v>
                </c:pt>
                <c:pt idx="749">
                  <c:v>37981.769999999997</c:v>
                </c:pt>
                <c:pt idx="750">
                  <c:v>39151.08</c:v>
                </c:pt>
                <c:pt idx="751">
                  <c:v>39341.54</c:v>
                </c:pt>
                <c:pt idx="752">
                  <c:v>38828.32</c:v>
                </c:pt>
                <c:pt idx="753">
                  <c:v>37272.07</c:v>
                </c:pt>
                <c:pt idx="754">
                  <c:v>38542.9</c:v>
                </c:pt>
                <c:pt idx="755">
                  <c:v>37894.33</c:v>
                </c:pt>
                <c:pt idx="756">
                  <c:v>38132.35</c:v>
                </c:pt>
                <c:pt idx="757">
                  <c:v>38509.449999999997</c:v>
                </c:pt>
                <c:pt idx="758">
                  <c:v>38698.92</c:v>
                </c:pt>
                <c:pt idx="759">
                  <c:v>40227.449999999997</c:v>
                </c:pt>
                <c:pt idx="760">
                  <c:v>39638.42</c:v>
                </c:pt>
                <c:pt idx="761">
                  <c:v>39300.79</c:v>
                </c:pt>
                <c:pt idx="762">
                  <c:v>38666.44</c:v>
                </c:pt>
                <c:pt idx="763">
                  <c:v>39746.76</c:v>
                </c:pt>
                <c:pt idx="764">
                  <c:v>40129.040000000001</c:v>
                </c:pt>
                <c:pt idx="765">
                  <c:v>41108.65</c:v>
                </c:pt>
                <c:pt idx="766">
                  <c:v>42755.5</c:v>
                </c:pt>
                <c:pt idx="767">
                  <c:v>42100.12</c:v>
                </c:pt>
                <c:pt idx="768">
                  <c:v>41207.43</c:v>
                </c:pt>
                <c:pt idx="769">
                  <c:v>40845.620000000003</c:v>
                </c:pt>
                <c:pt idx="770">
                  <c:v>40500.79</c:v>
                </c:pt>
                <c:pt idx="771">
                  <c:v>41673.620000000003</c:v>
                </c:pt>
                <c:pt idx="772">
                  <c:v>41841.32</c:v>
                </c:pt>
                <c:pt idx="773">
                  <c:v>39846.97</c:v>
                </c:pt>
                <c:pt idx="774">
                  <c:v>39674.39</c:v>
                </c:pt>
                <c:pt idx="775">
                  <c:v>39730.33</c:v>
                </c:pt>
                <c:pt idx="776">
                  <c:v>38714.639999999999</c:v>
                </c:pt>
                <c:pt idx="777">
                  <c:v>38231.58</c:v>
                </c:pt>
                <c:pt idx="778">
                  <c:v>38180.18</c:v>
                </c:pt>
                <c:pt idx="779">
                  <c:v>38183.31</c:v>
                </c:pt>
                <c:pt idx="780">
                  <c:v>36234.69</c:v>
                </c:pt>
                <c:pt idx="781">
                  <c:v>36467.56</c:v>
                </c:pt>
                <c:pt idx="782">
                  <c:v>38402.239999999998</c:v>
                </c:pt>
                <c:pt idx="783">
                  <c:v>37368.93</c:v>
                </c:pt>
                <c:pt idx="784">
                  <c:v>37105.089999999997</c:v>
                </c:pt>
                <c:pt idx="785">
                  <c:v>36741.35</c:v>
                </c:pt>
                <c:pt idx="786">
                  <c:v>38794.550000000003</c:v>
                </c:pt>
                <c:pt idx="787">
                  <c:v>38804.800000000003</c:v>
                </c:pt>
                <c:pt idx="788">
                  <c:v>39151.86</c:v>
                </c:pt>
                <c:pt idx="789">
                  <c:v>39015.370000000003</c:v>
                </c:pt>
                <c:pt idx="790">
                  <c:v>38607.199999999997</c:v>
                </c:pt>
                <c:pt idx="791">
                  <c:v>39510.720000000001</c:v>
                </c:pt>
                <c:pt idx="792">
                  <c:v>40142.29</c:v>
                </c:pt>
                <c:pt idx="793">
                  <c:v>40453.43</c:v>
                </c:pt>
                <c:pt idx="794">
                  <c:v>40076.410000000003</c:v>
                </c:pt>
                <c:pt idx="795">
                  <c:v>42438.55</c:v>
                </c:pt>
                <c:pt idx="796">
                  <c:v>41475.83</c:v>
                </c:pt>
                <c:pt idx="797">
                  <c:v>41799.300000000003</c:v>
                </c:pt>
                <c:pt idx="798">
                  <c:v>42588.66</c:v>
                </c:pt>
                <c:pt idx="799">
                  <c:v>41907.29</c:v>
                </c:pt>
                <c:pt idx="800">
                  <c:v>40653.129999999997</c:v>
                </c:pt>
                <c:pt idx="801">
                  <c:v>40925.870000000003</c:v>
                </c:pt>
                <c:pt idx="802">
                  <c:v>41976.33</c:v>
                </c:pt>
                <c:pt idx="803">
                  <c:v>43736.45</c:v>
                </c:pt>
                <c:pt idx="804">
                  <c:v>44390.98</c:v>
                </c:pt>
                <c:pt idx="805">
                  <c:v>44167.26</c:v>
                </c:pt>
                <c:pt idx="806">
                  <c:v>43824.53</c:v>
                </c:pt>
                <c:pt idx="807">
                  <c:v>44181.98</c:v>
                </c:pt>
                <c:pt idx="808">
                  <c:v>45538.71</c:v>
                </c:pt>
                <c:pt idx="809">
                  <c:v>45991.89</c:v>
                </c:pt>
                <c:pt idx="810">
                  <c:v>45418.18</c:v>
                </c:pt>
                <c:pt idx="811">
                  <c:v>45272.65</c:v>
                </c:pt>
                <c:pt idx="812">
                  <c:v>46024.78</c:v>
                </c:pt>
                <c:pt idx="813">
                  <c:v>45778.28</c:v>
                </c:pt>
                <c:pt idx="814">
                  <c:v>44433.15</c:v>
                </c:pt>
                <c:pt idx="815">
                  <c:v>44888.2</c:v>
                </c:pt>
                <c:pt idx="816">
                  <c:v>45801.17</c:v>
                </c:pt>
                <c:pt idx="817">
                  <c:v>46771.79</c:v>
                </c:pt>
                <c:pt idx="818">
                  <c:v>45819.71</c:v>
                </c:pt>
                <c:pt idx="819">
                  <c:v>45821.440000000002</c:v>
                </c:pt>
                <c:pt idx="820">
                  <c:v>47226.79</c:v>
                </c:pt>
                <c:pt idx="821">
                  <c:v>47289.53</c:v>
                </c:pt>
                <c:pt idx="822">
                  <c:v>50404.53</c:v>
                </c:pt>
                <c:pt idx="823">
                  <c:v>50669.78</c:v>
                </c:pt>
                <c:pt idx="824">
                  <c:v>51499.48</c:v>
                </c:pt>
                <c:pt idx="825">
                  <c:v>50058.06</c:v>
                </c:pt>
                <c:pt idx="826">
                  <c:v>51395.99</c:v>
                </c:pt>
                <c:pt idx="827">
                  <c:v>50976.39</c:v>
                </c:pt>
                <c:pt idx="828">
                  <c:v>50325.78</c:v>
                </c:pt>
                <c:pt idx="829">
                  <c:v>48679.19</c:v>
                </c:pt>
                <c:pt idx="830">
                  <c:v>49446.02</c:v>
                </c:pt>
                <c:pt idx="831">
                  <c:v>49007.21</c:v>
                </c:pt>
                <c:pt idx="832">
                  <c:v>51463.02</c:v>
                </c:pt>
                <c:pt idx="833">
                  <c:v>51346.61</c:v>
                </c:pt>
                <c:pt idx="834">
                  <c:v>51245.09</c:v>
                </c:pt>
                <c:pt idx="835">
                  <c:v>50087.33</c:v>
                </c:pt>
                <c:pt idx="836">
                  <c:v>50568.49</c:v>
                </c:pt>
                <c:pt idx="837">
                  <c:v>50816.24</c:v>
                </c:pt>
                <c:pt idx="838">
                  <c:v>51840.800000000003</c:v>
                </c:pt>
                <c:pt idx="839">
                  <c:v>51791.61</c:v>
                </c:pt>
                <c:pt idx="840">
                  <c:v>53040.74</c:v>
                </c:pt>
                <c:pt idx="841">
                  <c:v>53197.73</c:v>
                </c:pt>
                <c:pt idx="842">
                  <c:v>54486.29</c:v>
                </c:pt>
                <c:pt idx="843">
                  <c:v>53999.519999999997</c:v>
                </c:pt>
                <c:pt idx="844">
                  <c:v>52086.63</c:v>
                </c:pt>
                <c:pt idx="845">
                  <c:v>53463.9</c:v>
                </c:pt>
                <c:pt idx="846">
                  <c:v>53341.01</c:v>
                </c:pt>
                <c:pt idx="847">
                  <c:v>53630.39</c:v>
                </c:pt>
                <c:pt idx="848">
                  <c:v>53157.13</c:v>
                </c:pt>
                <c:pt idx="849">
                  <c:v>53410.93</c:v>
                </c:pt>
                <c:pt idx="850">
                  <c:v>53558.23</c:v>
                </c:pt>
                <c:pt idx="851">
                  <c:v>52033.82</c:v>
                </c:pt>
                <c:pt idx="852">
                  <c:v>51205.78</c:v>
                </c:pt>
                <c:pt idx="853">
                  <c:v>51045.84</c:v>
                </c:pt>
                <c:pt idx="854">
                  <c:v>50903.02</c:v>
                </c:pt>
                <c:pt idx="855">
                  <c:v>51373.77</c:v>
                </c:pt>
                <c:pt idx="856">
                  <c:v>49494.8</c:v>
                </c:pt>
                <c:pt idx="857">
                  <c:v>49813.58</c:v>
                </c:pt>
                <c:pt idx="858">
                  <c:v>49672.12</c:v>
                </c:pt>
                <c:pt idx="859">
                  <c:v>51514.81</c:v>
                </c:pt>
                <c:pt idx="860">
                  <c:v>51485.61</c:v>
                </c:pt>
                <c:pt idx="861">
                  <c:v>52137.58</c:v>
                </c:pt>
                <c:pt idx="862">
                  <c:v>51465.46</c:v>
                </c:pt>
                <c:pt idx="863">
                  <c:v>51543.78</c:v>
                </c:pt>
                <c:pt idx="864">
                  <c:v>51024.94</c:v>
                </c:pt>
                <c:pt idx="865">
                  <c:v>50934.69</c:v>
                </c:pt>
                <c:pt idx="866">
                  <c:v>50622.47</c:v>
                </c:pt>
                <c:pt idx="867">
                  <c:v>49456.7</c:v>
                </c:pt>
                <c:pt idx="868">
                  <c:v>49177.55</c:v>
                </c:pt>
                <c:pt idx="869">
                  <c:v>49220.78</c:v>
                </c:pt>
                <c:pt idx="870">
                  <c:v>49186.93</c:v>
                </c:pt>
                <c:pt idx="871">
                  <c:v>48872.58</c:v>
                </c:pt>
                <c:pt idx="872">
                  <c:v>51296.66</c:v>
                </c:pt>
                <c:pt idx="873">
                  <c:v>51918.2</c:v>
                </c:pt>
                <c:pt idx="874">
                  <c:v>52072.49</c:v>
                </c:pt>
                <c:pt idx="875">
                  <c:v>53154.93</c:v>
                </c:pt>
                <c:pt idx="876">
                  <c:v>53233.57</c:v>
                </c:pt>
                <c:pt idx="877">
                  <c:v>53072.57</c:v>
                </c:pt>
                <c:pt idx="878">
                  <c:v>54249.36</c:v>
                </c:pt>
                <c:pt idx="879">
                  <c:v>54457.29</c:v>
                </c:pt>
                <c:pt idx="880">
                  <c:v>54548.99</c:v>
                </c:pt>
                <c:pt idx="881">
                  <c:v>54471.54</c:v>
                </c:pt>
                <c:pt idx="882">
                  <c:v>53734.53</c:v>
                </c:pt>
                <c:pt idx="883">
                  <c:v>54478.43</c:v>
                </c:pt>
                <c:pt idx="884">
                  <c:v>54765.72</c:v>
                </c:pt>
                <c:pt idx="885">
                  <c:v>55997.81</c:v>
                </c:pt>
                <c:pt idx="886">
                  <c:v>56038.07</c:v>
                </c:pt>
                <c:pt idx="887">
                  <c:v>56384.08</c:v>
                </c:pt>
                <c:pt idx="888">
                  <c:v>55754.879999999997</c:v>
                </c:pt>
                <c:pt idx="889">
                  <c:v>56329.51</c:v>
                </c:pt>
                <c:pt idx="890">
                  <c:v>56830.01</c:v>
                </c:pt>
                <c:pt idx="891">
                  <c:v>55761.16</c:v>
                </c:pt>
                <c:pt idx="892">
                  <c:v>56588.26</c:v>
                </c:pt>
                <c:pt idx="893">
                  <c:v>57047.98</c:v>
                </c:pt>
                <c:pt idx="894">
                  <c:v>56638</c:v>
                </c:pt>
                <c:pt idx="895">
                  <c:v>55218.37</c:v>
                </c:pt>
                <c:pt idx="896">
                  <c:v>55748.92</c:v>
                </c:pt>
                <c:pt idx="897">
                  <c:v>56156.28</c:v>
                </c:pt>
                <c:pt idx="898">
                  <c:v>56831.48</c:v>
                </c:pt>
                <c:pt idx="899">
                  <c:v>57728.59</c:v>
                </c:pt>
                <c:pt idx="900">
                  <c:v>57775.37</c:v>
                </c:pt>
                <c:pt idx="901">
                  <c:v>57421.43</c:v>
                </c:pt>
                <c:pt idx="902">
                  <c:v>57765.69</c:v>
                </c:pt>
                <c:pt idx="903">
                  <c:v>57703.85</c:v>
                </c:pt>
                <c:pt idx="904">
                  <c:v>57700.57</c:v>
                </c:pt>
                <c:pt idx="905">
                  <c:v>56488.98</c:v>
                </c:pt>
                <c:pt idx="906">
                  <c:v>55814.96</c:v>
                </c:pt>
                <c:pt idx="907">
                  <c:v>55385.72</c:v>
                </c:pt>
                <c:pt idx="908">
                  <c:v>55707.17</c:v>
                </c:pt>
                <c:pt idx="909">
                  <c:v>56652.28</c:v>
                </c:pt>
                <c:pt idx="910">
                  <c:v>57854.8</c:v>
                </c:pt>
                <c:pt idx="911">
                  <c:v>57909.95</c:v>
                </c:pt>
                <c:pt idx="912">
                  <c:v>58535.79</c:v>
                </c:pt>
                <c:pt idx="913">
                  <c:v>58366.38</c:v>
                </c:pt>
                <c:pt idx="914">
                  <c:v>58867.55</c:v>
                </c:pt>
                <c:pt idx="915">
                  <c:v>59263.86</c:v>
                </c:pt>
                <c:pt idx="916">
                  <c:v>60410.66</c:v>
                </c:pt>
                <c:pt idx="917">
                  <c:v>60236.03</c:v>
                </c:pt>
                <c:pt idx="918">
                  <c:v>60703.01</c:v>
                </c:pt>
                <c:pt idx="919">
                  <c:v>60928.02</c:v>
                </c:pt>
                <c:pt idx="920">
                  <c:v>61493.39</c:v>
                </c:pt>
                <c:pt idx="921">
                  <c:v>60496.19</c:v>
                </c:pt>
                <c:pt idx="922">
                  <c:v>60046.28</c:v>
                </c:pt>
                <c:pt idx="923">
                  <c:v>60355.73</c:v>
                </c:pt>
                <c:pt idx="924">
                  <c:v>61316.62</c:v>
                </c:pt>
                <c:pt idx="925">
                  <c:v>61235.26</c:v>
                </c:pt>
                <c:pt idx="926">
                  <c:v>61517.89</c:v>
                </c:pt>
                <c:pt idx="927">
                  <c:v>60459.33</c:v>
                </c:pt>
                <c:pt idx="928">
                  <c:v>61171.99</c:v>
                </c:pt>
                <c:pt idx="929">
                  <c:v>62369.3</c:v>
                </c:pt>
                <c:pt idx="930">
                  <c:v>62670.59</c:v>
                </c:pt>
                <c:pt idx="931">
                  <c:v>62638.28</c:v>
                </c:pt>
                <c:pt idx="932">
                  <c:v>63759.87</c:v>
                </c:pt>
                <c:pt idx="933">
                  <c:v>64071.01</c:v>
                </c:pt>
                <c:pt idx="934">
                  <c:v>64645.59</c:v>
                </c:pt>
                <c:pt idx="935">
                  <c:v>66201.13</c:v>
                </c:pt>
                <c:pt idx="936">
                  <c:v>66703.320000000007</c:v>
                </c:pt>
                <c:pt idx="937">
                  <c:v>66200.490000000005</c:v>
                </c:pt>
                <c:pt idx="938">
                  <c:v>67239.45</c:v>
                </c:pt>
                <c:pt idx="939">
                  <c:v>65303.11</c:v>
                </c:pt>
                <c:pt idx="940">
                  <c:v>65485.59</c:v>
                </c:pt>
                <c:pt idx="941">
                  <c:v>66134.97</c:v>
                </c:pt>
                <c:pt idx="942">
                  <c:v>65058.84</c:v>
                </c:pt>
                <c:pt idx="943">
                  <c:v>65085.55</c:v>
                </c:pt>
                <c:pt idx="944">
                  <c:v>63161.04</c:v>
                </c:pt>
                <c:pt idx="945">
                  <c:v>60162.31</c:v>
                </c:pt>
                <c:pt idx="946">
                  <c:v>63720.58</c:v>
                </c:pt>
                <c:pt idx="947">
                  <c:v>61545.5</c:v>
                </c:pt>
                <c:pt idx="948">
                  <c:v>62643.23</c:v>
                </c:pt>
                <c:pt idx="949">
                  <c:v>63912.57</c:v>
                </c:pt>
                <c:pt idx="950">
                  <c:v>64815.72</c:v>
                </c:pt>
                <c:pt idx="951">
                  <c:v>64466.13</c:v>
                </c:pt>
                <c:pt idx="952">
                  <c:v>66214.350000000006</c:v>
                </c:pt>
                <c:pt idx="953">
                  <c:v>66303.490000000005</c:v>
                </c:pt>
                <c:pt idx="954">
                  <c:v>66431.240000000005</c:v>
                </c:pt>
                <c:pt idx="955">
                  <c:v>64447.93</c:v>
                </c:pt>
                <c:pt idx="956">
                  <c:v>65325.63</c:v>
                </c:pt>
                <c:pt idx="957">
                  <c:v>66627.100000000006</c:v>
                </c:pt>
                <c:pt idx="958">
                  <c:v>67405.98</c:v>
                </c:pt>
                <c:pt idx="959">
                  <c:v>66515.66</c:v>
                </c:pt>
                <c:pt idx="960">
                  <c:v>66327.28</c:v>
                </c:pt>
                <c:pt idx="961">
                  <c:v>66809.399999999994</c:v>
                </c:pt>
                <c:pt idx="962">
                  <c:v>67317</c:v>
                </c:pt>
                <c:pt idx="963">
                  <c:v>67917.08</c:v>
                </c:pt>
                <c:pt idx="964">
                  <c:v>66391.8</c:v>
                </c:pt>
                <c:pt idx="965">
                  <c:v>67082.149999999994</c:v>
                </c:pt>
                <c:pt idx="966">
                  <c:v>67044.44</c:v>
                </c:pt>
                <c:pt idx="967">
                  <c:v>68408.399999999994</c:v>
                </c:pt>
                <c:pt idx="968">
                  <c:v>68614.789999999994</c:v>
                </c:pt>
                <c:pt idx="969">
                  <c:v>68314.820000000007</c:v>
                </c:pt>
                <c:pt idx="970">
                  <c:v>67603.520000000004</c:v>
                </c:pt>
                <c:pt idx="971">
                  <c:v>68512.19</c:v>
                </c:pt>
                <c:pt idx="972">
                  <c:v>67728.509999999995</c:v>
                </c:pt>
                <c:pt idx="973">
                  <c:v>68011.990000000005</c:v>
                </c:pt>
                <c:pt idx="974">
                  <c:v>68728.289999999994</c:v>
                </c:pt>
                <c:pt idx="975">
                  <c:v>69267.47</c:v>
                </c:pt>
                <c:pt idx="976">
                  <c:v>69349.399999999994</c:v>
                </c:pt>
                <c:pt idx="977">
                  <c:v>69310.81</c:v>
                </c:pt>
                <c:pt idx="978">
                  <c:v>68622.399999999994</c:v>
                </c:pt>
                <c:pt idx="979">
                  <c:v>67067.960000000006</c:v>
                </c:pt>
                <c:pt idx="980">
                  <c:v>66794.210000000006</c:v>
                </c:pt>
                <c:pt idx="981">
                  <c:v>65925.19</c:v>
                </c:pt>
                <c:pt idx="982">
                  <c:v>67417.929999999993</c:v>
                </c:pt>
                <c:pt idx="983">
                  <c:v>67588.86</c:v>
                </c:pt>
                <c:pt idx="984">
                  <c:v>67901.7</c:v>
                </c:pt>
                <c:pt idx="985">
                  <c:v>68296.039999999994</c:v>
                </c:pt>
                <c:pt idx="986">
                  <c:v>68588.41</c:v>
                </c:pt>
                <c:pt idx="987">
                  <c:v>70045.08</c:v>
                </c:pt>
                <c:pt idx="988">
                  <c:v>70239.820000000007</c:v>
                </c:pt>
                <c:pt idx="989">
                  <c:v>70729.34</c:v>
                </c:pt>
                <c:pt idx="990">
                  <c:v>70451.12</c:v>
                </c:pt>
                <c:pt idx="991">
                  <c:v>70262.7</c:v>
                </c:pt>
                <c:pt idx="992">
                  <c:v>70433.490000000005</c:v>
                </c:pt>
                <c:pt idx="993">
                  <c:v>70075.78</c:v>
                </c:pt>
                <c:pt idx="994">
                  <c:v>70385.47</c:v>
                </c:pt>
                <c:pt idx="995">
                  <c:v>69801.42</c:v>
                </c:pt>
                <c:pt idx="996">
                  <c:v>68978.3</c:v>
                </c:pt>
                <c:pt idx="997">
                  <c:v>69400.929999999993</c:v>
                </c:pt>
                <c:pt idx="998">
                  <c:v>69908.59</c:v>
                </c:pt>
                <c:pt idx="999">
                  <c:v>68200.070000000007</c:v>
                </c:pt>
                <c:pt idx="1000">
                  <c:v>66270.14</c:v>
                </c:pt>
                <c:pt idx="1001">
                  <c:v>66220.039999999994</c:v>
                </c:pt>
                <c:pt idx="1002">
                  <c:v>65523.73</c:v>
                </c:pt>
                <c:pt idx="1003">
                  <c:v>65069.79</c:v>
                </c:pt>
                <c:pt idx="1004">
                  <c:v>65587.81</c:v>
                </c:pt>
                <c:pt idx="1005">
                  <c:v>65401.77</c:v>
                </c:pt>
                <c:pt idx="1006">
                  <c:v>66571.740000000005</c:v>
                </c:pt>
                <c:pt idx="1007">
                  <c:v>67163.210000000006</c:v>
                </c:pt>
                <c:pt idx="1008">
                  <c:v>67108.56</c:v>
                </c:pt>
                <c:pt idx="1009">
                  <c:v>63934.01</c:v>
                </c:pt>
                <c:pt idx="1010">
                  <c:v>62762.7</c:v>
                </c:pt>
                <c:pt idx="1011">
                  <c:v>63153.09</c:v>
                </c:pt>
                <c:pt idx="1012">
                  <c:v>64718.17</c:v>
                </c:pt>
                <c:pt idx="1013">
                  <c:v>65051.42</c:v>
                </c:pt>
                <c:pt idx="1014">
                  <c:v>66128.94</c:v>
                </c:pt>
                <c:pt idx="1015">
                  <c:v>65854.97</c:v>
                </c:pt>
                <c:pt idx="1016">
                  <c:v>67284.570000000007</c:v>
                </c:pt>
                <c:pt idx="1017">
                  <c:v>67836.08</c:v>
                </c:pt>
                <c:pt idx="1018">
                  <c:v>67597.429999999993</c:v>
                </c:pt>
                <c:pt idx="1019">
                  <c:v>67184.160000000003</c:v>
                </c:pt>
                <c:pt idx="1020">
                  <c:v>66108.33</c:v>
                </c:pt>
                <c:pt idx="1021">
                  <c:v>65794.77</c:v>
                </c:pt>
                <c:pt idx="1022">
                  <c:v>66121.039999999994</c:v>
                </c:pt>
                <c:pt idx="1023">
                  <c:v>66503.27</c:v>
                </c:pt>
                <c:pt idx="1024">
                  <c:v>67227.929999999993</c:v>
                </c:pt>
                <c:pt idx="1025">
                  <c:v>67779.16</c:v>
                </c:pt>
                <c:pt idx="1026">
                  <c:v>67641.34</c:v>
                </c:pt>
                <c:pt idx="1027">
                  <c:v>67814.710000000006</c:v>
                </c:pt>
                <c:pt idx="1028">
                  <c:v>68846.5</c:v>
                </c:pt>
                <c:pt idx="1029">
                  <c:v>68575.47</c:v>
                </c:pt>
                <c:pt idx="1030">
                  <c:v>69576.38</c:v>
                </c:pt>
                <c:pt idx="1031">
                  <c:v>69979.28</c:v>
                </c:pt>
                <c:pt idx="1032">
                  <c:v>69884.61</c:v>
                </c:pt>
                <c:pt idx="1033">
                  <c:v>69341.38</c:v>
                </c:pt>
                <c:pt idx="1034">
                  <c:v>69023.75</c:v>
                </c:pt>
                <c:pt idx="1035">
                  <c:v>69942.210000000006</c:v>
                </c:pt>
                <c:pt idx="1036">
                  <c:v>69723.240000000005</c:v>
                </c:pt>
                <c:pt idx="1037">
                  <c:v>69697.33</c:v>
                </c:pt>
                <c:pt idx="1038">
                  <c:v>68828.98</c:v>
                </c:pt>
                <c:pt idx="1039">
                  <c:v>69041.73</c:v>
                </c:pt>
                <c:pt idx="1040">
                  <c:v>69386.720000000001</c:v>
                </c:pt>
                <c:pt idx="1041">
                  <c:v>68913.399999999994</c:v>
                </c:pt>
                <c:pt idx="1042">
                  <c:v>68441.66</c:v>
                </c:pt>
                <c:pt idx="1043">
                  <c:v>68682.66</c:v>
                </c:pt>
                <c:pt idx="1044">
                  <c:v>69939.12</c:v>
                </c:pt>
                <c:pt idx="1045">
                  <c:v>69959.58</c:v>
                </c:pt>
                <c:pt idx="1046">
                  <c:v>70371.539999999994</c:v>
                </c:pt>
                <c:pt idx="1047">
                  <c:v>71136.34</c:v>
                </c:pt>
                <c:pt idx="1048">
                  <c:v>71289.679999999993</c:v>
                </c:pt>
                <c:pt idx="1049">
                  <c:v>71095.649999999994</c:v>
                </c:pt>
                <c:pt idx="1050">
                  <c:v>70792.94</c:v>
                </c:pt>
                <c:pt idx="1051">
                  <c:v>71784.78</c:v>
                </c:pt>
                <c:pt idx="1052">
                  <c:v>71417.27</c:v>
                </c:pt>
                <c:pt idx="1053">
                  <c:v>70614.36</c:v>
                </c:pt>
                <c:pt idx="1054">
                  <c:v>70792.399999999994</c:v>
                </c:pt>
                <c:pt idx="1055">
                  <c:v>71034.850000000006</c:v>
                </c:pt>
                <c:pt idx="1056">
                  <c:v>70524.350000000006</c:v>
                </c:pt>
                <c:pt idx="1057">
                  <c:v>69421.350000000006</c:v>
                </c:pt>
                <c:pt idx="1058">
                  <c:v>69097.58</c:v>
                </c:pt>
                <c:pt idx="1059">
                  <c:v>69318.44</c:v>
                </c:pt>
                <c:pt idx="1060">
                  <c:v>69386.41</c:v>
                </c:pt>
                <c:pt idx="1061">
                  <c:v>69509.490000000005</c:v>
                </c:pt>
                <c:pt idx="1062">
                  <c:v>68871.94</c:v>
                </c:pt>
                <c:pt idx="1063">
                  <c:v>66511.100000000006</c:v>
                </c:pt>
                <c:pt idx="1064">
                  <c:v>66655.710000000006</c:v>
                </c:pt>
                <c:pt idx="1065">
                  <c:v>67978.05</c:v>
                </c:pt>
                <c:pt idx="1066">
                  <c:v>67529.73</c:v>
                </c:pt>
                <c:pt idx="1067">
                  <c:v>67119.41</c:v>
                </c:pt>
                <c:pt idx="1068">
                  <c:v>64869.32</c:v>
                </c:pt>
                <c:pt idx="1069">
                  <c:v>64914.17</c:v>
                </c:pt>
                <c:pt idx="1070">
                  <c:v>63414.22</c:v>
                </c:pt>
                <c:pt idx="1071">
                  <c:v>62870.879999999997</c:v>
                </c:pt>
                <c:pt idx="1072">
                  <c:v>65452.68</c:v>
                </c:pt>
                <c:pt idx="1073">
                  <c:v>64424.89</c:v>
                </c:pt>
                <c:pt idx="1074">
                  <c:v>65223.63</c:v>
                </c:pt>
                <c:pt idx="1075">
                  <c:v>64788.22</c:v>
                </c:pt>
                <c:pt idx="1076">
                  <c:v>63412.47</c:v>
                </c:pt>
                <c:pt idx="1077">
                  <c:v>62866.26</c:v>
                </c:pt>
                <c:pt idx="1078">
                  <c:v>60841.08</c:v>
                </c:pt>
                <c:pt idx="1079">
                  <c:v>59689.32</c:v>
                </c:pt>
                <c:pt idx="1080">
                  <c:v>58192.08</c:v>
                </c:pt>
                <c:pt idx="1081">
                  <c:v>60259.33</c:v>
                </c:pt>
                <c:pt idx="1082">
                  <c:v>59915.14</c:v>
                </c:pt>
                <c:pt idx="1083">
                  <c:v>59184.08</c:v>
                </c:pt>
                <c:pt idx="1084">
                  <c:v>60190.36</c:v>
                </c:pt>
                <c:pt idx="1085">
                  <c:v>62091.77</c:v>
                </c:pt>
                <c:pt idx="1086">
                  <c:v>61946.99</c:v>
                </c:pt>
                <c:pt idx="1087">
                  <c:v>63046.51</c:v>
                </c:pt>
                <c:pt idx="1088">
                  <c:v>61840.99</c:v>
                </c:pt>
                <c:pt idx="1089">
                  <c:v>62942.91</c:v>
                </c:pt>
                <c:pt idx="1090">
                  <c:v>61675.75</c:v>
                </c:pt>
                <c:pt idx="1091">
                  <c:v>61182.92</c:v>
                </c:pt>
                <c:pt idx="1092">
                  <c:v>61793.64</c:v>
                </c:pt>
                <c:pt idx="1093">
                  <c:v>61478.61</c:v>
                </c:pt>
                <c:pt idx="1094">
                  <c:v>63048.800000000003</c:v>
                </c:pt>
                <c:pt idx="1095">
                  <c:v>63605.38</c:v>
                </c:pt>
                <c:pt idx="1096">
                  <c:v>63532.85</c:v>
                </c:pt>
                <c:pt idx="1097">
                  <c:v>64442.27</c:v>
                </c:pt>
                <c:pt idx="1098">
                  <c:v>64750.71</c:v>
                </c:pt>
                <c:pt idx="1099">
                  <c:v>64540.91</c:v>
                </c:pt>
                <c:pt idx="1100">
                  <c:v>64437.58</c:v>
                </c:pt>
                <c:pt idx="1101">
                  <c:v>64829.03</c:v>
                </c:pt>
                <c:pt idx="1102">
                  <c:v>64810.62</c:v>
                </c:pt>
                <c:pt idx="1103">
                  <c:v>65160.33</c:v>
                </c:pt>
                <c:pt idx="1104">
                  <c:v>63936.7</c:v>
                </c:pt>
                <c:pt idx="1105">
                  <c:v>64823.83</c:v>
                </c:pt>
                <c:pt idx="1106">
                  <c:v>64225.22</c:v>
                </c:pt>
                <c:pt idx="1107">
                  <c:v>61977.91</c:v>
                </c:pt>
                <c:pt idx="1108">
                  <c:v>60935.9</c:v>
                </c:pt>
                <c:pt idx="1109">
                  <c:v>61236.2</c:v>
                </c:pt>
                <c:pt idx="1110">
                  <c:v>61429.79</c:v>
                </c:pt>
                <c:pt idx="1111">
                  <c:v>60865.27</c:v>
                </c:pt>
                <c:pt idx="1112">
                  <c:v>62064.75</c:v>
                </c:pt>
                <c:pt idx="1113">
                  <c:v>63283.8</c:v>
                </c:pt>
                <c:pt idx="1114">
                  <c:v>63476.32</c:v>
                </c:pt>
                <c:pt idx="1115">
                  <c:v>62960.1</c:v>
                </c:pt>
                <c:pt idx="1116">
                  <c:v>63685.56</c:v>
                </c:pt>
                <c:pt idx="1117">
                  <c:v>63479.46</c:v>
                </c:pt>
                <c:pt idx="1118">
                  <c:v>63489.37</c:v>
                </c:pt>
                <c:pt idx="1119">
                  <c:v>62339.27</c:v>
                </c:pt>
                <c:pt idx="1120">
                  <c:v>63297.04</c:v>
                </c:pt>
                <c:pt idx="1121">
                  <c:v>64462.5</c:v>
                </c:pt>
                <c:pt idx="1122">
                  <c:v>64476.84</c:v>
                </c:pt>
                <c:pt idx="1123">
                  <c:v>65748.100000000006</c:v>
                </c:pt>
                <c:pt idx="1124">
                  <c:v>66322.990000000005</c:v>
                </c:pt>
                <c:pt idx="1125">
                  <c:v>66443.259999999995</c:v>
                </c:pt>
                <c:pt idx="1126">
                  <c:v>66674.44</c:v>
                </c:pt>
                <c:pt idx="1127">
                  <c:v>66808.25</c:v>
                </c:pt>
                <c:pt idx="1128">
                  <c:v>66953.83</c:v>
                </c:pt>
                <c:pt idx="1129">
                  <c:v>67515.399999999994</c:v>
                </c:pt>
                <c:pt idx="1130">
                  <c:v>68517.460000000006</c:v>
                </c:pt>
                <c:pt idx="1131">
                  <c:v>67997.36</c:v>
                </c:pt>
                <c:pt idx="1132">
                  <c:v>68272</c:v>
                </c:pt>
                <c:pt idx="1133">
                  <c:v>68411.72</c:v>
                </c:pt>
                <c:pt idx="1134">
                  <c:v>68094.759999999995</c:v>
                </c:pt>
                <c:pt idx="1135">
                  <c:v>67862.28</c:v>
                </c:pt>
                <c:pt idx="1136">
                  <c:v>67223.23</c:v>
                </c:pt>
                <c:pt idx="1137">
                  <c:v>65790.289999999994</c:v>
                </c:pt>
                <c:pt idx="1138">
                  <c:v>65966.17</c:v>
                </c:pt>
                <c:pt idx="1139">
                  <c:v>66264.429999999993</c:v>
                </c:pt>
                <c:pt idx="1140">
                  <c:v>66701.89</c:v>
                </c:pt>
                <c:pt idx="1141">
                  <c:v>67583.77</c:v>
                </c:pt>
                <c:pt idx="1142">
                  <c:v>67638.38</c:v>
                </c:pt>
                <c:pt idx="1143">
                  <c:v>66887.13</c:v>
                </c:pt>
                <c:pt idx="1144">
                  <c:v>66677.16</c:v>
                </c:pt>
                <c:pt idx="1145">
                  <c:v>65981.86</c:v>
                </c:pt>
                <c:pt idx="1146">
                  <c:v>65156.36</c:v>
                </c:pt>
                <c:pt idx="1147">
                  <c:v>64803.43</c:v>
                </c:pt>
                <c:pt idx="1148">
                  <c:v>63867.48</c:v>
                </c:pt>
                <c:pt idx="1149">
                  <c:v>65585.14</c:v>
                </c:pt>
                <c:pt idx="1150">
                  <c:v>64260.79</c:v>
                </c:pt>
                <c:pt idx="1151">
                  <c:v>65145.45</c:v>
                </c:pt>
                <c:pt idx="1152">
                  <c:v>67072.53</c:v>
                </c:pt>
                <c:pt idx="1153">
                  <c:v>66808.08</c:v>
                </c:pt>
                <c:pt idx="1154">
                  <c:v>66678.62</c:v>
                </c:pt>
                <c:pt idx="1155">
                  <c:v>66747.3</c:v>
                </c:pt>
                <c:pt idx="1156">
                  <c:v>66407.28</c:v>
                </c:pt>
                <c:pt idx="1157">
                  <c:v>66624.100000000006</c:v>
                </c:pt>
                <c:pt idx="1158">
                  <c:v>66806.789999999994</c:v>
                </c:pt>
                <c:pt idx="1159">
                  <c:v>68030.58</c:v>
                </c:pt>
                <c:pt idx="1160">
                  <c:v>67691.850000000006</c:v>
                </c:pt>
                <c:pt idx="1161">
                  <c:v>68106.850000000006</c:v>
                </c:pt>
                <c:pt idx="1162">
                  <c:v>67662.990000000005</c:v>
                </c:pt>
                <c:pt idx="1163">
                  <c:v>67089.119999999995</c:v>
                </c:pt>
                <c:pt idx="1164">
                  <c:v>68190.460000000006</c:v>
                </c:pt>
                <c:pt idx="1165">
                  <c:v>67719.13</c:v>
                </c:pt>
                <c:pt idx="1166">
                  <c:v>68325.179999999993</c:v>
                </c:pt>
                <c:pt idx="1167">
                  <c:v>68794.320000000007</c:v>
                </c:pt>
                <c:pt idx="1168">
                  <c:v>68196.479999999996</c:v>
                </c:pt>
                <c:pt idx="1169">
                  <c:v>68815.97</c:v>
                </c:pt>
                <c:pt idx="1170">
                  <c:v>69227.63</c:v>
                </c:pt>
                <c:pt idx="1171">
                  <c:v>69228.240000000005</c:v>
                </c:pt>
                <c:pt idx="1172">
                  <c:v>69429.78</c:v>
                </c:pt>
                <c:pt idx="1173">
                  <c:v>70229.350000000006</c:v>
                </c:pt>
                <c:pt idx="1174">
                  <c:v>70384.92</c:v>
                </c:pt>
                <c:pt idx="1175">
                  <c:v>71283.11</c:v>
                </c:pt>
                <c:pt idx="1176">
                  <c:v>70541.37</c:v>
                </c:pt>
                <c:pt idx="1177">
                  <c:v>69918.399999999994</c:v>
                </c:pt>
                <c:pt idx="1178">
                  <c:v>70808.800000000003</c:v>
                </c:pt>
                <c:pt idx="1179">
                  <c:v>70946.490000000005</c:v>
                </c:pt>
                <c:pt idx="1180">
                  <c:v>71674.899999999994</c:v>
                </c:pt>
                <c:pt idx="1181">
                  <c:v>71692.289999999994</c:v>
                </c:pt>
                <c:pt idx="1182">
                  <c:v>71830.179999999993</c:v>
                </c:pt>
                <c:pt idx="1183">
                  <c:v>71735.53</c:v>
                </c:pt>
                <c:pt idx="1184">
                  <c:v>69863.58</c:v>
                </c:pt>
                <c:pt idx="1185">
                  <c:v>70404.679999999993</c:v>
                </c:pt>
                <c:pt idx="1186">
                  <c:v>69652.100000000006</c:v>
                </c:pt>
                <c:pt idx="1187">
                  <c:v>69529.73</c:v>
                </c:pt>
                <c:pt idx="1188">
                  <c:v>69580.28</c:v>
                </c:pt>
                <c:pt idx="1189">
                  <c:v>70740.39</c:v>
                </c:pt>
                <c:pt idx="1190">
                  <c:v>70568.94</c:v>
                </c:pt>
                <c:pt idx="1191">
                  <c:v>70320.13</c:v>
                </c:pt>
                <c:pt idx="1192">
                  <c:v>70673.3</c:v>
                </c:pt>
                <c:pt idx="1193">
                  <c:v>71560.929999999993</c:v>
                </c:pt>
                <c:pt idx="1194">
                  <c:v>71904.77</c:v>
                </c:pt>
                <c:pt idx="1195">
                  <c:v>72995.69</c:v>
                </c:pt>
                <c:pt idx="1196">
                  <c:v>72606.58</c:v>
                </c:pt>
                <c:pt idx="1197">
                  <c:v>72657.37</c:v>
                </c:pt>
                <c:pt idx="1198">
                  <c:v>71679.47</c:v>
                </c:pt>
                <c:pt idx="1199">
                  <c:v>71638.38</c:v>
                </c:pt>
                <c:pt idx="1200">
                  <c:v>71195.16</c:v>
                </c:pt>
                <c:pt idx="1201">
                  <c:v>70367.149999999994</c:v>
                </c:pt>
                <c:pt idx="1202">
                  <c:v>69192.41</c:v>
                </c:pt>
                <c:pt idx="1203">
                  <c:v>69708.63</c:v>
                </c:pt>
                <c:pt idx="1204">
                  <c:v>70781.399999999994</c:v>
                </c:pt>
                <c:pt idx="1205">
                  <c:v>70897.899999999994</c:v>
                </c:pt>
                <c:pt idx="1206">
                  <c:v>69632.5</c:v>
                </c:pt>
                <c:pt idx="1207">
                  <c:v>67952.55</c:v>
                </c:pt>
                <c:pt idx="1208">
                  <c:v>69629.36</c:v>
                </c:pt>
                <c:pt idx="1209">
                  <c:v>69361.63</c:v>
                </c:pt>
                <c:pt idx="1210">
                  <c:v>68226.100000000006</c:v>
                </c:pt>
                <c:pt idx="1211">
                  <c:v>67908.179999999993</c:v>
                </c:pt>
                <c:pt idx="1212">
                  <c:v>67705.399999999994</c:v>
                </c:pt>
                <c:pt idx="1213">
                  <c:v>69345.850000000006</c:v>
                </c:pt>
                <c:pt idx="1214">
                  <c:v>69527.070000000007</c:v>
                </c:pt>
                <c:pt idx="1215">
                  <c:v>69766.09</c:v>
                </c:pt>
                <c:pt idx="1216">
                  <c:v>69551.81</c:v>
                </c:pt>
                <c:pt idx="1217">
                  <c:v>69337.64</c:v>
                </c:pt>
                <c:pt idx="1218">
                  <c:v>68174.92</c:v>
                </c:pt>
                <c:pt idx="1219">
                  <c:v>67879.460000000006</c:v>
                </c:pt>
                <c:pt idx="1220">
                  <c:v>68341.83</c:v>
                </c:pt>
                <c:pt idx="1221">
                  <c:v>69126.320000000007</c:v>
                </c:pt>
                <c:pt idx="1222">
                  <c:v>68742.97</c:v>
                </c:pt>
                <c:pt idx="1223">
                  <c:v>67870.14</c:v>
                </c:pt>
                <c:pt idx="1224">
                  <c:v>67306.39</c:v>
                </c:pt>
                <c:pt idx="1225">
                  <c:v>67981.22</c:v>
                </c:pt>
                <c:pt idx="1226">
                  <c:v>67263.600000000006</c:v>
                </c:pt>
                <c:pt idx="1227">
                  <c:v>68214.86</c:v>
                </c:pt>
                <c:pt idx="1228">
                  <c:v>68470.759999999995</c:v>
                </c:pt>
                <c:pt idx="1229">
                  <c:v>68485.960000000006</c:v>
                </c:pt>
                <c:pt idx="1230">
                  <c:v>67803.16</c:v>
                </c:pt>
                <c:pt idx="1231">
                  <c:v>68040.94</c:v>
                </c:pt>
                <c:pt idx="1232">
                  <c:v>68952.42</c:v>
                </c:pt>
                <c:pt idx="1233">
                  <c:v>69304.81</c:v>
                </c:pt>
                <c:pt idx="1234">
                  <c:v>69962.320000000007</c:v>
                </c:pt>
                <c:pt idx="1235">
                  <c:v>70317.789999999994</c:v>
                </c:pt>
                <c:pt idx="1236">
                  <c:v>71091.03</c:v>
                </c:pt>
                <c:pt idx="1237">
                  <c:v>70578.83</c:v>
                </c:pt>
                <c:pt idx="1238">
                  <c:v>70057.2</c:v>
                </c:pt>
                <c:pt idx="1239">
                  <c:v>70127.039999999994</c:v>
                </c:pt>
                <c:pt idx="1240">
                  <c:v>70423.44</c:v>
                </c:pt>
                <c:pt idx="1241">
                  <c:v>71632.899999999994</c:v>
                </c:pt>
                <c:pt idx="1242">
                  <c:v>70721.440000000002</c:v>
                </c:pt>
                <c:pt idx="1243">
                  <c:v>70940.22</c:v>
                </c:pt>
                <c:pt idx="1244">
                  <c:v>70609.070000000007</c:v>
                </c:pt>
                <c:pt idx="1245">
                  <c:v>70919.75</c:v>
                </c:pt>
                <c:pt idx="1246">
                  <c:v>70058.080000000002</c:v>
                </c:pt>
                <c:pt idx="1247">
                  <c:v>69561.53</c:v>
                </c:pt>
                <c:pt idx="1248">
                  <c:v>69133.09</c:v>
                </c:pt>
                <c:pt idx="1249">
                  <c:v>69426.570000000007</c:v>
                </c:pt>
                <c:pt idx="1250">
                  <c:v>68709.22</c:v>
                </c:pt>
                <c:pt idx="1251">
                  <c:v>68050.710000000006</c:v>
                </c:pt>
                <c:pt idx="1252">
                  <c:v>66697.570000000007</c:v>
                </c:pt>
                <c:pt idx="1253">
                  <c:v>66574.880000000005</c:v>
                </c:pt>
                <c:pt idx="1254">
                  <c:v>67847.34</c:v>
                </c:pt>
                <c:pt idx="1255">
                  <c:v>66688.479999999996</c:v>
                </c:pt>
                <c:pt idx="1256">
                  <c:v>66764.84</c:v>
                </c:pt>
                <c:pt idx="1257">
                  <c:v>65269.15</c:v>
                </c:pt>
                <c:pt idx="1258">
                  <c:v>65362.04</c:v>
                </c:pt>
                <c:pt idx="1259">
                  <c:v>65771.33</c:v>
                </c:pt>
                <c:pt idx="1260">
                  <c:v>64217.52</c:v>
                </c:pt>
                <c:pt idx="1261">
                  <c:v>64577.83</c:v>
                </c:pt>
                <c:pt idx="1262">
                  <c:v>65755.66</c:v>
                </c:pt>
                <c:pt idx="1263">
                  <c:v>66557.55</c:v>
                </c:pt>
                <c:pt idx="1264">
                  <c:v>66341.39</c:v>
                </c:pt>
                <c:pt idx="1265">
                  <c:v>67576.62</c:v>
                </c:pt>
                <c:pt idx="1266">
                  <c:v>67684.990000000005</c:v>
                </c:pt>
                <c:pt idx="1267">
                  <c:v>68066.820000000007</c:v>
                </c:pt>
                <c:pt idx="1268">
                  <c:v>67258.66</c:v>
                </c:pt>
                <c:pt idx="1269">
                  <c:v>66439.83</c:v>
                </c:pt>
                <c:pt idx="1270">
                  <c:v>66910.48</c:v>
                </c:pt>
                <c:pt idx="1271">
                  <c:v>66948.990000000005</c:v>
                </c:pt>
                <c:pt idx="1272">
                  <c:v>66902.53</c:v>
                </c:pt>
                <c:pt idx="1273">
                  <c:v>67383.22</c:v>
                </c:pt>
                <c:pt idx="1274">
                  <c:v>66242.63</c:v>
                </c:pt>
                <c:pt idx="1275">
                  <c:v>67281.509999999995</c:v>
                </c:pt>
                <c:pt idx="1276">
                  <c:v>68145.53</c:v>
                </c:pt>
                <c:pt idx="1277">
                  <c:v>68012.100000000006</c:v>
                </c:pt>
                <c:pt idx="1278">
                  <c:v>67263.75</c:v>
                </c:pt>
                <c:pt idx="1279">
                  <c:v>66040.66</c:v>
                </c:pt>
                <c:pt idx="1280">
                  <c:v>66684.600000000006</c:v>
                </c:pt>
                <c:pt idx="1281">
                  <c:v>67169.25</c:v>
                </c:pt>
                <c:pt idx="1282">
                  <c:v>67005.22</c:v>
                </c:pt>
                <c:pt idx="1283">
                  <c:v>66002.570000000007</c:v>
                </c:pt>
                <c:pt idx="1284">
                  <c:v>66215.929999999993</c:v>
                </c:pt>
                <c:pt idx="1285">
                  <c:v>66879.89</c:v>
                </c:pt>
                <c:pt idx="1286">
                  <c:v>66689.61</c:v>
                </c:pt>
                <c:pt idx="1287">
                  <c:v>67578.33</c:v>
                </c:pt>
                <c:pt idx="1288">
                  <c:v>67795.509999999995</c:v>
                </c:pt>
                <c:pt idx="1289">
                  <c:v>67532.97</c:v>
                </c:pt>
                <c:pt idx="1290">
                  <c:v>67765.94</c:v>
                </c:pt>
                <c:pt idx="1291">
                  <c:v>67192.820000000007</c:v>
                </c:pt>
                <c:pt idx="1292">
                  <c:v>67418.759999999995</c:v>
                </c:pt>
                <c:pt idx="1293">
                  <c:v>67997.06</c:v>
                </c:pt>
                <c:pt idx="1294">
                  <c:v>68586.7</c:v>
                </c:pt>
                <c:pt idx="1295">
                  <c:v>69268.289999999994</c:v>
                </c:pt>
                <c:pt idx="1296">
                  <c:v>69703.8</c:v>
                </c:pt>
                <c:pt idx="1297">
                  <c:v>69837.52</c:v>
                </c:pt>
                <c:pt idx="1298">
                  <c:v>69036.91</c:v>
                </c:pt>
                <c:pt idx="1299">
                  <c:v>69176.12</c:v>
                </c:pt>
                <c:pt idx="1300">
                  <c:v>68718.009999999995</c:v>
                </c:pt>
                <c:pt idx="1301">
                  <c:v>68164.36</c:v>
                </c:pt>
                <c:pt idx="1302">
                  <c:v>66896.23</c:v>
                </c:pt>
                <c:pt idx="1303">
                  <c:v>66486.490000000005</c:v>
                </c:pt>
                <c:pt idx="1304">
                  <c:v>66278.89</c:v>
                </c:pt>
                <c:pt idx="1305">
                  <c:v>66684.210000000006</c:v>
                </c:pt>
                <c:pt idx="1306">
                  <c:v>65415.49</c:v>
                </c:pt>
                <c:pt idx="1307">
                  <c:v>66158.09</c:v>
                </c:pt>
                <c:pt idx="1308">
                  <c:v>67058.02</c:v>
                </c:pt>
                <c:pt idx="1309">
                  <c:v>66972.37</c:v>
                </c:pt>
                <c:pt idx="1310">
                  <c:v>67144.259999999995</c:v>
                </c:pt>
                <c:pt idx="1311">
                  <c:v>66264.47</c:v>
                </c:pt>
                <c:pt idx="1312">
                  <c:v>65673.210000000006</c:v>
                </c:pt>
                <c:pt idx="1313">
                  <c:v>66132.86</c:v>
                </c:pt>
                <c:pt idx="1314">
                  <c:v>65462.75</c:v>
                </c:pt>
                <c:pt idx="1315">
                  <c:v>64318.18</c:v>
                </c:pt>
                <c:pt idx="1316">
                  <c:v>63615.5</c:v>
                </c:pt>
                <c:pt idx="1317">
                  <c:v>63407.01</c:v>
                </c:pt>
                <c:pt idx="1318">
                  <c:v>64417.34</c:v>
                </c:pt>
                <c:pt idx="1319">
                  <c:v>64621.97</c:v>
                </c:pt>
                <c:pt idx="1320">
                  <c:v>64876.88</c:v>
                </c:pt>
                <c:pt idx="1321">
                  <c:v>63775.82</c:v>
                </c:pt>
                <c:pt idx="1322">
                  <c:v>64003.16</c:v>
                </c:pt>
                <c:pt idx="1323">
                  <c:v>63235.3</c:v>
                </c:pt>
                <c:pt idx="1324">
                  <c:v>62829.68</c:v>
                </c:pt>
                <c:pt idx="1325">
                  <c:v>63673.34</c:v>
                </c:pt>
                <c:pt idx="1326">
                  <c:v>62840.61</c:v>
                </c:pt>
                <c:pt idx="1327">
                  <c:v>62367.360000000001</c:v>
                </c:pt>
                <c:pt idx="1328">
                  <c:v>62596.52</c:v>
                </c:pt>
                <c:pt idx="1329">
                  <c:v>62345.18</c:v>
                </c:pt>
                <c:pt idx="1330">
                  <c:v>63336.75</c:v>
                </c:pt>
                <c:pt idx="1331">
                  <c:v>63388.44</c:v>
                </c:pt>
                <c:pt idx="1332">
                  <c:v>64098.57</c:v>
                </c:pt>
                <c:pt idx="1333">
                  <c:v>64294.96</c:v>
                </c:pt>
                <c:pt idx="1334">
                  <c:v>63953.93</c:v>
                </c:pt>
                <c:pt idx="1335">
                  <c:v>64620.08</c:v>
                </c:pt>
                <c:pt idx="1336">
                  <c:v>63411.48</c:v>
                </c:pt>
                <c:pt idx="1337">
                  <c:v>64218.080000000002</c:v>
                </c:pt>
                <c:pt idx="1338">
                  <c:v>64340.5</c:v>
                </c:pt>
                <c:pt idx="1339">
                  <c:v>63067.73</c:v>
                </c:pt>
                <c:pt idx="1340">
                  <c:v>63217.85</c:v>
                </c:pt>
                <c:pt idx="1341">
                  <c:v>63032.97</c:v>
                </c:pt>
                <c:pt idx="1342">
                  <c:v>63468.82</c:v>
                </c:pt>
                <c:pt idx="1343">
                  <c:v>62697.16</c:v>
                </c:pt>
                <c:pt idx="1344">
                  <c:v>62022.92</c:v>
                </c:pt>
                <c:pt idx="1345">
                  <c:v>62204.83</c:v>
                </c:pt>
                <c:pt idx="1346">
                  <c:v>61603.74</c:v>
                </c:pt>
                <c:pt idx="1347">
                  <c:v>60880.62</c:v>
                </c:pt>
                <c:pt idx="1348">
                  <c:v>61059.98</c:v>
                </c:pt>
                <c:pt idx="1349">
                  <c:v>61168.24</c:v>
                </c:pt>
                <c:pt idx="1350">
                  <c:v>61423.61</c:v>
                </c:pt>
                <c:pt idx="1351">
                  <c:v>61194.09</c:v>
                </c:pt>
                <c:pt idx="1352">
                  <c:v>61016.72</c:v>
                </c:pt>
                <c:pt idx="1353">
                  <c:v>61216.98</c:v>
                </c:pt>
                <c:pt idx="1354">
                  <c:v>62303.37</c:v>
                </c:pt>
                <c:pt idx="1355">
                  <c:v>62333.97</c:v>
                </c:pt>
                <c:pt idx="1356">
                  <c:v>62403.64</c:v>
                </c:pt>
                <c:pt idx="1357">
                  <c:v>63394.34</c:v>
                </c:pt>
                <c:pt idx="1358">
                  <c:v>63891.31</c:v>
                </c:pt>
                <c:pt idx="1359">
                  <c:v>63038.81</c:v>
                </c:pt>
                <c:pt idx="1360">
                  <c:v>62565.46</c:v>
                </c:pt>
                <c:pt idx="1361">
                  <c:v>62207.33</c:v>
                </c:pt>
                <c:pt idx="1362">
                  <c:v>61513.24</c:v>
                </c:pt>
                <c:pt idx="1363">
                  <c:v>60223.63</c:v>
                </c:pt>
                <c:pt idx="1364">
                  <c:v>59704.75</c:v>
                </c:pt>
                <c:pt idx="1365">
                  <c:v>60669.89</c:v>
                </c:pt>
                <c:pt idx="1366">
                  <c:v>59679.35</c:v>
                </c:pt>
                <c:pt idx="1367">
                  <c:v>59478.01</c:v>
                </c:pt>
                <c:pt idx="1368">
                  <c:v>58837.61</c:v>
                </c:pt>
                <c:pt idx="1369">
                  <c:v>59082.13</c:v>
                </c:pt>
                <c:pt idx="1370">
                  <c:v>59119.71</c:v>
                </c:pt>
                <c:pt idx="1371">
                  <c:v>60262.95</c:v>
                </c:pt>
                <c:pt idx="1372">
                  <c:v>60270.47</c:v>
                </c:pt>
                <c:pt idx="1373">
                  <c:v>59970.54</c:v>
                </c:pt>
                <c:pt idx="1374">
                  <c:v>59339.9</c:v>
                </c:pt>
                <c:pt idx="1375">
                  <c:v>58288.46</c:v>
                </c:pt>
                <c:pt idx="1376">
                  <c:v>58708.25</c:v>
                </c:pt>
                <c:pt idx="1377">
                  <c:v>58823.45</c:v>
                </c:pt>
                <c:pt idx="1378">
                  <c:v>58535.74</c:v>
                </c:pt>
                <c:pt idx="1379">
                  <c:v>57310.78</c:v>
                </c:pt>
                <c:pt idx="1380">
                  <c:v>56017.22</c:v>
                </c:pt>
                <c:pt idx="1381">
                  <c:v>52811.360000000001</c:v>
                </c:pt>
                <c:pt idx="1382">
                  <c:v>52949.22</c:v>
                </c:pt>
                <c:pt idx="1383">
                  <c:v>48668.29</c:v>
                </c:pt>
                <c:pt idx="1384">
                  <c:v>51150.9</c:v>
                </c:pt>
                <c:pt idx="1385">
                  <c:v>51395.29</c:v>
                </c:pt>
                <c:pt idx="1386">
                  <c:v>53343.11</c:v>
                </c:pt>
                <c:pt idx="1387">
                  <c:v>53473.35</c:v>
                </c:pt>
                <c:pt idx="1388">
                  <c:v>54651.83</c:v>
                </c:pt>
                <c:pt idx="1389">
                  <c:v>54323.61</c:v>
                </c:pt>
                <c:pt idx="1390">
                  <c:v>55073.02</c:v>
                </c:pt>
                <c:pt idx="1391">
                  <c:v>53134.1</c:v>
                </c:pt>
                <c:pt idx="1392">
                  <c:v>52447.63</c:v>
                </c:pt>
                <c:pt idx="1393">
                  <c:v>52440.23</c:v>
                </c:pt>
                <c:pt idx="1394">
                  <c:v>53786.63</c:v>
                </c:pt>
                <c:pt idx="1395">
                  <c:v>53795.7</c:v>
                </c:pt>
                <c:pt idx="1396">
                  <c:v>52953.3</c:v>
                </c:pt>
                <c:pt idx="1397">
                  <c:v>53350.79</c:v>
                </c:pt>
                <c:pt idx="1398">
                  <c:v>54860.73</c:v>
                </c:pt>
                <c:pt idx="1399">
                  <c:v>55385.03</c:v>
                </c:pt>
                <c:pt idx="1400">
                  <c:v>56495.12</c:v>
                </c:pt>
                <c:pt idx="1401">
                  <c:v>58118.2</c:v>
                </c:pt>
                <c:pt idx="1402">
                  <c:v>56531.62</c:v>
                </c:pt>
                <c:pt idx="1403">
                  <c:v>54998.41</c:v>
                </c:pt>
                <c:pt idx="1404">
                  <c:v>56607.3</c:v>
                </c:pt>
                <c:pt idx="1405">
                  <c:v>57623.63</c:v>
                </c:pt>
                <c:pt idx="1406">
                  <c:v>55778.39</c:v>
                </c:pt>
                <c:pt idx="1407">
                  <c:v>55685.47</c:v>
                </c:pt>
                <c:pt idx="1408">
                  <c:v>55543.97</c:v>
                </c:pt>
                <c:pt idx="1409">
                  <c:v>56286.04</c:v>
                </c:pt>
                <c:pt idx="1410">
                  <c:v>56381.46</c:v>
                </c:pt>
                <c:pt idx="1411">
                  <c:v>57210.11</c:v>
                </c:pt>
                <c:pt idx="1412">
                  <c:v>57102.78</c:v>
                </c:pt>
                <c:pt idx="1413">
                  <c:v>56378.63</c:v>
                </c:pt>
                <c:pt idx="1414">
                  <c:v>55981.9</c:v>
                </c:pt>
                <c:pt idx="1415">
                  <c:v>53280.28</c:v>
                </c:pt>
                <c:pt idx="1416">
                  <c:v>53230.36</c:v>
                </c:pt>
                <c:pt idx="1417">
                  <c:v>53747.519999999997</c:v>
                </c:pt>
                <c:pt idx="1418">
                  <c:v>53920.36</c:v>
                </c:pt>
                <c:pt idx="1419">
                  <c:v>53270.36</c:v>
                </c:pt>
                <c:pt idx="1420">
                  <c:v>53384.67</c:v>
                </c:pt>
                <c:pt idx="1421">
                  <c:v>52324.42</c:v>
                </c:pt>
                <c:pt idx="1422">
                  <c:v>50791.53</c:v>
                </c:pt>
                <c:pt idx="1423">
                  <c:v>50686.34</c:v>
                </c:pt>
                <c:pt idx="1424">
                  <c:v>51013.85</c:v>
                </c:pt>
                <c:pt idx="1425">
                  <c:v>52290.37</c:v>
                </c:pt>
                <c:pt idx="1426">
                  <c:v>51243.62</c:v>
                </c:pt>
                <c:pt idx="1427">
                  <c:v>53273.11</c:v>
                </c:pt>
                <c:pt idx="1428">
                  <c:v>53838.47</c:v>
                </c:pt>
                <c:pt idx="1429">
                  <c:v>54601.07</c:v>
                </c:pt>
                <c:pt idx="1430">
                  <c:v>55030.45</c:v>
                </c:pt>
                <c:pt idx="1431">
                  <c:v>53911.33</c:v>
                </c:pt>
                <c:pt idx="1432">
                  <c:v>55031.93</c:v>
                </c:pt>
                <c:pt idx="1433">
                  <c:v>54966.13</c:v>
                </c:pt>
                <c:pt idx="1434">
                  <c:v>54009.98</c:v>
                </c:pt>
                <c:pt idx="1435">
                  <c:v>55255.23</c:v>
                </c:pt>
                <c:pt idx="1436">
                  <c:v>56891.97</c:v>
                </c:pt>
                <c:pt idx="1437">
                  <c:v>56285.99</c:v>
                </c:pt>
                <c:pt idx="1438">
                  <c:v>57143.79</c:v>
                </c:pt>
                <c:pt idx="1439">
                  <c:v>59270.13</c:v>
                </c:pt>
                <c:pt idx="1440">
                  <c:v>59513.13</c:v>
                </c:pt>
                <c:pt idx="1441">
                  <c:v>58338.39</c:v>
                </c:pt>
                <c:pt idx="1442">
                  <c:v>57322.75</c:v>
                </c:pt>
                <c:pt idx="1443">
                  <c:v>58196.3</c:v>
                </c:pt>
                <c:pt idx="1444">
                  <c:v>58669.919999999998</c:v>
                </c:pt>
                <c:pt idx="1445">
                  <c:v>59198.77</c:v>
                </c:pt>
                <c:pt idx="1446">
                  <c:v>59026.13</c:v>
                </c:pt>
                <c:pt idx="1447">
                  <c:v>57549.74</c:v>
                </c:pt>
                <c:pt idx="1448">
                  <c:v>57321.81</c:v>
                </c:pt>
                <c:pt idx="1449">
                  <c:v>58546.97</c:v>
                </c:pt>
                <c:pt idx="1450">
                  <c:v>58258.23</c:v>
                </c:pt>
                <c:pt idx="1451">
                  <c:v>58559.99</c:v>
                </c:pt>
                <c:pt idx="1452">
                  <c:v>56988.9</c:v>
                </c:pt>
                <c:pt idx="1453">
                  <c:v>56731.34</c:v>
                </c:pt>
                <c:pt idx="1454">
                  <c:v>56284.59</c:v>
                </c:pt>
                <c:pt idx="1455">
                  <c:v>55878.44</c:v>
                </c:pt>
                <c:pt idx="1456">
                  <c:v>54972.08</c:v>
                </c:pt>
                <c:pt idx="1457">
                  <c:v>55279.88</c:v>
                </c:pt>
                <c:pt idx="1458">
                  <c:v>54894.49</c:v>
                </c:pt>
                <c:pt idx="1459">
                  <c:v>56017.35</c:v>
                </c:pt>
                <c:pt idx="1460">
                  <c:v>55299.76</c:v>
                </c:pt>
                <c:pt idx="1461">
                  <c:v>56874.98</c:v>
                </c:pt>
                <c:pt idx="1462">
                  <c:v>58143.42</c:v>
                </c:pt>
                <c:pt idx="1463">
                  <c:v>57885.85</c:v>
                </c:pt>
                <c:pt idx="1464">
                  <c:v>58910.48</c:v>
                </c:pt>
                <c:pt idx="1465">
                  <c:v>59536.160000000003</c:v>
                </c:pt>
                <c:pt idx="1466">
                  <c:v>58662.83</c:v>
                </c:pt>
                <c:pt idx="1467">
                  <c:v>57455.02</c:v>
                </c:pt>
                <c:pt idx="1468">
                  <c:v>58236.46</c:v>
                </c:pt>
                <c:pt idx="1469">
                  <c:v>57346.86</c:v>
                </c:pt>
                <c:pt idx="1470">
                  <c:v>57494.85</c:v>
                </c:pt>
                <c:pt idx="1471">
                  <c:v>56646.87</c:v>
                </c:pt>
                <c:pt idx="1472">
                  <c:v>56331.15</c:v>
                </c:pt>
                <c:pt idx="1473">
                  <c:v>56096.93</c:v>
                </c:pt>
                <c:pt idx="1474">
                  <c:v>55298.33</c:v>
                </c:pt>
                <c:pt idx="1475">
                  <c:v>56864.85</c:v>
                </c:pt>
                <c:pt idx="1476">
                  <c:v>56653.37</c:v>
                </c:pt>
                <c:pt idx="1477">
                  <c:v>57347.87</c:v>
                </c:pt>
                <c:pt idx="1478">
                  <c:v>57701.07</c:v>
                </c:pt>
                <c:pt idx="1479">
                  <c:v>57669.48</c:v>
                </c:pt>
                <c:pt idx="1480">
                  <c:v>58005.2</c:v>
                </c:pt>
                <c:pt idx="1481">
                  <c:v>56533.760000000002</c:v>
                </c:pt>
                <c:pt idx="1482">
                  <c:v>56754.080000000002</c:v>
                </c:pt>
                <c:pt idx="1483">
                  <c:v>57829.27</c:v>
                </c:pt>
                <c:pt idx="1484">
                  <c:v>59264.87</c:v>
                </c:pt>
                <c:pt idx="1485">
                  <c:v>59364.95</c:v>
                </c:pt>
                <c:pt idx="1486">
                  <c:v>58546.080000000002</c:v>
                </c:pt>
                <c:pt idx="1487">
                  <c:v>58600.37</c:v>
                </c:pt>
                <c:pt idx="1488">
                  <c:v>59082.879999999997</c:v>
                </c:pt>
                <c:pt idx="1489">
                  <c:v>59805.96</c:v>
                </c:pt>
                <c:pt idx="1490">
                  <c:v>59962.400000000001</c:v>
                </c:pt>
                <c:pt idx="1491">
                  <c:v>59920.78</c:v>
                </c:pt>
                <c:pt idx="1492">
                  <c:v>59146.58</c:v>
                </c:pt>
                <c:pt idx="1493">
                  <c:v>59956.46</c:v>
                </c:pt>
                <c:pt idx="1494">
                  <c:v>60645.9</c:v>
                </c:pt>
                <c:pt idx="1495">
                  <c:v>61722.86</c:v>
                </c:pt>
                <c:pt idx="1496">
                  <c:v>61926.69</c:v>
                </c:pt>
                <c:pt idx="1497">
                  <c:v>62312.13</c:v>
                </c:pt>
                <c:pt idx="1498">
                  <c:v>62386.239999999998</c:v>
                </c:pt>
                <c:pt idx="1499">
                  <c:v>62486.22</c:v>
                </c:pt>
                <c:pt idx="1500">
                  <c:v>62953.06</c:v>
                </c:pt>
                <c:pt idx="1501">
                  <c:v>62904.2</c:v>
                </c:pt>
                <c:pt idx="1502">
                  <c:v>62770.01</c:v>
                </c:pt>
                <c:pt idx="1503">
                  <c:v>63072.31</c:v>
                </c:pt>
                <c:pt idx="1504">
                  <c:v>64567.18</c:v>
                </c:pt>
                <c:pt idx="1505">
                  <c:v>64593.1</c:v>
                </c:pt>
                <c:pt idx="1506">
                  <c:v>65217.37</c:v>
                </c:pt>
                <c:pt idx="1507">
                  <c:v>65223.72</c:v>
                </c:pt>
                <c:pt idx="1508">
                  <c:v>65917.02</c:v>
                </c:pt>
                <c:pt idx="1509">
                  <c:v>65831.16</c:v>
                </c:pt>
                <c:pt idx="1510">
                  <c:v>65530.49</c:v>
                </c:pt>
                <c:pt idx="1511">
                  <c:v>63997.86</c:v>
                </c:pt>
                <c:pt idx="1512">
                  <c:v>65691.53</c:v>
                </c:pt>
                <c:pt idx="1513">
                  <c:v>65038.53</c:v>
                </c:pt>
                <c:pt idx="1514">
                  <c:v>65368.49</c:v>
                </c:pt>
                <c:pt idx="1515">
                  <c:v>66141.7</c:v>
                </c:pt>
                <c:pt idx="1516">
                  <c:v>66203.5</c:v>
                </c:pt>
                <c:pt idx="1517">
                  <c:v>66092.77</c:v>
                </c:pt>
                <c:pt idx="1518">
                  <c:v>65819.62</c:v>
                </c:pt>
                <c:pt idx="1519">
                  <c:v>65942.73</c:v>
                </c:pt>
                <c:pt idx="1520">
                  <c:v>65241.49</c:v>
                </c:pt>
                <c:pt idx="1521">
                  <c:v>65958.78</c:v>
                </c:pt>
                <c:pt idx="1522">
                  <c:v>65811.73</c:v>
                </c:pt>
                <c:pt idx="1523">
                  <c:v>66809.8</c:v>
                </c:pt>
                <c:pt idx="1524">
                  <c:v>67781.600000000006</c:v>
                </c:pt>
                <c:pt idx="1525">
                  <c:v>66964.03</c:v>
                </c:pt>
                <c:pt idx="1526">
                  <c:v>65114.15</c:v>
                </c:pt>
                <c:pt idx="1527">
                  <c:v>66016.759999999995</c:v>
                </c:pt>
                <c:pt idx="1528">
                  <c:v>66908.39</c:v>
                </c:pt>
                <c:pt idx="1529">
                  <c:v>66703.960000000006</c:v>
                </c:pt>
                <c:pt idx="1530">
                  <c:v>66384.759999999995</c:v>
                </c:pt>
                <c:pt idx="1531">
                  <c:v>68394.33</c:v>
                </c:pt>
                <c:pt idx="1532">
                  <c:v>68257.22</c:v>
                </c:pt>
                <c:pt idx="1533">
                  <c:v>67749.490000000005</c:v>
                </c:pt>
                <c:pt idx="1534">
                  <c:v>67684.13</c:v>
                </c:pt>
                <c:pt idx="1535">
                  <c:v>67730.31</c:v>
                </c:pt>
                <c:pt idx="1536">
                  <c:v>67295.56</c:v>
                </c:pt>
                <c:pt idx="1537">
                  <c:v>66860.05</c:v>
                </c:pt>
                <c:pt idx="1538">
                  <c:v>65828.19</c:v>
                </c:pt>
                <c:pt idx="1539">
                  <c:v>65812.95</c:v>
                </c:pt>
                <c:pt idx="1540">
                  <c:v>66684.59</c:v>
                </c:pt>
                <c:pt idx="1541">
                  <c:v>66037.350000000006</c:v>
                </c:pt>
                <c:pt idx="1542">
                  <c:v>65079.34</c:v>
                </c:pt>
                <c:pt idx="1543">
                  <c:v>64871.99</c:v>
                </c:pt>
                <c:pt idx="1544">
                  <c:v>64510.97</c:v>
                </c:pt>
                <c:pt idx="1545">
                  <c:v>65216.25</c:v>
                </c:pt>
                <c:pt idx="1546">
                  <c:v>64284.26</c:v>
                </c:pt>
                <c:pt idx="1547">
                  <c:v>63528.65</c:v>
                </c:pt>
                <c:pt idx="1548">
                  <c:v>63691.18</c:v>
                </c:pt>
                <c:pt idx="1549">
                  <c:v>62923.21</c:v>
                </c:pt>
                <c:pt idx="1550">
                  <c:v>61738.28</c:v>
                </c:pt>
                <c:pt idx="1551">
                  <c:v>61293.14</c:v>
                </c:pt>
                <c:pt idx="1552">
                  <c:v>63058</c:v>
                </c:pt>
                <c:pt idx="1553">
                  <c:v>62105.599999999999</c:v>
                </c:pt>
                <c:pt idx="1554">
                  <c:v>61954.55</c:v>
                </c:pt>
                <c:pt idx="1555">
                  <c:v>62698.87</c:v>
                </c:pt>
                <c:pt idx="1556">
                  <c:v>63010.48</c:v>
                </c:pt>
                <c:pt idx="1557">
                  <c:v>62618.41</c:v>
                </c:pt>
                <c:pt idx="1558">
                  <c:v>62494.080000000002</c:v>
                </c:pt>
                <c:pt idx="1559">
                  <c:v>61539.38</c:v>
                </c:pt>
                <c:pt idx="1560">
                  <c:v>61971.14</c:v>
                </c:pt>
                <c:pt idx="1561">
                  <c:v>61750.38</c:v>
                </c:pt>
                <c:pt idx="1562">
                  <c:v>62198.06</c:v>
                </c:pt>
                <c:pt idx="1563">
                  <c:v>61691.21</c:v>
                </c:pt>
                <c:pt idx="1564">
                  <c:v>61820.26</c:v>
                </c:pt>
                <c:pt idx="1565">
                  <c:v>62423.56</c:v>
                </c:pt>
                <c:pt idx="1566">
                  <c:v>62104.15</c:v>
                </c:pt>
                <c:pt idx="1567">
                  <c:v>60820.93</c:v>
                </c:pt>
                <c:pt idx="1568">
                  <c:v>61220.43</c:v>
                </c:pt>
                <c:pt idx="1569">
                  <c:v>60365.48</c:v>
                </c:pt>
                <c:pt idx="1570">
                  <c:v>59786.12</c:v>
                </c:pt>
                <c:pt idx="1571">
                  <c:v>59702.05</c:v>
                </c:pt>
                <c:pt idx="1572">
                  <c:v>59445.21</c:v>
                </c:pt>
                <c:pt idx="1573">
                  <c:v>57539.61</c:v>
                </c:pt>
                <c:pt idx="1574">
                  <c:v>56237.97</c:v>
                </c:pt>
                <c:pt idx="1575">
                  <c:v>55887.57</c:v>
                </c:pt>
                <c:pt idx="1576">
                  <c:v>54038.2</c:v>
                </c:pt>
                <c:pt idx="1577">
                  <c:v>54513.16</c:v>
                </c:pt>
                <c:pt idx="1578">
                  <c:v>56590.239999999998</c:v>
                </c:pt>
                <c:pt idx="1579">
                  <c:v>55038.75</c:v>
                </c:pt>
                <c:pt idx="1580">
                  <c:v>54619.48</c:v>
                </c:pt>
                <c:pt idx="1581">
                  <c:v>54063</c:v>
                </c:pt>
                <c:pt idx="1582">
                  <c:v>54463.16</c:v>
                </c:pt>
                <c:pt idx="1583">
                  <c:v>55212.69</c:v>
                </c:pt>
                <c:pt idx="1584">
                  <c:v>54633.06</c:v>
                </c:pt>
                <c:pt idx="1585">
                  <c:v>53797.91</c:v>
                </c:pt>
                <c:pt idx="1586">
                  <c:v>54490.41</c:v>
                </c:pt>
                <c:pt idx="1587">
                  <c:v>53402.9</c:v>
                </c:pt>
                <c:pt idx="1588">
                  <c:v>53416.75</c:v>
                </c:pt>
                <c:pt idx="1589">
                  <c:v>52481.440000000002</c:v>
                </c:pt>
                <c:pt idx="1590">
                  <c:v>54156.04</c:v>
                </c:pt>
                <c:pt idx="1591">
                  <c:v>54429.85</c:v>
                </c:pt>
                <c:pt idx="1592">
                  <c:v>54001.45</c:v>
                </c:pt>
                <c:pt idx="1593">
                  <c:v>55049.03</c:v>
                </c:pt>
                <c:pt idx="1594">
                  <c:v>55650.51</c:v>
                </c:pt>
                <c:pt idx="1595">
                  <c:v>55351.67</c:v>
                </c:pt>
                <c:pt idx="1596">
                  <c:v>56104.69</c:v>
                </c:pt>
                <c:pt idx="1597">
                  <c:v>56195.21</c:v>
                </c:pt>
                <c:pt idx="1598">
                  <c:v>57195.49</c:v>
                </c:pt>
                <c:pt idx="1599">
                  <c:v>57166.55</c:v>
                </c:pt>
                <c:pt idx="1600">
                  <c:v>55505.17</c:v>
                </c:pt>
                <c:pt idx="1601">
                  <c:v>55439.5</c:v>
                </c:pt>
                <c:pt idx="1602">
                  <c:v>53805.38</c:v>
                </c:pt>
                <c:pt idx="1603">
                  <c:v>53836.57</c:v>
                </c:pt>
                <c:pt idx="1604">
                  <c:v>53108.93</c:v>
                </c:pt>
                <c:pt idx="1605">
                  <c:v>52652.25</c:v>
                </c:pt>
                <c:pt idx="1606">
                  <c:v>54354.63</c:v>
                </c:pt>
                <c:pt idx="1607">
                  <c:v>54692.79</c:v>
                </c:pt>
                <c:pt idx="1608">
                  <c:v>55780.32</c:v>
                </c:pt>
                <c:pt idx="1609">
                  <c:v>56076.82</c:v>
                </c:pt>
                <c:pt idx="1610">
                  <c:v>56379.06</c:v>
                </c:pt>
                <c:pt idx="1611">
                  <c:v>55394.05</c:v>
                </c:pt>
                <c:pt idx="1612">
                  <c:v>53705.82</c:v>
                </c:pt>
                <c:pt idx="1613">
                  <c:v>53569.14</c:v>
                </c:pt>
                <c:pt idx="1614">
                  <c:v>53420.87</c:v>
                </c:pt>
                <c:pt idx="1615">
                  <c:v>54330.51</c:v>
                </c:pt>
                <c:pt idx="1616">
                  <c:v>53401.8</c:v>
                </c:pt>
                <c:pt idx="1617">
                  <c:v>53909.47</c:v>
                </c:pt>
                <c:pt idx="1618">
                  <c:v>54583.13</c:v>
                </c:pt>
                <c:pt idx="1619">
                  <c:v>55346.65</c:v>
                </c:pt>
                <c:pt idx="1620">
                  <c:v>54194.79</c:v>
                </c:pt>
                <c:pt idx="1621">
                  <c:v>53033.96</c:v>
                </c:pt>
                <c:pt idx="1622">
                  <c:v>52638.63</c:v>
                </c:pt>
                <c:pt idx="1623">
                  <c:v>52607.54</c:v>
                </c:pt>
                <c:pt idx="1624">
                  <c:v>54002.720000000001</c:v>
                </c:pt>
                <c:pt idx="1625">
                  <c:v>56553.120000000003</c:v>
                </c:pt>
                <c:pt idx="1626">
                  <c:v>57240.92</c:v>
                </c:pt>
                <c:pt idx="1627">
                  <c:v>56097.05</c:v>
                </c:pt>
                <c:pt idx="1628">
                  <c:v>56291.93</c:v>
                </c:pt>
                <c:pt idx="1629">
                  <c:v>55520.4</c:v>
                </c:pt>
                <c:pt idx="1630">
                  <c:v>57255.22</c:v>
                </c:pt>
                <c:pt idx="1631">
                  <c:v>58344.61</c:v>
                </c:pt>
                <c:pt idx="1632">
                  <c:v>57725.66</c:v>
                </c:pt>
                <c:pt idx="1633">
                  <c:v>58950.98</c:v>
                </c:pt>
                <c:pt idx="1634">
                  <c:v>58797.13</c:v>
                </c:pt>
                <c:pt idx="1635">
                  <c:v>59280.93</c:v>
                </c:pt>
                <c:pt idx="1636">
                  <c:v>59122.74</c:v>
                </c:pt>
                <c:pt idx="1637">
                  <c:v>58082.92</c:v>
                </c:pt>
                <c:pt idx="1638">
                  <c:v>58189.279999999999</c:v>
                </c:pt>
                <c:pt idx="1639">
                  <c:v>59445.79</c:v>
                </c:pt>
                <c:pt idx="1640">
                  <c:v>59082.37</c:v>
                </c:pt>
                <c:pt idx="1641">
                  <c:v>59283.09</c:v>
                </c:pt>
                <c:pt idx="1642">
                  <c:v>58917.73</c:v>
                </c:pt>
                <c:pt idx="1643">
                  <c:v>59380.76</c:v>
                </c:pt>
                <c:pt idx="1644">
                  <c:v>58511.55</c:v>
                </c:pt>
                <c:pt idx="1645">
                  <c:v>58425.760000000002</c:v>
                </c:pt>
                <c:pt idx="1646">
                  <c:v>58111.46</c:v>
                </c:pt>
                <c:pt idx="1647">
                  <c:v>58406.400000000001</c:v>
                </c:pt>
                <c:pt idx="1648">
                  <c:v>57369.19</c:v>
                </c:pt>
                <c:pt idx="1649">
                  <c:v>57256.43</c:v>
                </c:pt>
                <c:pt idx="1650">
                  <c:v>57061.45</c:v>
                </c:pt>
                <c:pt idx="1651">
                  <c:v>57281.45</c:v>
                </c:pt>
                <c:pt idx="1652">
                  <c:v>56233.9</c:v>
                </c:pt>
                <c:pt idx="1653">
                  <c:v>56863.91</c:v>
                </c:pt>
                <c:pt idx="1654">
                  <c:v>58321.24</c:v>
                </c:pt>
                <c:pt idx="1655">
                  <c:v>58404.1</c:v>
                </c:pt>
                <c:pt idx="1656">
                  <c:v>59422.55</c:v>
                </c:pt>
                <c:pt idx="1657">
                  <c:v>59921.8</c:v>
                </c:pt>
                <c:pt idx="1658">
                  <c:v>61958.12</c:v>
                </c:pt>
                <c:pt idx="1659">
                  <c:v>62105.47</c:v>
                </c:pt>
                <c:pt idx="1660">
                  <c:v>61805.98</c:v>
                </c:pt>
                <c:pt idx="1661">
                  <c:v>61804.33</c:v>
                </c:pt>
                <c:pt idx="1662">
                  <c:v>61651.83</c:v>
                </c:pt>
                <c:pt idx="1663">
                  <c:v>61687.97</c:v>
                </c:pt>
                <c:pt idx="1664">
                  <c:v>61320.07</c:v>
                </c:pt>
                <c:pt idx="1665">
                  <c:v>61909.99</c:v>
                </c:pt>
                <c:pt idx="1666">
                  <c:v>60501.1</c:v>
                </c:pt>
                <c:pt idx="1667">
                  <c:v>60478.05</c:v>
                </c:pt>
                <c:pt idx="1668">
                  <c:v>60239.79</c:v>
                </c:pt>
                <c:pt idx="1669">
                  <c:v>59175.86</c:v>
                </c:pt>
                <c:pt idx="1670">
                  <c:v>59570.8</c:v>
                </c:pt>
                <c:pt idx="1671">
                  <c:v>59222.080000000002</c:v>
                </c:pt>
                <c:pt idx="1672">
                  <c:v>58627.33</c:v>
                </c:pt>
                <c:pt idx="1673">
                  <c:v>58458</c:v>
                </c:pt>
                <c:pt idx="1674">
                  <c:v>58571.59</c:v>
                </c:pt>
                <c:pt idx="1675">
                  <c:v>59317.15</c:v>
                </c:pt>
                <c:pt idx="1676">
                  <c:v>58939.46</c:v>
                </c:pt>
                <c:pt idx="1677">
                  <c:v>58456.28</c:v>
                </c:pt>
                <c:pt idx="1678">
                  <c:v>59161.72</c:v>
                </c:pt>
                <c:pt idx="1679">
                  <c:v>59601.71</c:v>
                </c:pt>
                <c:pt idx="1680">
                  <c:v>59743.87</c:v>
                </c:pt>
                <c:pt idx="1681">
                  <c:v>60087.29</c:v>
                </c:pt>
                <c:pt idx="1682">
                  <c:v>59733.9</c:v>
                </c:pt>
                <c:pt idx="1683">
                  <c:v>58922.04</c:v>
                </c:pt>
                <c:pt idx="1684">
                  <c:v>58700.3</c:v>
                </c:pt>
                <c:pt idx="1685">
                  <c:v>57690.239999999998</c:v>
                </c:pt>
                <c:pt idx="1686">
                  <c:v>57160.74</c:v>
                </c:pt>
                <c:pt idx="1687">
                  <c:v>57836.78</c:v>
                </c:pt>
                <c:pt idx="1688">
                  <c:v>57276.81</c:v>
                </c:pt>
                <c:pt idx="1689">
                  <c:v>57176.58</c:v>
                </c:pt>
                <c:pt idx="1690">
                  <c:v>57683.76</c:v>
                </c:pt>
                <c:pt idx="1691">
                  <c:v>57068.18</c:v>
                </c:pt>
                <c:pt idx="1692">
                  <c:v>58382.68</c:v>
                </c:pt>
                <c:pt idx="1693">
                  <c:v>58209.760000000002</c:v>
                </c:pt>
                <c:pt idx="1694">
                  <c:v>59458.59</c:v>
                </c:pt>
                <c:pt idx="1695">
                  <c:v>58517.35</c:v>
                </c:pt>
                <c:pt idx="1696">
                  <c:v>57524.45</c:v>
                </c:pt>
                <c:pt idx="1697">
                  <c:v>57357.71</c:v>
                </c:pt>
                <c:pt idx="1698">
                  <c:v>57064.31</c:v>
                </c:pt>
                <c:pt idx="1699">
                  <c:v>57486.07</c:v>
                </c:pt>
                <c:pt idx="1700">
                  <c:v>56279.360000000001</c:v>
                </c:pt>
                <c:pt idx="1701">
                  <c:v>55402.33</c:v>
                </c:pt>
                <c:pt idx="1702">
                  <c:v>56450.86</c:v>
                </c:pt>
                <c:pt idx="1703">
                  <c:v>56242.12</c:v>
                </c:pt>
                <c:pt idx="1704">
                  <c:v>56436.97</c:v>
                </c:pt>
                <c:pt idx="1705">
                  <c:v>57574.03</c:v>
                </c:pt>
                <c:pt idx="1706">
                  <c:v>56737.1</c:v>
                </c:pt>
                <c:pt idx="1707">
                  <c:v>56248.09</c:v>
                </c:pt>
                <c:pt idx="1708">
                  <c:v>56539.4</c:v>
                </c:pt>
                <c:pt idx="1709">
                  <c:v>57852.53</c:v>
                </c:pt>
                <c:pt idx="1710">
                  <c:v>57474.57</c:v>
                </c:pt>
                <c:pt idx="1711">
                  <c:v>58202.35</c:v>
                </c:pt>
                <c:pt idx="1712">
                  <c:v>57563.23</c:v>
                </c:pt>
                <c:pt idx="1713">
                  <c:v>57678.62</c:v>
                </c:pt>
                <c:pt idx="1714">
                  <c:v>57656.42</c:v>
                </c:pt>
                <c:pt idx="1715">
                  <c:v>58487.32</c:v>
                </c:pt>
                <c:pt idx="1716">
                  <c:v>59248.23</c:v>
                </c:pt>
                <c:pt idx="1717">
                  <c:v>59623.34</c:v>
                </c:pt>
                <c:pt idx="1718">
                  <c:v>59474.18</c:v>
                </c:pt>
                <c:pt idx="1719">
                  <c:v>59316.75</c:v>
                </c:pt>
                <c:pt idx="1720">
                  <c:v>59604.92</c:v>
                </c:pt>
                <c:pt idx="1721">
                  <c:v>59566.52</c:v>
                </c:pt>
                <c:pt idx="1722">
                  <c:v>60460.73</c:v>
                </c:pt>
                <c:pt idx="1723">
                  <c:v>60998.34</c:v>
                </c:pt>
                <c:pt idx="1724">
                  <c:v>61276.12</c:v>
                </c:pt>
                <c:pt idx="1725">
                  <c:v>61007.03</c:v>
                </c:pt>
                <c:pt idx="1726">
                  <c:v>60959.79</c:v>
                </c:pt>
                <c:pt idx="1727">
                  <c:v>60415.95</c:v>
                </c:pt>
                <c:pt idx="1728">
                  <c:v>60952.08</c:v>
                </c:pt>
                <c:pt idx="1729">
                  <c:v>62550.1</c:v>
                </c:pt>
                <c:pt idx="1730">
                  <c:v>63312.46</c:v>
                </c:pt>
                <c:pt idx="1731">
                  <c:v>62523.06</c:v>
                </c:pt>
                <c:pt idx="1732">
                  <c:v>61932.54</c:v>
                </c:pt>
                <c:pt idx="1733">
                  <c:v>61127.839999999997</c:v>
                </c:pt>
                <c:pt idx="1734">
                  <c:v>61578.58</c:v>
                </c:pt>
                <c:pt idx="1735">
                  <c:v>61678.31</c:v>
                </c:pt>
                <c:pt idx="1736">
                  <c:v>61497.43</c:v>
                </c:pt>
                <c:pt idx="1737">
                  <c:v>62080.79</c:v>
                </c:pt>
                <c:pt idx="1738">
                  <c:v>61727.61</c:v>
                </c:pt>
                <c:pt idx="1739">
                  <c:v>61787.35</c:v>
                </c:pt>
                <c:pt idx="1740">
                  <c:v>62194.06</c:v>
                </c:pt>
                <c:pt idx="1741">
                  <c:v>61956.14</c:v>
                </c:pt>
                <c:pt idx="1742">
                  <c:v>61899.71</c:v>
                </c:pt>
                <c:pt idx="1743">
                  <c:v>61692.29</c:v>
                </c:pt>
                <c:pt idx="1744">
                  <c:v>61966.26</c:v>
                </c:pt>
                <c:pt idx="1745">
                  <c:v>61169.83</c:v>
                </c:pt>
                <c:pt idx="1746">
                  <c:v>60027.07</c:v>
                </c:pt>
                <c:pt idx="1747">
                  <c:v>60406.33</c:v>
                </c:pt>
                <c:pt idx="1748">
                  <c:v>59336.7</c:v>
                </c:pt>
                <c:pt idx="1749">
                  <c:v>59761.49</c:v>
                </c:pt>
                <c:pt idx="1750">
                  <c:v>60351.16</c:v>
                </c:pt>
                <c:pt idx="1751">
                  <c:v>59575.66</c:v>
                </c:pt>
                <c:pt idx="1752">
                  <c:v>59444.97</c:v>
                </c:pt>
                <c:pt idx="1753">
                  <c:v>58951.07</c:v>
                </c:pt>
                <c:pt idx="1754">
                  <c:v>58372.46</c:v>
                </c:pt>
                <c:pt idx="1755">
                  <c:v>58497.83</c:v>
                </c:pt>
                <c:pt idx="1756">
                  <c:v>58405.74</c:v>
                </c:pt>
                <c:pt idx="1757">
                  <c:v>58077.31</c:v>
                </c:pt>
                <c:pt idx="1758">
                  <c:v>57903.3</c:v>
                </c:pt>
                <c:pt idx="1759">
                  <c:v>57613.9</c:v>
                </c:pt>
                <c:pt idx="1760">
                  <c:v>57314.400000000001</c:v>
                </c:pt>
                <c:pt idx="1761">
                  <c:v>56177.599999999999</c:v>
                </c:pt>
                <c:pt idx="1762">
                  <c:v>56154.68</c:v>
                </c:pt>
                <c:pt idx="1763">
                  <c:v>56697.06</c:v>
                </c:pt>
                <c:pt idx="1764">
                  <c:v>56617.56</c:v>
                </c:pt>
                <c:pt idx="1765">
                  <c:v>56948.87</c:v>
                </c:pt>
                <c:pt idx="1766">
                  <c:v>57273.88</c:v>
                </c:pt>
                <c:pt idx="1767">
                  <c:v>57424.29</c:v>
                </c:pt>
                <c:pt idx="1768">
                  <c:v>56883.99</c:v>
                </c:pt>
                <c:pt idx="1769">
                  <c:v>56499.17</c:v>
                </c:pt>
                <c:pt idx="1770">
                  <c:v>55950.73</c:v>
                </c:pt>
                <c:pt idx="1771">
                  <c:v>57940.14</c:v>
                </c:pt>
                <c:pt idx="1772">
                  <c:v>58846.81</c:v>
                </c:pt>
                <c:pt idx="1773">
                  <c:v>58432.75</c:v>
                </c:pt>
                <c:pt idx="1774">
                  <c:v>58544.79</c:v>
                </c:pt>
                <c:pt idx="1775">
                  <c:v>58208.61</c:v>
                </c:pt>
                <c:pt idx="1776">
                  <c:v>57385.9</c:v>
                </c:pt>
                <c:pt idx="1777">
                  <c:v>57281.02</c:v>
                </c:pt>
                <c:pt idx="1778">
                  <c:v>56869.279999999999</c:v>
                </c:pt>
                <c:pt idx="1779">
                  <c:v>56972.959999999999</c:v>
                </c:pt>
                <c:pt idx="1780">
                  <c:v>56361.24</c:v>
                </c:pt>
                <c:pt idx="1781">
                  <c:v>56030.03</c:v>
                </c:pt>
                <c:pt idx="1782">
                  <c:v>55576.67</c:v>
                </c:pt>
                <c:pt idx="1783">
                  <c:v>55243.4</c:v>
                </c:pt>
                <c:pt idx="1784">
                  <c:v>54873.120000000003</c:v>
                </c:pt>
                <c:pt idx="1785">
                  <c:v>55671.39</c:v>
                </c:pt>
                <c:pt idx="1786">
                  <c:v>56034.29</c:v>
                </c:pt>
                <c:pt idx="1787">
                  <c:v>56352.09</c:v>
                </c:pt>
                <c:pt idx="1788">
                  <c:v>55902.18</c:v>
                </c:pt>
                <c:pt idx="1789">
                  <c:v>54889.1</c:v>
                </c:pt>
                <c:pt idx="1790">
                  <c:v>55562.74</c:v>
                </c:pt>
                <c:pt idx="1791">
                  <c:v>54648.15</c:v>
                </c:pt>
                <c:pt idx="1792">
                  <c:v>55050.6</c:v>
                </c:pt>
                <c:pt idx="1793">
                  <c:v>55092.31</c:v>
                </c:pt>
                <c:pt idx="1794">
                  <c:v>55912.04</c:v>
                </c:pt>
                <c:pt idx="1795">
                  <c:v>56186.559999999998</c:v>
                </c:pt>
                <c:pt idx="1796">
                  <c:v>55400.91</c:v>
                </c:pt>
                <c:pt idx="1797">
                  <c:v>54962.65</c:v>
                </c:pt>
                <c:pt idx="1798">
                  <c:v>52949.93</c:v>
                </c:pt>
                <c:pt idx="1799">
                  <c:v>53990.83</c:v>
                </c:pt>
                <c:pt idx="1800">
                  <c:v>52881.96</c:v>
                </c:pt>
                <c:pt idx="1801">
                  <c:v>53165.91</c:v>
                </c:pt>
                <c:pt idx="1802">
                  <c:v>53928.92</c:v>
                </c:pt>
                <c:pt idx="1803">
                  <c:v>54297.73</c:v>
                </c:pt>
                <c:pt idx="1804">
                  <c:v>54884.75</c:v>
                </c:pt>
                <c:pt idx="1805">
                  <c:v>54984.23</c:v>
                </c:pt>
                <c:pt idx="1806">
                  <c:v>54963.32</c:v>
                </c:pt>
                <c:pt idx="1807">
                  <c:v>54252.04</c:v>
                </c:pt>
                <c:pt idx="1808">
                  <c:v>54887.25</c:v>
                </c:pt>
                <c:pt idx="1809">
                  <c:v>55910.37</c:v>
                </c:pt>
                <c:pt idx="1810">
                  <c:v>55321.93</c:v>
                </c:pt>
                <c:pt idx="1811">
                  <c:v>55488.08</c:v>
                </c:pt>
                <c:pt idx="1812">
                  <c:v>55429.88</c:v>
                </c:pt>
                <c:pt idx="1813">
                  <c:v>56274.66</c:v>
                </c:pt>
                <c:pt idx="1814">
                  <c:v>55804.800000000003</c:v>
                </c:pt>
                <c:pt idx="1815">
                  <c:v>55447.56</c:v>
                </c:pt>
                <c:pt idx="1816">
                  <c:v>55107.8</c:v>
                </c:pt>
                <c:pt idx="1817">
                  <c:v>54447.77</c:v>
                </c:pt>
                <c:pt idx="1818">
                  <c:v>54666.82</c:v>
                </c:pt>
                <c:pt idx="1819">
                  <c:v>54936.41</c:v>
                </c:pt>
                <c:pt idx="1820">
                  <c:v>54772.62</c:v>
                </c:pt>
                <c:pt idx="1821">
                  <c:v>55164.27</c:v>
                </c:pt>
                <c:pt idx="1822">
                  <c:v>55700.77</c:v>
                </c:pt>
                <c:pt idx="1823">
                  <c:v>56265.32</c:v>
                </c:pt>
                <c:pt idx="1824">
                  <c:v>56429.27</c:v>
                </c:pt>
                <c:pt idx="1825">
                  <c:v>56349.91</c:v>
                </c:pt>
                <c:pt idx="1826">
                  <c:v>56406.21</c:v>
                </c:pt>
                <c:pt idx="1827">
                  <c:v>56395.94</c:v>
                </c:pt>
                <c:pt idx="1828">
                  <c:v>56036.26</c:v>
                </c:pt>
                <c:pt idx="1829">
                  <c:v>54634.69</c:v>
                </c:pt>
                <c:pt idx="1830">
                  <c:v>53506.080000000002</c:v>
                </c:pt>
                <c:pt idx="1831">
                  <c:v>53944.36</c:v>
                </c:pt>
                <c:pt idx="1832">
                  <c:v>54017.9</c:v>
                </c:pt>
                <c:pt idx="1833">
                  <c:v>52798.63</c:v>
                </c:pt>
                <c:pt idx="1834">
                  <c:v>52884.83</c:v>
                </c:pt>
                <c:pt idx="1835">
                  <c:v>51618.63</c:v>
                </c:pt>
                <c:pt idx="1836">
                  <c:v>51316.65</c:v>
                </c:pt>
                <c:pt idx="1837">
                  <c:v>49769.93</c:v>
                </c:pt>
                <c:pt idx="1838">
                  <c:v>49180.58</c:v>
                </c:pt>
                <c:pt idx="1839">
                  <c:v>50414.89</c:v>
                </c:pt>
                <c:pt idx="1840">
                  <c:v>49332.34</c:v>
                </c:pt>
                <c:pt idx="1841">
                  <c:v>49088.65</c:v>
                </c:pt>
                <c:pt idx="1842">
                  <c:v>49464.94</c:v>
                </c:pt>
                <c:pt idx="1843">
                  <c:v>47893.06</c:v>
                </c:pt>
                <c:pt idx="1844">
                  <c:v>48214.43</c:v>
                </c:pt>
                <c:pt idx="1845">
                  <c:v>47056.04</c:v>
                </c:pt>
                <c:pt idx="1846">
                  <c:v>45965.05</c:v>
                </c:pt>
                <c:pt idx="1847">
                  <c:v>46893.04</c:v>
                </c:pt>
                <c:pt idx="1848">
                  <c:v>47171.98</c:v>
                </c:pt>
                <c:pt idx="1849">
                  <c:v>47609.46</c:v>
                </c:pt>
                <c:pt idx="1850">
                  <c:v>47457.13</c:v>
                </c:pt>
                <c:pt idx="1851">
                  <c:v>47229.59</c:v>
                </c:pt>
                <c:pt idx="1852">
                  <c:v>45228.95</c:v>
                </c:pt>
                <c:pt idx="1853">
                  <c:v>45044.03</c:v>
                </c:pt>
                <c:pt idx="1854">
                  <c:v>45763.16</c:v>
                </c:pt>
                <c:pt idx="1855">
                  <c:v>45210.49</c:v>
                </c:pt>
                <c:pt idx="1856">
                  <c:v>45075.5</c:v>
                </c:pt>
                <c:pt idx="1857">
                  <c:v>45483.43</c:v>
                </c:pt>
                <c:pt idx="1858">
                  <c:v>46626.26</c:v>
                </c:pt>
                <c:pt idx="1859">
                  <c:v>45533.24</c:v>
                </c:pt>
                <c:pt idx="1860">
                  <c:v>46738.9</c:v>
                </c:pt>
                <c:pt idx="1861">
                  <c:v>46869.29</c:v>
                </c:pt>
                <c:pt idx="1862">
                  <c:v>47407.31</c:v>
                </c:pt>
                <c:pt idx="1863">
                  <c:v>47656.92</c:v>
                </c:pt>
                <c:pt idx="1864">
                  <c:v>47400.23</c:v>
                </c:pt>
                <c:pt idx="1865">
                  <c:v>48574.09</c:v>
                </c:pt>
                <c:pt idx="1866">
                  <c:v>48819.519999999997</c:v>
                </c:pt>
                <c:pt idx="1867">
                  <c:v>48374.23</c:v>
                </c:pt>
                <c:pt idx="1868">
                  <c:v>49066.75</c:v>
                </c:pt>
                <c:pt idx="1869">
                  <c:v>49422.05</c:v>
                </c:pt>
                <c:pt idx="1870">
                  <c:v>49212.33</c:v>
                </c:pt>
                <c:pt idx="1871">
                  <c:v>48561.78</c:v>
                </c:pt>
                <c:pt idx="1872">
                  <c:v>48234.49</c:v>
                </c:pt>
                <c:pt idx="1873">
                  <c:v>49140.78</c:v>
                </c:pt>
                <c:pt idx="1874">
                  <c:v>48474.04</c:v>
                </c:pt>
                <c:pt idx="1875">
                  <c:v>48436.44</c:v>
                </c:pt>
                <c:pt idx="1876">
                  <c:v>47421.85</c:v>
                </c:pt>
                <c:pt idx="1877">
                  <c:v>47446.71</c:v>
                </c:pt>
                <c:pt idx="1878">
                  <c:v>48928.82</c:v>
                </c:pt>
                <c:pt idx="1879">
                  <c:v>49874.9</c:v>
                </c:pt>
                <c:pt idx="1880">
                  <c:v>50299.49</c:v>
                </c:pt>
                <c:pt idx="1881">
                  <c:v>50600.55</c:v>
                </c:pt>
                <c:pt idx="1882">
                  <c:v>50895.92</c:v>
                </c:pt>
                <c:pt idx="1883">
                  <c:v>50908.34</c:v>
                </c:pt>
                <c:pt idx="1884">
                  <c:v>51538.78</c:v>
                </c:pt>
                <c:pt idx="1885">
                  <c:v>51574.09</c:v>
                </c:pt>
                <c:pt idx="1886">
                  <c:v>50507.02</c:v>
                </c:pt>
                <c:pt idx="1887">
                  <c:v>50405.2</c:v>
                </c:pt>
                <c:pt idx="1888">
                  <c:v>51397.66</c:v>
                </c:pt>
                <c:pt idx="1889">
                  <c:v>52197.06</c:v>
                </c:pt>
                <c:pt idx="1890">
                  <c:v>51429.48</c:v>
                </c:pt>
                <c:pt idx="1891">
                  <c:v>50091.55</c:v>
                </c:pt>
                <c:pt idx="1892">
                  <c:v>49866.92</c:v>
                </c:pt>
                <c:pt idx="1893">
                  <c:v>49921.88</c:v>
                </c:pt>
                <c:pt idx="1894">
                  <c:v>50011.75</c:v>
                </c:pt>
                <c:pt idx="1895">
                  <c:v>51835.15</c:v>
                </c:pt>
                <c:pt idx="1896">
                  <c:v>51625.5</c:v>
                </c:pt>
                <c:pt idx="1897">
                  <c:v>51716.160000000003</c:v>
                </c:pt>
                <c:pt idx="1898">
                  <c:v>52351.86</c:v>
                </c:pt>
                <c:pt idx="1899">
                  <c:v>53749.42</c:v>
                </c:pt>
                <c:pt idx="1900">
                  <c:v>54251.85</c:v>
                </c:pt>
                <c:pt idx="1901">
                  <c:v>53979.03</c:v>
                </c:pt>
                <c:pt idx="1902">
                  <c:v>53570.46</c:v>
                </c:pt>
                <c:pt idx="1903">
                  <c:v>53307.09</c:v>
                </c:pt>
                <c:pt idx="1904">
                  <c:v>53797.51</c:v>
                </c:pt>
                <c:pt idx="1905">
                  <c:v>53821.63</c:v>
                </c:pt>
                <c:pt idx="1906">
                  <c:v>54271.25</c:v>
                </c:pt>
                <c:pt idx="1907">
                  <c:v>55702.9</c:v>
                </c:pt>
                <c:pt idx="1908">
                  <c:v>55095.69</c:v>
                </c:pt>
                <c:pt idx="1909">
                  <c:v>54110.03</c:v>
                </c:pt>
                <c:pt idx="1910">
                  <c:v>54602.38</c:v>
                </c:pt>
                <c:pt idx="1911">
                  <c:v>54431.05</c:v>
                </c:pt>
                <c:pt idx="1912">
                  <c:v>54261.11</c:v>
                </c:pt>
                <c:pt idx="1913">
                  <c:v>53782.97</c:v>
                </c:pt>
                <c:pt idx="1914">
                  <c:v>53738.92</c:v>
                </c:pt>
                <c:pt idx="1915">
                  <c:v>52338.19</c:v>
                </c:pt>
                <c:pt idx="1916">
                  <c:v>53179.46</c:v>
                </c:pt>
                <c:pt idx="1917">
                  <c:v>53100.18</c:v>
                </c:pt>
                <c:pt idx="1918">
                  <c:v>52489.86</c:v>
                </c:pt>
                <c:pt idx="1919">
                  <c:v>52848.97</c:v>
                </c:pt>
                <c:pt idx="1920">
                  <c:v>52417.1</c:v>
                </c:pt>
                <c:pt idx="1921">
                  <c:v>52312.44</c:v>
                </c:pt>
                <c:pt idx="1922">
                  <c:v>52547.71</c:v>
                </c:pt>
                <c:pt idx="1923">
                  <c:v>52996.639999999999</c:v>
                </c:pt>
                <c:pt idx="1924">
                  <c:v>53149.62</c:v>
                </c:pt>
                <c:pt idx="1925">
                  <c:v>54170.6</c:v>
                </c:pt>
                <c:pt idx="1926">
                  <c:v>54980.639999999999</c:v>
                </c:pt>
                <c:pt idx="1927">
                  <c:v>55973.03</c:v>
                </c:pt>
                <c:pt idx="1928">
                  <c:v>55358.13</c:v>
                </c:pt>
                <c:pt idx="1929">
                  <c:v>55378.46</c:v>
                </c:pt>
                <c:pt idx="1930">
                  <c:v>56077.43</c:v>
                </c:pt>
                <c:pt idx="1931">
                  <c:v>56460.38</c:v>
                </c:pt>
                <c:pt idx="1932">
                  <c:v>55440.03</c:v>
                </c:pt>
                <c:pt idx="1933">
                  <c:v>54877.15</c:v>
                </c:pt>
                <c:pt idx="1934">
                  <c:v>54154.15</c:v>
                </c:pt>
                <c:pt idx="1935">
                  <c:v>55073.37</c:v>
                </c:pt>
                <c:pt idx="1936">
                  <c:v>54538.8</c:v>
                </c:pt>
                <c:pt idx="1937">
                  <c:v>54172.82</c:v>
                </c:pt>
                <c:pt idx="1938">
                  <c:v>54256.2</c:v>
                </c:pt>
                <c:pt idx="1939">
                  <c:v>54013.24</c:v>
                </c:pt>
                <c:pt idx="1940">
                  <c:v>54436.92</c:v>
                </c:pt>
                <c:pt idx="1941">
                  <c:v>53831.85</c:v>
                </c:pt>
                <c:pt idx="1942">
                  <c:v>53384.6</c:v>
                </c:pt>
                <c:pt idx="1943">
                  <c:v>52740.79</c:v>
                </c:pt>
                <c:pt idx="1944">
                  <c:v>52248.86</c:v>
                </c:pt>
                <c:pt idx="1945">
                  <c:v>52623.87</c:v>
                </c:pt>
                <c:pt idx="1946">
                  <c:v>51804.33</c:v>
                </c:pt>
                <c:pt idx="1947">
                  <c:v>52230.29</c:v>
                </c:pt>
                <c:pt idx="1948">
                  <c:v>53451.6</c:v>
                </c:pt>
                <c:pt idx="1949">
                  <c:v>54307.040000000001</c:v>
                </c:pt>
                <c:pt idx="1950">
                  <c:v>53032.91</c:v>
                </c:pt>
                <c:pt idx="1951">
                  <c:v>52688.02</c:v>
                </c:pt>
                <c:pt idx="1952">
                  <c:v>52800.74</c:v>
                </c:pt>
                <c:pt idx="1953">
                  <c:v>52263.51</c:v>
                </c:pt>
                <c:pt idx="1954">
                  <c:v>51446.91</c:v>
                </c:pt>
                <c:pt idx="1955">
                  <c:v>51861.21</c:v>
                </c:pt>
                <c:pt idx="1956">
                  <c:v>51846.83</c:v>
                </c:pt>
                <c:pt idx="1957">
                  <c:v>52482.49</c:v>
                </c:pt>
                <c:pt idx="1958">
                  <c:v>51244.87</c:v>
                </c:pt>
                <c:pt idx="1959">
                  <c:v>50348.89</c:v>
                </c:pt>
                <c:pt idx="1960">
                  <c:v>50215.79</c:v>
                </c:pt>
                <c:pt idx="1961">
                  <c:v>50787.63</c:v>
                </c:pt>
                <c:pt idx="1962">
                  <c:v>50944.27</c:v>
                </c:pt>
                <c:pt idx="1963">
                  <c:v>51165.38</c:v>
                </c:pt>
                <c:pt idx="1964">
                  <c:v>50993.02</c:v>
                </c:pt>
                <c:pt idx="1965">
                  <c:v>50067.99</c:v>
                </c:pt>
                <c:pt idx="1966">
                  <c:v>50121.61</c:v>
                </c:pt>
                <c:pt idx="1967">
                  <c:v>50051.18</c:v>
                </c:pt>
                <c:pt idx="1968">
                  <c:v>50279.61</c:v>
                </c:pt>
                <c:pt idx="1969">
                  <c:v>50090.35</c:v>
                </c:pt>
                <c:pt idx="1970">
                  <c:v>50563.43</c:v>
                </c:pt>
                <c:pt idx="1971">
                  <c:v>51633.43</c:v>
                </c:pt>
                <c:pt idx="1972">
                  <c:v>51185.74</c:v>
                </c:pt>
                <c:pt idx="1973">
                  <c:v>51356.1</c:v>
                </c:pt>
                <c:pt idx="1974">
                  <c:v>51221.01</c:v>
                </c:pt>
                <c:pt idx="1975">
                  <c:v>51266.559999999998</c:v>
                </c:pt>
                <c:pt idx="1976">
                  <c:v>51507.16</c:v>
                </c:pt>
                <c:pt idx="1977">
                  <c:v>50341.25</c:v>
                </c:pt>
                <c:pt idx="1978">
                  <c:v>50981.09</c:v>
                </c:pt>
                <c:pt idx="1979">
                  <c:v>50973.62</c:v>
                </c:pt>
                <c:pt idx="1980">
                  <c:v>50430.02</c:v>
                </c:pt>
                <c:pt idx="1981">
                  <c:v>50576.639999999999</c:v>
                </c:pt>
                <c:pt idx="1982">
                  <c:v>49321.68</c:v>
                </c:pt>
                <c:pt idx="1983">
                  <c:v>49696.45</c:v>
                </c:pt>
                <c:pt idx="1984">
                  <c:v>49426.9</c:v>
                </c:pt>
                <c:pt idx="1985">
                  <c:v>49703.1</c:v>
                </c:pt>
                <c:pt idx="1986">
                  <c:v>50105.37</c:v>
                </c:pt>
                <c:pt idx="1987">
                  <c:v>49696.28</c:v>
                </c:pt>
                <c:pt idx="1988">
                  <c:v>49181.86</c:v>
                </c:pt>
                <c:pt idx="1989">
                  <c:v>48708.41</c:v>
                </c:pt>
                <c:pt idx="1990">
                  <c:v>48542.07</c:v>
                </c:pt>
                <c:pt idx="1991">
                  <c:v>49299.66</c:v>
                </c:pt>
                <c:pt idx="1992">
                  <c:v>48320.639999999999</c:v>
                </c:pt>
                <c:pt idx="1993">
                  <c:v>47787.38</c:v>
                </c:pt>
                <c:pt idx="1994">
                  <c:v>47701.05</c:v>
                </c:pt>
                <c:pt idx="1995">
                  <c:v>47840.93</c:v>
                </c:pt>
                <c:pt idx="1996">
                  <c:v>47556.78</c:v>
                </c:pt>
                <c:pt idx="1997">
                  <c:v>47244.26</c:v>
                </c:pt>
                <c:pt idx="1998">
                  <c:v>47638.99</c:v>
                </c:pt>
                <c:pt idx="1999">
                  <c:v>46147.519999999997</c:v>
                </c:pt>
                <c:pt idx="2000">
                  <c:v>46964.22</c:v>
                </c:pt>
                <c:pt idx="2001">
                  <c:v>46624.39</c:v>
                </c:pt>
                <c:pt idx="2002">
                  <c:v>47738.09</c:v>
                </c:pt>
                <c:pt idx="2003">
                  <c:v>48073.599999999999</c:v>
                </c:pt>
                <c:pt idx="2004">
                  <c:v>47710.82</c:v>
                </c:pt>
                <c:pt idx="2005">
                  <c:v>48462.79</c:v>
                </c:pt>
                <c:pt idx="2006">
                  <c:v>48216.89</c:v>
                </c:pt>
                <c:pt idx="2007">
                  <c:v>47812.83</c:v>
                </c:pt>
                <c:pt idx="2008">
                  <c:v>48201.11</c:v>
                </c:pt>
                <c:pt idx="2009">
                  <c:v>47576.33</c:v>
                </c:pt>
                <c:pt idx="2010">
                  <c:v>46599.76</c:v>
                </c:pt>
                <c:pt idx="2011">
                  <c:v>47150.83</c:v>
                </c:pt>
                <c:pt idx="2012">
                  <c:v>47288.61</c:v>
                </c:pt>
                <c:pt idx="2013">
                  <c:v>47380.24</c:v>
                </c:pt>
                <c:pt idx="2014">
                  <c:v>47393.5</c:v>
                </c:pt>
                <c:pt idx="2015">
                  <c:v>46715.91</c:v>
                </c:pt>
                <c:pt idx="2016">
                  <c:v>46599.21</c:v>
                </c:pt>
                <c:pt idx="2017">
                  <c:v>47606.75</c:v>
                </c:pt>
                <c:pt idx="2018">
                  <c:v>47094.400000000001</c:v>
                </c:pt>
                <c:pt idx="2019">
                  <c:v>46589</c:v>
                </c:pt>
                <c:pt idx="2020">
                  <c:v>47093.13</c:v>
                </c:pt>
                <c:pt idx="2021">
                  <c:v>46244.07</c:v>
                </c:pt>
                <c:pt idx="2022">
                  <c:v>45533.2</c:v>
                </c:pt>
                <c:pt idx="2023">
                  <c:v>45697.62</c:v>
                </c:pt>
                <c:pt idx="2024">
                  <c:v>45861.81</c:v>
                </c:pt>
                <c:pt idx="2025">
                  <c:v>45443.83</c:v>
                </c:pt>
                <c:pt idx="2026">
                  <c:v>44965.66</c:v>
                </c:pt>
                <c:pt idx="2027">
                  <c:v>45117.8</c:v>
                </c:pt>
                <c:pt idx="2028">
                  <c:v>46150.96</c:v>
                </c:pt>
                <c:pt idx="2029">
                  <c:v>46567.23</c:v>
                </c:pt>
                <c:pt idx="2030">
                  <c:v>47278.48</c:v>
                </c:pt>
                <c:pt idx="2031">
                  <c:v>47380.94</c:v>
                </c:pt>
                <c:pt idx="2032">
                  <c:v>47993.42</c:v>
                </c:pt>
                <c:pt idx="2033">
                  <c:v>48180.14</c:v>
                </c:pt>
                <c:pt idx="2034">
                  <c:v>47965.61</c:v>
                </c:pt>
                <c:pt idx="2035">
                  <c:v>49646.79</c:v>
                </c:pt>
                <c:pt idx="2036">
                  <c:v>49768.06</c:v>
                </c:pt>
                <c:pt idx="2037">
                  <c:v>50414.92</c:v>
                </c:pt>
                <c:pt idx="2038">
                  <c:v>50270.37</c:v>
                </c:pt>
                <c:pt idx="2039">
                  <c:v>51701.05</c:v>
                </c:pt>
                <c:pt idx="2040">
                  <c:v>51408.21</c:v>
                </c:pt>
                <c:pt idx="2041">
                  <c:v>51081.78</c:v>
                </c:pt>
                <c:pt idx="2042">
                  <c:v>52155.28</c:v>
                </c:pt>
                <c:pt idx="2043">
                  <c:v>51629.07</c:v>
                </c:pt>
                <c:pt idx="2044">
                  <c:v>51185.4</c:v>
                </c:pt>
                <c:pt idx="2045">
                  <c:v>51127.48</c:v>
                </c:pt>
                <c:pt idx="2046">
                  <c:v>51867.29</c:v>
                </c:pt>
                <c:pt idx="2047">
                  <c:v>51596.55</c:v>
                </c:pt>
                <c:pt idx="2048">
                  <c:v>50454.35</c:v>
                </c:pt>
                <c:pt idx="2049">
                  <c:v>51200.56</c:v>
                </c:pt>
                <c:pt idx="2050">
                  <c:v>52111.85</c:v>
                </c:pt>
                <c:pt idx="2051">
                  <c:v>51976.86</c:v>
                </c:pt>
                <c:pt idx="2052">
                  <c:v>51569.69</c:v>
                </c:pt>
                <c:pt idx="2053">
                  <c:v>51817.45</c:v>
                </c:pt>
                <c:pt idx="2054">
                  <c:v>51399.35</c:v>
                </c:pt>
                <c:pt idx="2055">
                  <c:v>51383.68</c:v>
                </c:pt>
                <c:pt idx="2056">
                  <c:v>51838.61</c:v>
                </c:pt>
                <c:pt idx="2057">
                  <c:v>51626.69</c:v>
                </c:pt>
                <c:pt idx="2058">
                  <c:v>52980.31</c:v>
                </c:pt>
                <c:pt idx="2059">
                  <c:v>53446.17</c:v>
                </c:pt>
                <c:pt idx="2060">
                  <c:v>53779.74</c:v>
                </c:pt>
                <c:pt idx="2061">
                  <c:v>54052.74</c:v>
                </c:pt>
                <c:pt idx="2062">
                  <c:v>53422.37</c:v>
                </c:pt>
                <c:pt idx="2063">
                  <c:v>53100.34</c:v>
                </c:pt>
                <c:pt idx="2064">
                  <c:v>54052.9</c:v>
                </c:pt>
                <c:pt idx="2065">
                  <c:v>53907.46</c:v>
                </c:pt>
                <c:pt idx="2066">
                  <c:v>54412.54</c:v>
                </c:pt>
                <c:pt idx="2067">
                  <c:v>53855.54</c:v>
                </c:pt>
                <c:pt idx="2068">
                  <c:v>53975.76</c:v>
                </c:pt>
                <c:pt idx="2069">
                  <c:v>53353.1</c:v>
                </c:pt>
                <c:pt idx="2070">
                  <c:v>52366.19</c:v>
                </c:pt>
                <c:pt idx="2071">
                  <c:v>52203.37</c:v>
                </c:pt>
                <c:pt idx="2072">
                  <c:v>52806.22</c:v>
                </c:pt>
                <c:pt idx="2073">
                  <c:v>52626.41</c:v>
                </c:pt>
                <c:pt idx="2074">
                  <c:v>52932.91</c:v>
                </c:pt>
                <c:pt idx="2075">
                  <c:v>52173.98</c:v>
                </c:pt>
                <c:pt idx="2076">
                  <c:v>52639.75</c:v>
                </c:pt>
                <c:pt idx="2077">
                  <c:v>52239.34</c:v>
                </c:pt>
                <c:pt idx="2078">
                  <c:v>51239.34</c:v>
                </c:pt>
                <c:pt idx="2079">
                  <c:v>51605.83</c:v>
                </c:pt>
                <c:pt idx="2080">
                  <c:v>52032.38</c:v>
                </c:pt>
                <c:pt idx="2081">
                  <c:v>51832.98</c:v>
                </c:pt>
                <c:pt idx="2082">
                  <c:v>51558.79</c:v>
                </c:pt>
                <c:pt idx="2083">
                  <c:v>53128.66</c:v>
                </c:pt>
                <c:pt idx="2084">
                  <c:v>54273.16</c:v>
                </c:pt>
                <c:pt idx="2085">
                  <c:v>54604.34</c:v>
                </c:pt>
                <c:pt idx="2086">
                  <c:v>55102.44</c:v>
                </c:pt>
                <c:pt idx="2087">
                  <c:v>54806.64</c:v>
                </c:pt>
                <c:pt idx="2088">
                  <c:v>54629.55</c:v>
                </c:pt>
                <c:pt idx="2089">
                  <c:v>54299.95</c:v>
                </c:pt>
                <c:pt idx="2090">
                  <c:v>55202.54</c:v>
                </c:pt>
                <c:pt idx="2091">
                  <c:v>54638.19</c:v>
                </c:pt>
                <c:pt idx="2092">
                  <c:v>54210.05</c:v>
                </c:pt>
                <c:pt idx="2093">
                  <c:v>54280.78</c:v>
                </c:pt>
                <c:pt idx="2094">
                  <c:v>53425.74</c:v>
                </c:pt>
                <c:pt idx="2095">
                  <c:v>53506.75</c:v>
                </c:pt>
                <c:pt idx="2096">
                  <c:v>53157.3</c:v>
                </c:pt>
                <c:pt idx="2097">
                  <c:v>53168.22</c:v>
                </c:pt>
                <c:pt idx="2098">
                  <c:v>53171.49</c:v>
                </c:pt>
                <c:pt idx="2099">
                  <c:v>53028.78</c:v>
                </c:pt>
                <c:pt idx="2100">
                  <c:v>53874.58</c:v>
                </c:pt>
                <c:pt idx="2101">
                  <c:v>54055.9</c:v>
                </c:pt>
                <c:pt idx="2102">
                  <c:v>53801.83</c:v>
                </c:pt>
                <c:pt idx="2103">
                  <c:v>53634.69</c:v>
                </c:pt>
                <c:pt idx="2104">
                  <c:v>54592.75</c:v>
                </c:pt>
                <c:pt idx="2105">
                  <c:v>54785.93</c:v>
                </c:pt>
                <c:pt idx="2106">
                  <c:v>55743.98</c:v>
                </c:pt>
                <c:pt idx="2107">
                  <c:v>55973.61</c:v>
                </c:pt>
                <c:pt idx="2108">
                  <c:v>55717.36</c:v>
                </c:pt>
                <c:pt idx="2109">
                  <c:v>55637.51</c:v>
                </c:pt>
                <c:pt idx="2110">
                  <c:v>57012.9</c:v>
                </c:pt>
                <c:pt idx="2111">
                  <c:v>57633.919999999998</c:v>
                </c:pt>
                <c:pt idx="2112">
                  <c:v>57983.32</c:v>
                </c:pt>
                <c:pt idx="2113">
                  <c:v>57419.96</c:v>
                </c:pt>
                <c:pt idx="2114">
                  <c:v>57977.56</c:v>
                </c:pt>
                <c:pt idx="2115">
                  <c:v>57821.08</c:v>
                </c:pt>
                <c:pt idx="2116">
                  <c:v>57695.72</c:v>
                </c:pt>
                <c:pt idx="2117">
                  <c:v>57118.81</c:v>
                </c:pt>
                <c:pt idx="2118">
                  <c:v>56877.97</c:v>
                </c:pt>
                <c:pt idx="2119">
                  <c:v>55829.41</c:v>
                </c:pt>
                <c:pt idx="2120">
                  <c:v>55902.87</c:v>
                </c:pt>
                <c:pt idx="2121">
                  <c:v>56616.33</c:v>
                </c:pt>
                <c:pt idx="2122">
                  <c:v>56202.1</c:v>
                </c:pt>
                <c:pt idx="2123">
                  <c:v>56487.18</c:v>
                </c:pt>
                <c:pt idx="2124">
                  <c:v>56188.05</c:v>
                </c:pt>
                <c:pt idx="2125">
                  <c:v>55572.93</c:v>
                </c:pt>
                <c:pt idx="2126">
                  <c:v>56613.32</c:v>
                </c:pt>
                <c:pt idx="2127">
                  <c:v>56442.34</c:v>
                </c:pt>
                <c:pt idx="2128">
                  <c:v>55581.19</c:v>
                </c:pt>
                <c:pt idx="2129">
                  <c:v>55780.41</c:v>
                </c:pt>
                <c:pt idx="2130">
                  <c:v>56963.65</c:v>
                </c:pt>
                <c:pt idx="2131">
                  <c:v>57560.72</c:v>
                </c:pt>
                <c:pt idx="2132">
                  <c:v>58449.29</c:v>
                </c:pt>
                <c:pt idx="2133">
                  <c:v>58878.239999999998</c:v>
                </c:pt>
                <c:pt idx="2134">
                  <c:v>58992.11</c:v>
                </c:pt>
                <c:pt idx="2135">
                  <c:v>58407.32</c:v>
                </c:pt>
                <c:pt idx="2136">
                  <c:v>59735.17</c:v>
                </c:pt>
                <c:pt idx="2137">
                  <c:v>59821.45</c:v>
                </c:pt>
                <c:pt idx="2138">
                  <c:v>60950.57</c:v>
                </c:pt>
                <c:pt idx="2139">
                  <c:v>60290.87</c:v>
                </c:pt>
                <c:pt idx="2140">
                  <c:v>61288.15</c:v>
                </c:pt>
                <c:pt idx="2141">
                  <c:v>61141.27</c:v>
                </c:pt>
                <c:pt idx="2142">
                  <c:v>61895.98</c:v>
                </c:pt>
                <c:pt idx="2143">
                  <c:v>61837.04</c:v>
                </c:pt>
                <c:pt idx="2144">
                  <c:v>60800.02</c:v>
                </c:pt>
                <c:pt idx="2145">
                  <c:v>60681.98</c:v>
                </c:pt>
                <c:pt idx="2146">
                  <c:v>59192.75</c:v>
                </c:pt>
                <c:pt idx="2147">
                  <c:v>58676.34</c:v>
                </c:pt>
                <c:pt idx="2148">
                  <c:v>58198.66</c:v>
                </c:pt>
                <c:pt idx="2149">
                  <c:v>58337.29</c:v>
                </c:pt>
                <c:pt idx="2150">
                  <c:v>56927.81</c:v>
                </c:pt>
                <c:pt idx="2151">
                  <c:v>57948.76</c:v>
                </c:pt>
                <c:pt idx="2152">
                  <c:v>59114.66</c:v>
                </c:pt>
                <c:pt idx="2153">
                  <c:v>59108.19</c:v>
                </c:pt>
                <c:pt idx="2154">
                  <c:v>58374.48</c:v>
                </c:pt>
                <c:pt idx="2155">
                  <c:v>57788.7</c:v>
                </c:pt>
                <c:pt idx="2156">
                  <c:v>56818.11</c:v>
                </c:pt>
                <c:pt idx="2157">
                  <c:v>56540.5</c:v>
                </c:pt>
                <c:pt idx="2158">
                  <c:v>56824.42</c:v>
                </c:pt>
                <c:pt idx="2159">
                  <c:v>55962.080000000002</c:v>
                </c:pt>
                <c:pt idx="2160">
                  <c:v>57212.38</c:v>
                </c:pt>
                <c:pt idx="2161">
                  <c:v>54625.35</c:v>
                </c:pt>
                <c:pt idx="2162">
                  <c:v>54115.98</c:v>
                </c:pt>
                <c:pt idx="2163">
                  <c:v>52858.43</c:v>
                </c:pt>
                <c:pt idx="2164">
                  <c:v>53518.57</c:v>
                </c:pt>
                <c:pt idx="2165">
                  <c:v>54539.55</c:v>
                </c:pt>
                <c:pt idx="2166">
                  <c:v>57115.9</c:v>
                </c:pt>
                <c:pt idx="2167">
                  <c:v>57436.33</c:v>
                </c:pt>
                <c:pt idx="2168">
                  <c:v>57058.48</c:v>
                </c:pt>
                <c:pt idx="2169">
                  <c:v>57267.53</c:v>
                </c:pt>
                <c:pt idx="2170">
                  <c:v>55311.59</c:v>
                </c:pt>
                <c:pt idx="2171">
                  <c:v>57956.53</c:v>
                </c:pt>
                <c:pt idx="2172">
                  <c:v>58015.46</c:v>
                </c:pt>
                <c:pt idx="2173">
                  <c:v>56135.27</c:v>
                </c:pt>
                <c:pt idx="2174">
                  <c:v>54298.33</c:v>
                </c:pt>
                <c:pt idx="2175">
                  <c:v>55723.79</c:v>
                </c:pt>
                <c:pt idx="2176">
                  <c:v>54302.57</c:v>
                </c:pt>
                <c:pt idx="2177">
                  <c:v>52432.43</c:v>
                </c:pt>
                <c:pt idx="2178">
                  <c:v>52411.03</c:v>
                </c:pt>
                <c:pt idx="2179">
                  <c:v>50713.26</c:v>
                </c:pt>
                <c:pt idx="2180">
                  <c:v>51940.73</c:v>
                </c:pt>
                <c:pt idx="2181">
                  <c:v>50503.66</c:v>
                </c:pt>
                <c:pt idx="2182">
                  <c:v>52330.03</c:v>
                </c:pt>
                <c:pt idx="2183">
                  <c:v>51049.32</c:v>
                </c:pt>
                <c:pt idx="2184">
                  <c:v>52336.83</c:v>
                </c:pt>
                <c:pt idx="2185">
                  <c:v>54628.6</c:v>
                </c:pt>
                <c:pt idx="2186">
                  <c:v>53947.21</c:v>
                </c:pt>
                <c:pt idx="2187">
                  <c:v>54383.59</c:v>
                </c:pt>
                <c:pt idx="2188">
                  <c:v>53698.42</c:v>
                </c:pt>
                <c:pt idx="2189">
                  <c:v>52637.06</c:v>
                </c:pt>
                <c:pt idx="2190">
                  <c:v>53222.85</c:v>
                </c:pt>
                <c:pt idx="2191">
                  <c:v>52725.38</c:v>
                </c:pt>
                <c:pt idx="2192">
                  <c:v>52474.27</c:v>
                </c:pt>
                <c:pt idx="2193">
                  <c:v>52978.89</c:v>
                </c:pt>
                <c:pt idx="2194">
                  <c:v>51846.03</c:v>
                </c:pt>
                <c:pt idx="2195">
                  <c:v>51772.4</c:v>
                </c:pt>
                <c:pt idx="2196">
                  <c:v>51256.99</c:v>
                </c:pt>
                <c:pt idx="2197">
                  <c:v>52061.86</c:v>
                </c:pt>
                <c:pt idx="2198">
                  <c:v>53402.81</c:v>
                </c:pt>
                <c:pt idx="2199">
                  <c:v>56084.04</c:v>
                </c:pt>
                <c:pt idx="2200">
                  <c:v>55406.91</c:v>
                </c:pt>
                <c:pt idx="2201">
                  <c:v>55560.81</c:v>
                </c:pt>
                <c:pt idx="2202">
                  <c:v>55098.47</c:v>
                </c:pt>
                <c:pt idx="2203">
                  <c:v>54721.32</c:v>
                </c:pt>
                <c:pt idx="2204">
                  <c:v>54724</c:v>
                </c:pt>
                <c:pt idx="2205">
                  <c:v>52276.58</c:v>
                </c:pt>
                <c:pt idx="2206">
                  <c:v>51612.47</c:v>
                </c:pt>
                <c:pt idx="2207">
                  <c:v>52320.480000000003</c:v>
                </c:pt>
                <c:pt idx="2208">
                  <c:v>51426.87</c:v>
                </c:pt>
                <c:pt idx="2209">
                  <c:v>51992.89</c:v>
                </c:pt>
                <c:pt idx="2210">
                  <c:v>50274.07</c:v>
                </c:pt>
                <c:pt idx="2211">
                  <c:v>50193.47</c:v>
                </c:pt>
                <c:pt idx="2212">
                  <c:v>49548.08</c:v>
                </c:pt>
                <c:pt idx="2213">
                  <c:v>49861.81</c:v>
                </c:pt>
                <c:pt idx="2214">
                  <c:v>48001.98</c:v>
                </c:pt>
                <c:pt idx="2215">
                  <c:v>47018.68</c:v>
                </c:pt>
                <c:pt idx="2216">
                  <c:v>47007.51</c:v>
                </c:pt>
                <c:pt idx="2217">
                  <c:v>48713.64</c:v>
                </c:pt>
                <c:pt idx="2218">
                  <c:v>48495.7</c:v>
                </c:pt>
                <c:pt idx="2219">
                  <c:v>49650.98</c:v>
                </c:pt>
                <c:pt idx="2220">
                  <c:v>50120.86</c:v>
                </c:pt>
                <c:pt idx="2221">
                  <c:v>50889.81</c:v>
                </c:pt>
                <c:pt idx="2222">
                  <c:v>50144.63</c:v>
                </c:pt>
                <c:pt idx="2223">
                  <c:v>50593.82</c:v>
                </c:pt>
                <c:pt idx="2224">
                  <c:v>50007.41</c:v>
                </c:pt>
                <c:pt idx="2225">
                  <c:v>48512.22</c:v>
                </c:pt>
                <c:pt idx="2226">
                  <c:v>47516.82</c:v>
                </c:pt>
                <c:pt idx="2227">
                  <c:v>48000.92</c:v>
                </c:pt>
                <c:pt idx="2228">
                  <c:v>49462.91</c:v>
                </c:pt>
                <c:pt idx="2229">
                  <c:v>49943.3</c:v>
                </c:pt>
                <c:pt idx="2230">
                  <c:v>48840.25</c:v>
                </c:pt>
                <c:pt idx="2231">
                  <c:v>48139.74</c:v>
                </c:pt>
                <c:pt idx="2232">
                  <c:v>48041.67</c:v>
                </c:pt>
                <c:pt idx="2233">
                  <c:v>47645.87</c:v>
                </c:pt>
                <c:pt idx="2234">
                  <c:v>48026.31</c:v>
                </c:pt>
                <c:pt idx="2235">
                  <c:v>49016.52</c:v>
                </c:pt>
                <c:pt idx="2236">
                  <c:v>47758.01</c:v>
                </c:pt>
                <c:pt idx="2237">
                  <c:v>47876.66</c:v>
                </c:pt>
                <c:pt idx="2238">
                  <c:v>49224.08</c:v>
                </c:pt>
                <c:pt idx="2239">
                  <c:v>49442.62</c:v>
                </c:pt>
                <c:pt idx="2240">
                  <c:v>48775.3</c:v>
                </c:pt>
                <c:pt idx="2241">
                  <c:v>48576.55</c:v>
                </c:pt>
                <c:pt idx="2242">
                  <c:v>48591.23</c:v>
                </c:pt>
                <c:pt idx="2243">
                  <c:v>47694.54</c:v>
                </c:pt>
                <c:pt idx="2244">
                  <c:v>47762.239999999998</c:v>
                </c:pt>
                <c:pt idx="2245">
                  <c:v>46907.68</c:v>
                </c:pt>
                <c:pt idx="2246">
                  <c:v>47650.73</c:v>
                </c:pt>
                <c:pt idx="2247">
                  <c:v>48963.66</c:v>
                </c:pt>
                <c:pt idx="2248">
                  <c:v>49301.05</c:v>
                </c:pt>
                <c:pt idx="2249">
                  <c:v>49233.85</c:v>
                </c:pt>
                <c:pt idx="2250">
                  <c:v>48792.27</c:v>
                </c:pt>
                <c:pt idx="2251">
                  <c:v>49382.58</c:v>
                </c:pt>
                <c:pt idx="2252">
                  <c:v>48510.28</c:v>
                </c:pt>
                <c:pt idx="2253">
                  <c:v>48239.67</c:v>
                </c:pt>
                <c:pt idx="2254">
                  <c:v>49532.72</c:v>
                </c:pt>
                <c:pt idx="2255">
                  <c:v>50635.92</c:v>
                </c:pt>
                <c:pt idx="2256">
                  <c:v>51280.36</c:v>
                </c:pt>
                <c:pt idx="2257">
                  <c:v>51294.03</c:v>
                </c:pt>
                <c:pt idx="2258">
                  <c:v>51237.7</c:v>
                </c:pt>
                <c:pt idx="2259">
                  <c:v>51280.639999999999</c:v>
                </c:pt>
                <c:pt idx="2260">
                  <c:v>51874.17</c:v>
                </c:pt>
                <c:pt idx="2261">
                  <c:v>51811.02</c:v>
                </c:pt>
                <c:pt idx="2262">
                  <c:v>51760.54</c:v>
                </c:pt>
                <c:pt idx="2263">
                  <c:v>51583.09</c:v>
                </c:pt>
                <c:pt idx="2264">
                  <c:v>51020.81</c:v>
                </c:pt>
                <c:pt idx="2265">
                  <c:v>51304.1</c:v>
                </c:pt>
                <c:pt idx="2266">
                  <c:v>50468.05</c:v>
                </c:pt>
                <c:pt idx="2267">
                  <c:v>50365.2</c:v>
                </c:pt>
                <c:pt idx="2268">
                  <c:v>49981.19</c:v>
                </c:pt>
                <c:pt idx="2269">
                  <c:v>49181.01</c:v>
                </c:pt>
                <c:pt idx="2270">
                  <c:v>48293.4</c:v>
                </c:pt>
                <c:pt idx="2271">
                  <c:v>48905.58</c:v>
                </c:pt>
                <c:pt idx="2272">
                  <c:v>48880.4</c:v>
                </c:pt>
                <c:pt idx="2273">
                  <c:v>48595.81</c:v>
                </c:pt>
                <c:pt idx="2274">
                  <c:v>48848.21</c:v>
                </c:pt>
                <c:pt idx="2275">
                  <c:v>50285.120000000003</c:v>
                </c:pt>
                <c:pt idx="2276">
                  <c:v>51526.19</c:v>
                </c:pt>
                <c:pt idx="2277">
                  <c:v>50953.53</c:v>
                </c:pt>
                <c:pt idx="2278">
                  <c:v>51966.58</c:v>
                </c:pt>
                <c:pt idx="2279">
                  <c:v>51908.46</c:v>
                </c:pt>
                <c:pt idx="2280">
                  <c:v>51506.07</c:v>
                </c:pt>
                <c:pt idx="2281">
                  <c:v>51858.3</c:v>
                </c:pt>
                <c:pt idx="2282">
                  <c:v>50579.85</c:v>
                </c:pt>
                <c:pt idx="2283">
                  <c:v>50094.66</c:v>
                </c:pt>
                <c:pt idx="2284">
                  <c:v>51243.45</c:v>
                </c:pt>
                <c:pt idx="2285">
                  <c:v>51150.16</c:v>
                </c:pt>
                <c:pt idx="2286">
                  <c:v>52321.760000000002</c:v>
                </c:pt>
                <c:pt idx="2287">
                  <c:v>53123.02</c:v>
                </c:pt>
                <c:pt idx="2288">
                  <c:v>53737.26</c:v>
                </c:pt>
                <c:pt idx="2289">
                  <c:v>53729.16</c:v>
                </c:pt>
                <c:pt idx="2290">
                  <c:v>53661.11</c:v>
                </c:pt>
                <c:pt idx="2291">
                  <c:v>53802.66</c:v>
                </c:pt>
                <c:pt idx="2292">
                  <c:v>54214.11</c:v>
                </c:pt>
                <c:pt idx="2293">
                  <c:v>54239.77</c:v>
                </c:pt>
                <c:pt idx="2294">
                  <c:v>53981.919999999998</c:v>
                </c:pt>
                <c:pt idx="2295">
                  <c:v>54918.74</c:v>
                </c:pt>
                <c:pt idx="2296">
                  <c:v>54674.21</c:v>
                </c:pt>
                <c:pt idx="2297">
                  <c:v>53954.79</c:v>
                </c:pt>
                <c:pt idx="2298">
                  <c:v>53761.27</c:v>
                </c:pt>
                <c:pt idx="2299">
                  <c:v>54617.36</c:v>
                </c:pt>
                <c:pt idx="2300">
                  <c:v>55684.85</c:v>
                </c:pt>
                <c:pt idx="2301">
                  <c:v>56594.22</c:v>
                </c:pt>
                <c:pt idx="2302">
                  <c:v>55534.5</c:v>
                </c:pt>
                <c:pt idx="2303">
                  <c:v>55812.03</c:v>
                </c:pt>
                <c:pt idx="2304">
                  <c:v>55325.29</c:v>
                </c:pt>
                <c:pt idx="2305">
                  <c:v>56229.38</c:v>
                </c:pt>
                <c:pt idx="2306">
                  <c:v>57353.98</c:v>
                </c:pt>
                <c:pt idx="2307">
                  <c:v>58051.61</c:v>
                </c:pt>
                <c:pt idx="2308">
                  <c:v>57103.14</c:v>
                </c:pt>
                <c:pt idx="2309">
                  <c:v>56921.39</c:v>
                </c:pt>
                <c:pt idx="2310">
                  <c:v>57149.33</c:v>
                </c:pt>
                <c:pt idx="2311">
                  <c:v>57197.1</c:v>
                </c:pt>
                <c:pt idx="2312">
                  <c:v>56792.05</c:v>
                </c:pt>
                <c:pt idx="2313">
                  <c:v>56372.04</c:v>
                </c:pt>
                <c:pt idx="2314">
                  <c:v>56656.57</c:v>
                </c:pt>
                <c:pt idx="2315">
                  <c:v>57248.63</c:v>
                </c:pt>
                <c:pt idx="2316">
                  <c:v>56204.23</c:v>
                </c:pt>
                <c:pt idx="2317">
                  <c:v>55498.82</c:v>
                </c:pt>
                <c:pt idx="2318">
                  <c:v>54901.02</c:v>
                </c:pt>
                <c:pt idx="2319">
                  <c:v>55112.05</c:v>
                </c:pt>
                <c:pt idx="2320">
                  <c:v>54377.29</c:v>
                </c:pt>
                <c:pt idx="2321">
                  <c:v>54609.25</c:v>
                </c:pt>
                <c:pt idx="2322">
                  <c:v>53629.78</c:v>
                </c:pt>
                <c:pt idx="2323">
                  <c:v>54236.25</c:v>
                </c:pt>
                <c:pt idx="2324">
                  <c:v>53976.28</c:v>
                </c:pt>
                <c:pt idx="2325">
                  <c:v>52760.480000000003</c:v>
                </c:pt>
                <c:pt idx="2326">
                  <c:v>53031.32</c:v>
                </c:pt>
                <c:pt idx="2327">
                  <c:v>54236.43</c:v>
                </c:pt>
                <c:pt idx="2328">
                  <c:v>53522.91</c:v>
                </c:pt>
                <c:pt idx="2329">
                  <c:v>52973.38</c:v>
                </c:pt>
                <c:pt idx="2330">
                  <c:v>52809.64</c:v>
                </c:pt>
                <c:pt idx="2331">
                  <c:v>52815.99</c:v>
                </c:pt>
                <c:pt idx="2332">
                  <c:v>53876.45</c:v>
                </c:pt>
                <c:pt idx="2333">
                  <c:v>53688.52</c:v>
                </c:pt>
                <c:pt idx="2334">
                  <c:v>53347.53</c:v>
                </c:pt>
                <c:pt idx="2335">
                  <c:v>53137.53</c:v>
                </c:pt>
                <c:pt idx="2336">
                  <c:v>53702.15</c:v>
                </c:pt>
                <c:pt idx="2337">
                  <c:v>53248.54</c:v>
                </c:pt>
                <c:pt idx="2338">
                  <c:v>54238.59</c:v>
                </c:pt>
                <c:pt idx="2339">
                  <c:v>53749.41</c:v>
                </c:pt>
                <c:pt idx="2340">
                  <c:v>53863.68</c:v>
                </c:pt>
                <c:pt idx="2341">
                  <c:v>53772.43</c:v>
                </c:pt>
                <c:pt idx="2342">
                  <c:v>53842.54</c:v>
                </c:pt>
                <c:pt idx="2343">
                  <c:v>53175.67</c:v>
                </c:pt>
                <c:pt idx="2344">
                  <c:v>54016.97</c:v>
                </c:pt>
                <c:pt idx="2345">
                  <c:v>53014.21</c:v>
                </c:pt>
                <c:pt idx="2346">
                  <c:v>53080.88</c:v>
                </c:pt>
                <c:pt idx="2347">
                  <c:v>52757.54</c:v>
                </c:pt>
                <c:pt idx="2348">
                  <c:v>53106.19</c:v>
                </c:pt>
                <c:pt idx="2349">
                  <c:v>52519.41</c:v>
                </c:pt>
                <c:pt idx="2350">
                  <c:v>52149.37</c:v>
                </c:pt>
                <c:pt idx="2351">
                  <c:v>52343.71</c:v>
                </c:pt>
                <c:pt idx="2352">
                  <c:v>51781.75</c:v>
                </c:pt>
                <c:pt idx="2353">
                  <c:v>52590.720000000001</c:v>
                </c:pt>
                <c:pt idx="2354">
                  <c:v>53119.47</c:v>
                </c:pt>
                <c:pt idx="2355">
                  <c:v>53239.18</c:v>
                </c:pt>
                <c:pt idx="2356">
                  <c:v>52902.28</c:v>
                </c:pt>
                <c:pt idx="2357">
                  <c:v>53069.75</c:v>
                </c:pt>
                <c:pt idx="2358">
                  <c:v>52341.8</c:v>
                </c:pt>
                <c:pt idx="2359">
                  <c:v>51600.08</c:v>
                </c:pt>
                <c:pt idx="2360">
                  <c:v>51474.28</c:v>
                </c:pt>
                <c:pt idx="2361">
                  <c:v>50915.79</c:v>
                </c:pt>
                <c:pt idx="2362">
                  <c:v>49806.63</c:v>
                </c:pt>
                <c:pt idx="2363">
                  <c:v>49245.85</c:v>
                </c:pt>
                <c:pt idx="2364">
                  <c:v>48735.54</c:v>
                </c:pt>
                <c:pt idx="2365">
                  <c:v>49601.599999999999</c:v>
                </c:pt>
                <c:pt idx="2366">
                  <c:v>50245.14</c:v>
                </c:pt>
                <c:pt idx="2367">
                  <c:v>49897.4</c:v>
                </c:pt>
                <c:pt idx="2368">
                  <c:v>50864.77</c:v>
                </c:pt>
                <c:pt idx="2369">
                  <c:v>50138.05</c:v>
                </c:pt>
                <c:pt idx="2370">
                  <c:v>50058.49</c:v>
                </c:pt>
                <c:pt idx="2371">
                  <c:v>50287.27</c:v>
                </c:pt>
                <c:pt idx="2372">
                  <c:v>50011.32</c:v>
                </c:pt>
                <c:pt idx="2373">
                  <c:v>48577.32</c:v>
                </c:pt>
                <c:pt idx="2374">
                  <c:v>49353</c:v>
                </c:pt>
                <c:pt idx="2375">
                  <c:v>49072.34</c:v>
                </c:pt>
                <c:pt idx="2376">
                  <c:v>48388.05</c:v>
                </c:pt>
                <c:pt idx="2377">
                  <c:v>48009.57</c:v>
                </c:pt>
                <c:pt idx="2378">
                  <c:v>47508.41</c:v>
                </c:pt>
                <c:pt idx="2379">
                  <c:v>47217.43</c:v>
                </c:pt>
                <c:pt idx="2380">
                  <c:v>47450.58</c:v>
                </c:pt>
                <c:pt idx="2381">
                  <c:v>46588.39</c:v>
                </c:pt>
                <c:pt idx="2382">
                  <c:v>46649.23</c:v>
                </c:pt>
                <c:pt idx="2383">
                  <c:v>45719.64</c:v>
                </c:pt>
                <c:pt idx="2384">
                  <c:v>44336.47</c:v>
                </c:pt>
                <c:pt idx="2385">
                  <c:v>44544.86</c:v>
                </c:pt>
                <c:pt idx="2386">
                  <c:v>46038.080000000002</c:v>
                </c:pt>
                <c:pt idx="2387">
                  <c:v>47715.27</c:v>
                </c:pt>
                <c:pt idx="2388">
                  <c:v>47153.87</c:v>
                </c:pt>
                <c:pt idx="2389">
                  <c:v>46625.52</c:v>
                </c:pt>
                <c:pt idx="2390">
                  <c:v>45477.06</c:v>
                </c:pt>
                <c:pt idx="2391">
                  <c:v>46463.96</c:v>
                </c:pt>
                <c:pt idx="2392">
                  <c:v>47365.87</c:v>
                </c:pt>
                <c:pt idx="2393">
                  <c:v>46497.72</c:v>
                </c:pt>
                <c:pt idx="2394">
                  <c:v>46762.07</c:v>
                </c:pt>
                <c:pt idx="2395">
                  <c:v>46657.1</c:v>
                </c:pt>
                <c:pt idx="2396">
                  <c:v>46503.99</c:v>
                </c:pt>
                <c:pt idx="2397">
                  <c:v>46400.5</c:v>
                </c:pt>
                <c:pt idx="2398">
                  <c:v>47281.52</c:v>
                </c:pt>
                <c:pt idx="2399">
                  <c:v>47364.07</c:v>
                </c:pt>
                <c:pt idx="2400">
                  <c:v>48553.1</c:v>
                </c:pt>
                <c:pt idx="2401">
                  <c:v>48551.08</c:v>
                </c:pt>
                <c:pt idx="2402">
                  <c:v>47264.08</c:v>
                </c:pt>
                <c:pt idx="2403">
                  <c:v>46590.2</c:v>
                </c:pt>
                <c:pt idx="2404">
                  <c:v>46264.61</c:v>
                </c:pt>
                <c:pt idx="2405">
                  <c:v>45340.11</c:v>
                </c:pt>
                <c:pt idx="2406">
                  <c:v>45291.96</c:v>
                </c:pt>
                <c:pt idx="2407">
                  <c:v>44831.46</c:v>
                </c:pt>
                <c:pt idx="2408">
                  <c:v>43956.63</c:v>
                </c:pt>
                <c:pt idx="2409">
                  <c:v>44131.82</c:v>
                </c:pt>
                <c:pt idx="2410">
                  <c:v>45059.34</c:v>
                </c:pt>
                <c:pt idx="2411">
                  <c:v>45313.27</c:v>
                </c:pt>
                <c:pt idx="2412">
                  <c:v>47033.46</c:v>
                </c:pt>
                <c:pt idx="2413">
                  <c:v>47598.07</c:v>
                </c:pt>
                <c:pt idx="2414">
                  <c:v>47735.11</c:v>
                </c:pt>
                <c:pt idx="2415">
                  <c:v>48914.32</c:v>
                </c:pt>
                <c:pt idx="2416">
                  <c:v>49106.559999999998</c:v>
                </c:pt>
                <c:pt idx="2417">
                  <c:v>49338.41</c:v>
                </c:pt>
                <c:pt idx="2418">
                  <c:v>47362.64</c:v>
                </c:pt>
                <c:pt idx="2419">
                  <c:v>46710.44</c:v>
                </c:pt>
                <c:pt idx="2420">
                  <c:v>47161.15</c:v>
                </c:pt>
                <c:pt idx="2421">
                  <c:v>47236.11</c:v>
                </c:pt>
                <c:pt idx="2422">
                  <c:v>47447.31</c:v>
                </c:pt>
                <c:pt idx="2423">
                  <c:v>47076.55</c:v>
                </c:pt>
                <c:pt idx="2424">
                  <c:v>47025.87</c:v>
                </c:pt>
                <c:pt idx="2425">
                  <c:v>47772.14</c:v>
                </c:pt>
                <c:pt idx="2426">
                  <c:v>47596.59</c:v>
                </c:pt>
                <c:pt idx="2427">
                  <c:v>47209.32</c:v>
                </c:pt>
                <c:pt idx="2428">
                  <c:v>47042.95</c:v>
                </c:pt>
                <c:pt idx="2429">
                  <c:v>46740.85</c:v>
                </c:pt>
                <c:pt idx="2430">
                  <c:v>45628.35</c:v>
                </c:pt>
                <c:pt idx="2431">
                  <c:v>45868.82</c:v>
                </c:pt>
                <c:pt idx="2432">
                  <c:v>48053.67</c:v>
                </c:pt>
                <c:pt idx="2433">
                  <c:v>47710.1</c:v>
                </c:pt>
                <c:pt idx="2434">
                  <c:v>48046.76</c:v>
                </c:pt>
                <c:pt idx="2435">
                  <c:v>46918.52</c:v>
                </c:pt>
                <c:pt idx="2436">
                  <c:v>46194.92</c:v>
                </c:pt>
                <c:pt idx="2437">
                  <c:v>46206.57</c:v>
                </c:pt>
                <c:pt idx="2438">
                  <c:v>47065.01</c:v>
                </c:pt>
                <c:pt idx="2439">
                  <c:v>46883.58</c:v>
                </c:pt>
                <c:pt idx="2440">
                  <c:v>46517.04</c:v>
                </c:pt>
                <c:pt idx="2441">
                  <c:v>46846.879999999997</c:v>
                </c:pt>
                <c:pt idx="2442">
                  <c:v>47247.8</c:v>
                </c:pt>
                <c:pt idx="2443">
                  <c:v>47435.58</c:v>
                </c:pt>
                <c:pt idx="2444">
                  <c:v>48138.89</c:v>
                </c:pt>
                <c:pt idx="2445">
                  <c:v>48150.27</c:v>
                </c:pt>
                <c:pt idx="2446">
                  <c:v>48284.19</c:v>
                </c:pt>
                <c:pt idx="2447">
                  <c:v>46866.63</c:v>
                </c:pt>
                <c:pt idx="2448">
                  <c:v>47145.63</c:v>
                </c:pt>
                <c:pt idx="2449">
                  <c:v>45872.91</c:v>
                </c:pt>
                <c:pt idx="2450">
                  <c:v>45120.36</c:v>
                </c:pt>
                <c:pt idx="2451">
                  <c:v>45046.75</c:v>
                </c:pt>
                <c:pt idx="2452">
                  <c:v>44914.53</c:v>
                </c:pt>
                <c:pt idx="2453">
                  <c:v>46393.26</c:v>
                </c:pt>
                <c:pt idx="2454">
                  <c:v>45360.76</c:v>
                </c:pt>
                <c:pt idx="2455">
                  <c:v>45222.7</c:v>
                </c:pt>
                <c:pt idx="2456">
                  <c:v>44443.26</c:v>
                </c:pt>
                <c:pt idx="2457">
                  <c:v>46108.03</c:v>
                </c:pt>
                <c:pt idx="2458">
                  <c:v>45630.71</c:v>
                </c:pt>
                <c:pt idx="2459">
                  <c:v>45262.720000000001</c:v>
                </c:pt>
                <c:pt idx="2460">
                  <c:v>44747.31</c:v>
                </c:pt>
                <c:pt idx="2461">
                  <c:v>44872.47</c:v>
                </c:pt>
                <c:pt idx="2462">
                  <c:v>45015.839999999997</c:v>
                </c:pt>
                <c:pt idx="2463">
                  <c:v>45261.48</c:v>
                </c:pt>
                <c:pt idx="2464">
                  <c:v>43910.6</c:v>
                </c:pt>
                <c:pt idx="2465">
                  <c:v>43199.95</c:v>
                </c:pt>
                <c:pt idx="2466">
                  <c:v>43469.52</c:v>
                </c:pt>
                <c:pt idx="2467">
                  <c:v>44014.93</c:v>
                </c:pt>
                <c:pt idx="2468">
                  <c:v>43764.34</c:v>
                </c:pt>
                <c:pt idx="2469">
                  <c:v>43653.97</c:v>
                </c:pt>
                <c:pt idx="2470">
                  <c:v>43349.96</c:v>
                </c:pt>
                <c:pt idx="2471">
                  <c:v>42141.04</c:v>
                </c:pt>
                <c:pt idx="2472">
                  <c:v>42419.32</c:v>
                </c:pt>
                <c:pt idx="2473">
                  <c:v>41773.14</c:v>
                </c:pt>
                <c:pt idx="2474">
                  <c:v>40694.720000000001</c:v>
                </c:pt>
                <c:pt idx="2475">
                  <c:v>40612.21</c:v>
                </c:pt>
                <c:pt idx="2476">
                  <c:v>39950.49</c:v>
                </c:pt>
                <c:pt idx="2477">
                  <c:v>39513.83</c:v>
                </c:pt>
                <c:pt idx="2478">
                  <c:v>38944.44</c:v>
                </c:pt>
                <c:pt idx="2479">
                  <c:v>39500.11</c:v>
                </c:pt>
                <c:pt idx="2480">
                  <c:v>38569.129999999997</c:v>
                </c:pt>
                <c:pt idx="2481">
                  <c:v>37937.269999999997</c:v>
                </c:pt>
                <c:pt idx="2482">
                  <c:v>38057.019999999997</c:v>
                </c:pt>
                <c:pt idx="2483">
                  <c:v>37645.480000000003</c:v>
                </c:pt>
                <c:pt idx="2484">
                  <c:v>37717.11</c:v>
                </c:pt>
                <c:pt idx="2485">
                  <c:v>38031.22</c:v>
                </c:pt>
                <c:pt idx="2486">
                  <c:v>37497.480000000003</c:v>
                </c:pt>
                <c:pt idx="2487">
                  <c:v>38376.370000000003</c:v>
                </c:pt>
                <c:pt idx="2488">
                  <c:v>38630.19</c:v>
                </c:pt>
                <c:pt idx="2489">
                  <c:v>40405.99</c:v>
                </c:pt>
                <c:pt idx="2490">
                  <c:v>40570.04</c:v>
                </c:pt>
                <c:pt idx="2491">
                  <c:v>38596.17</c:v>
                </c:pt>
                <c:pt idx="2492">
                  <c:v>39588.82</c:v>
                </c:pt>
                <c:pt idx="2493">
                  <c:v>40821.730000000003</c:v>
                </c:pt>
                <c:pt idx="2494">
                  <c:v>40592.089999999997</c:v>
                </c:pt>
                <c:pt idx="2495">
                  <c:v>40376.58</c:v>
                </c:pt>
                <c:pt idx="2496">
                  <c:v>39318.300000000003</c:v>
                </c:pt>
                <c:pt idx="2497">
                  <c:v>39808.050000000003</c:v>
                </c:pt>
                <c:pt idx="2498">
                  <c:v>40092.89</c:v>
                </c:pt>
                <c:pt idx="2499">
                  <c:v>40947.699999999997</c:v>
                </c:pt>
                <c:pt idx="2500">
                  <c:v>41630.82</c:v>
                </c:pt>
                <c:pt idx="2501">
                  <c:v>41477.629999999997</c:v>
                </c:pt>
                <c:pt idx="2502">
                  <c:v>41543.410000000003</c:v>
                </c:pt>
                <c:pt idx="2503">
                  <c:v>43234.86</c:v>
                </c:pt>
                <c:pt idx="2504">
                  <c:v>42520.94</c:v>
                </c:pt>
                <c:pt idx="2505">
                  <c:v>42084.56</c:v>
                </c:pt>
                <c:pt idx="2506">
                  <c:v>41887.9</c:v>
                </c:pt>
                <c:pt idx="2507">
                  <c:v>41593.08</c:v>
                </c:pt>
                <c:pt idx="2508">
                  <c:v>42793.86</c:v>
                </c:pt>
                <c:pt idx="2509">
                  <c:v>44121.79</c:v>
                </c:pt>
                <c:pt idx="2510">
                  <c:v>44893.48</c:v>
                </c:pt>
                <c:pt idx="2511">
                  <c:v>47193.39</c:v>
                </c:pt>
                <c:pt idx="2512">
                  <c:v>49084.87</c:v>
                </c:pt>
                <c:pt idx="2513">
                  <c:v>49246.1</c:v>
                </c:pt>
                <c:pt idx="2514">
                  <c:v>49102.14</c:v>
                </c:pt>
                <c:pt idx="2515">
                  <c:v>48665.09</c:v>
                </c:pt>
                <c:pt idx="2516">
                  <c:v>49571.11</c:v>
                </c:pt>
                <c:pt idx="2517">
                  <c:v>49638.68</c:v>
                </c:pt>
                <c:pt idx="2518">
                  <c:v>48867.34</c:v>
                </c:pt>
                <c:pt idx="2519">
                  <c:v>47130.02</c:v>
                </c:pt>
                <c:pt idx="2520">
                  <c:v>47763.43</c:v>
                </c:pt>
                <c:pt idx="2521">
                  <c:v>50913.79</c:v>
                </c:pt>
                <c:pt idx="2522">
                  <c:v>50814.66</c:v>
                </c:pt>
                <c:pt idx="2523">
                  <c:v>51171.55</c:v>
                </c:pt>
                <c:pt idx="2524">
                  <c:v>51010.2</c:v>
                </c:pt>
                <c:pt idx="2525">
                  <c:v>49690.05</c:v>
                </c:pt>
                <c:pt idx="2526">
                  <c:v>49657.39</c:v>
                </c:pt>
                <c:pt idx="2527">
                  <c:v>50838.23</c:v>
                </c:pt>
                <c:pt idx="2528">
                  <c:v>51154.99</c:v>
                </c:pt>
                <c:pt idx="2529">
                  <c:v>51248.93</c:v>
                </c:pt>
                <c:pt idx="2530">
                  <c:v>50055.27</c:v>
                </c:pt>
                <c:pt idx="2531">
                  <c:v>50561.53</c:v>
                </c:pt>
                <c:pt idx="2532">
                  <c:v>48779.98</c:v>
                </c:pt>
                <c:pt idx="2533">
                  <c:v>49053.62</c:v>
                </c:pt>
                <c:pt idx="2534">
                  <c:v>48096.24</c:v>
                </c:pt>
                <c:pt idx="2535">
                  <c:v>48513.1</c:v>
                </c:pt>
                <c:pt idx="2536">
                  <c:v>50292.93</c:v>
                </c:pt>
                <c:pt idx="2537">
                  <c:v>50165.47</c:v>
                </c:pt>
                <c:pt idx="2538">
                  <c:v>52001.86</c:v>
                </c:pt>
                <c:pt idx="2539">
                  <c:v>53149.84</c:v>
                </c:pt>
                <c:pt idx="2540">
                  <c:v>52411.02</c:v>
                </c:pt>
                <c:pt idx="2541">
                  <c:v>53227.74</c:v>
                </c:pt>
                <c:pt idx="2542">
                  <c:v>52894.080000000002</c:v>
                </c:pt>
                <c:pt idx="2543">
                  <c:v>53710.05</c:v>
                </c:pt>
                <c:pt idx="2544">
                  <c:v>53630.93</c:v>
                </c:pt>
                <c:pt idx="2545">
                  <c:v>52907.88</c:v>
                </c:pt>
                <c:pt idx="2546">
                  <c:v>51861.71</c:v>
                </c:pt>
                <c:pt idx="2547">
                  <c:v>53082.5</c:v>
                </c:pt>
                <c:pt idx="2548">
                  <c:v>54477.78</c:v>
                </c:pt>
                <c:pt idx="2549">
                  <c:v>54311.96</c:v>
                </c:pt>
                <c:pt idx="2550">
                  <c:v>53910.51</c:v>
                </c:pt>
                <c:pt idx="2551">
                  <c:v>53561.54</c:v>
                </c:pt>
                <c:pt idx="2552">
                  <c:v>52260.19</c:v>
                </c:pt>
                <c:pt idx="2553">
                  <c:v>52552.800000000003</c:v>
                </c:pt>
                <c:pt idx="2554">
                  <c:v>51671.040000000001</c:v>
                </c:pt>
                <c:pt idx="2555">
                  <c:v>51717.82</c:v>
                </c:pt>
                <c:pt idx="2556">
                  <c:v>50990.07</c:v>
                </c:pt>
                <c:pt idx="2557">
                  <c:v>53070.91</c:v>
                </c:pt>
                <c:pt idx="2558">
                  <c:v>52764.46</c:v>
                </c:pt>
                <c:pt idx="2559">
                  <c:v>53241.32</c:v>
                </c:pt>
                <c:pt idx="2560">
                  <c:v>51804.31</c:v>
                </c:pt>
                <c:pt idx="2561">
                  <c:v>51802.92</c:v>
                </c:pt>
                <c:pt idx="2562">
                  <c:v>50839.45</c:v>
                </c:pt>
                <c:pt idx="2563">
                  <c:v>50561.7</c:v>
                </c:pt>
                <c:pt idx="2564">
                  <c:v>50132.53</c:v>
                </c:pt>
                <c:pt idx="2565">
                  <c:v>49722.75</c:v>
                </c:pt>
                <c:pt idx="2566">
                  <c:v>49330.42</c:v>
                </c:pt>
                <c:pt idx="2567">
                  <c:v>49345.19</c:v>
                </c:pt>
                <c:pt idx="2568">
                  <c:v>49482.86</c:v>
                </c:pt>
                <c:pt idx="2569">
                  <c:v>49051.49</c:v>
                </c:pt>
                <c:pt idx="2570">
                  <c:v>48964.34</c:v>
                </c:pt>
                <c:pt idx="2571">
                  <c:v>48471.71</c:v>
                </c:pt>
                <c:pt idx="2572">
                  <c:v>49012.65</c:v>
                </c:pt>
                <c:pt idx="2573">
                  <c:v>49887.24</c:v>
                </c:pt>
                <c:pt idx="2574">
                  <c:v>50619.5</c:v>
                </c:pt>
                <c:pt idx="2575">
                  <c:v>50431.8</c:v>
                </c:pt>
                <c:pt idx="2576">
                  <c:v>50487.86</c:v>
                </c:pt>
                <c:pt idx="2577">
                  <c:v>51629.29</c:v>
                </c:pt>
                <c:pt idx="2578">
                  <c:v>51118.46</c:v>
                </c:pt>
                <c:pt idx="2579">
                  <c:v>49422.16</c:v>
                </c:pt>
                <c:pt idx="2580">
                  <c:v>49660.79</c:v>
                </c:pt>
                <c:pt idx="2581">
                  <c:v>48648.29</c:v>
                </c:pt>
                <c:pt idx="2582">
                  <c:v>48914.74</c:v>
                </c:pt>
                <c:pt idx="2583">
                  <c:v>49411.62</c:v>
                </c:pt>
                <c:pt idx="2584">
                  <c:v>49533.84</c:v>
                </c:pt>
                <c:pt idx="2585">
                  <c:v>50329.36</c:v>
                </c:pt>
                <c:pt idx="2586">
                  <c:v>50837.8</c:v>
                </c:pt>
                <c:pt idx="2587">
                  <c:v>50156.3</c:v>
                </c:pt>
                <c:pt idx="2588">
                  <c:v>51559.82</c:v>
                </c:pt>
                <c:pt idx="2589">
                  <c:v>50105.26</c:v>
                </c:pt>
                <c:pt idx="2590">
                  <c:v>49245.53</c:v>
                </c:pt>
                <c:pt idx="2591">
                  <c:v>50006.559999999998</c:v>
                </c:pt>
                <c:pt idx="2592">
                  <c:v>51001.91</c:v>
                </c:pt>
                <c:pt idx="2593">
                  <c:v>51526.93</c:v>
                </c:pt>
                <c:pt idx="2594">
                  <c:v>52233.04</c:v>
                </c:pt>
                <c:pt idx="2595">
                  <c:v>52568.66</c:v>
                </c:pt>
                <c:pt idx="2596">
                  <c:v>51842.27</c:v>
                </c:pt>
                <c:pt idx="2597">
                  <c:v>51901.81</c:v>
                </c:pt>
                <c:pt idx="2598">
                  <c:v>52014.66</c:v>
                </c:pt>
                <c:pt idx="2599">
                  <c:v>53140.74</c:v>
                </c:pt>
                <c:pt idx="2600">
                  <c:v>53960.11</c:v>
                </c:pt>
                <c:pt idx="2601">
                  <c:v>54256.41</c:v>
                </c:pt>
                <c:pt idx="2602">
                  <c:v>54598.29</c:v>
                </c:pt>
                <c:pt idx="2603">
                  <c:v>55480.87</c:v>
                </c:pt>
                <c:pt idx="2604">
                  <c:v>55578.239999999998</c:v>
                </c:pt>
                <c:pt idx="2605">
                  <c:v>56484.21</c:v>
                </c:pt>
                <c:pt idx="2606">
                  <c:v>56698.06</c:v>
                </c:pt>
                <c:pt idx="2607">
                  <c:v>56578.05</c:v>
                </c:pt>
                <c:pt idx="2608">
                  <c:v>56641.49</c:v>
                </c:pt>
                <c:pt idx="2609">
                  <c:v>57002.080000000002</c:v>
                </c:pt>
                <c:pt idx="2610">
                  <c:v>56872.73</c:v>
                </c:pt>
                <c:pt idx="2611">
                  <c:v>56782.75</c:v>
                </c:pt>
                <c:pt idx="2612">
                  <c:v>56852.84</c:v>
                </c:pt>
                <c:pt idx="2613">
                  <c:v>56667.12</c:v>
                </c:pt>
                <c:pt idx="2614">
                  <c:v>57308.21</c:v>
                </c:pt>
                <c:pt idx="2615">
                  <c:v>56755.76</c:v>
                </c:pt>
                <c:pt idx="2616">
                  <c:v>56162.38</c:v>
                </c:pt>
                <c:pt idx="2617">
                  <c:v>57076.91</c:v>
                </c:pt>
                <c:pt idx="2618">
                  <c:v>57593.89</c:v>
                </c:pt>
                <c:pt idx="2619">
                  <c:v>57661.14</c:v>
                </c:pt>
                <c:pt idx="2620">
                  <c:v>57635.43</c:v>
                </c:pt>
                <c:pt idx="2621">
                  <c:v>57689.41</c:v>
                </c:pt>
                <c:pt idx="2622">
                  <c:v>56919.78</c:v>
                </c:pt>
                <c:pt idx="2623">
                  <c:v>58299.57</c:v>
                </c:pt>
                <c:pt idx="2624">
                  <c:v>58298.41</c:v>
                </c:pt>
                <c:pt idx="2625">
                  <c:v>59145.98</c:v>
                </c:pt>
                <c:pt idx="2626">
                  <c:v>58855.43</c:v>
                </c:pt>
                <c:pt idx="2627">
                  <c:v>59323.83</c:v>
                </c:pt>
                <c:pt idx="2628">
                  <c:v>59166.02</c:v>
                </c:pt>
                <c:pt idx="2629">
                  <c:v>59098.92</c:v>
                </c:pt>
                <c:pt idx="2630">
                  <c:v>57781.24</c:v>
                </c:pt>
                <c:pt idx="2631">
                  <c:v>58020.04</c:v>
                </c:pt>
                <c:pt idx="2632">
                  <c:v>57717.88</c:v>
                </c:pt>
                <c:pt idx="2633">
                  <c:v>57722.14</c:v>
                </c:pt>
                <c:pt idx="2634">
                  <c:v>57716.25</c:v>
                </c:pt>
                <c:pt idx="2635">
                  <c:v>58610.39</c:v>
                </c:pt>
                <c:pt idx="2636">
                  <c:v>58575.42</c:v>
                </c:pt>
                <c:pt idx="2637">
                  <c:v>57901.11</c:v>
                </c:pt>
                <c:pt idx="2638">
                  <c:v>58236.27</c:v>
                </c:pt>
                <c:pt idx="2639">
                  <c:v>59616.4</c:v>
                </c:pt>
                <c:pt idx="2640">
                  <c:v>59566.34</c:v>
                </c:pt>
                <c:pt idx="2641">
                  <c:v>60129.440000000002</c:v>
                </c:pt>
                <c:pt idx="2642">
                  <c:v>60231.66</c:v>
                </c:pt>
                <c:pt idx="2643">
                  <c:v>57999.73</c:v>
                </c:pt>
                <c:pt idx="2644">
                  <c:v>58586.11</c:v>
                </c:pt>
                <c:pt idx="2645">
                  <c:v>56820.77</c:v>
                </c:pt>
                <c:pt idx="2646">
                  <c:v>57059.46</c:v>
                </c:pt>
                <c:pt idx="2647">
                  <c:v>57909.49</c:v>
                </c:pt>
                <c:pt idx="2648">
                  <c:v>57079.76</c:v>
                </c:pt>
                <c:pt idx="2649">
                  <c:v>57350.38</c:v>
                </c:pt>
                <c:pt idx="2650">
                  <c:v>57736.46</c:v>
                </c:pt>
                <c:pt idx="2651">
                  <c:v>58393.919999999998</c:v>
                </c:pt>
                <c:pt idx="2652">
                  <c:v>58994.17</c:v>
                </c:pt>
                <c:pt idx="2653">
                  <c:v>58697</c:v>
                </c:pt>
                <c:pt idx="2654">
                  <c:v>58053.53</c:v>
                </c:pt>
                <c:pt idx="2655">
                  <c:v>58382.49</c:v>
                </c:pt>
                <c:pt idx="2656">
                  <c:v>59355.77</c:v>
                </c:pt>
                <c:pt idx="2657">
                  <c:v>58350.57</c:v>
                </c:pt>
                <c:pt idx="2658">
                  <c:v>58367.05</c:v>
                </c:pt>
                <c:pt idx="2659">
                  <c:v>59461.23</c:v>
                </c:pt>
                <c:pt idx="2660">
                  <c:v>59339.23</c:v>
                </c:pt>
                <c:pt idx="2661">
                  <c:v>60254.34</c:v>
                </c:pt>
                <c:pt idx="2662">
                  <c:v>60644.24</c:v>
                </c:pt>
                <c:pt idx="2663">
                  <c:v>61108.98</c:v>
                </c:pt>
                <c:pt idx="2664">
                  <c:v>61668.33</c:v>
                </c:pt>
                <c:pt idx="2665">
                  <c:v>61021.85</c:v>
                </c:pt>
                <c:pt idx="2666">
                  <c:v>61118.58</c:v>
                </c:pt>
                <c:pt idx="2667">
                  <c:v>61767.22</c:v>
                </c:pt>
                <c:pt idx="2668">
                  <c:v>62696.11</c:v>
                </c:pt>
                <c:pt idx="2669">
                  <c:v>63782.21</c:v>
                </c:pt>
                <c:pt idx="2670">
                  <c:v>63505.61</c:v>
                </c:pt>
                <c:pt idx="2671">
                  <c:v>63837.85</c:v>
                </c:pt>
                <c:pt idx="2672">
                  <c:v>64108.08</c:v>
                </c:pt>
                <c:pt idx="2673">
                  <c:v>64059.89</c:v>
                </c:pt>
                <c:pt idx="2674">
                  <c:v>63866.2</c:v>
                </c:pt>
                <c:pt idx="2675">
                  <c:v>63825.69</c:v>
                </c:pt>
                <c:pt idx="2676">
                  <c:v>64249.5</c:v>
                </c:pt>
                <c:pt idx="2677">
                  <c:v>64307.63</c:v>
                </c:pt>
                <c:pt idx="2678">
                  <c:v>64924.52</c:v>
                </c:pt>
                <c:pt idx="2679">
                  <c:v>63326.42</c:v>
                </c:pt>
                <c:pt idx="2680">
                  <c:v>61750.17</c:v>
                </c:pt>
                <c:pt idx="2681">
                  <c:v>61598.39</c:v>
                </c:pt>
                <c:pt idx="2682">
                  <c:v>64051.65</c:v>
                </c:pt>
                <c:pt idx="2683">
                  <c:v>64157.68</c:v>
                </c:pt>
                <c:pt idx="2684">
                  <c:v>63258.27</c:v>
                </c:pt>
                <c:pt idx="2685">
                  <c:v>61200.959999999999</c:v>
                </c:pt>
                <c:pt idx="2686">
                  <c:v>59183.51</c:v>
                </c:pt>
                <c:pt idx="2687">
                  <c:v>59657.46</c:v>
                </c:pt>
                <c:pt idx="2688">
                  <c:v>60759.32</c:v>
                </c:pt>
                <c:pt idx="2689">
                  <c:v>59770.47</c:v>
                </c:pt>
                <c:pt idx="2690">
                  <c:v>59961.760000000002</c:v>
                </c:pt>
                <c:pt idx="2691">
                  <c:v>61070.27</c:v>
                </c:pt>
                <c:pt idx="2692">
                  <c:v>61954.47</c:v>
                </c:pt>
                <c:pt idx="2693">
                  <c:v>61985.91</c:v>
                </c:pt>
                <c:pt idx="2694">
                  <c:v>61395.53</c:v>
                </c:pt>
                <c:pt idx="2695">
                  <c:v>61559.08</c:v>
                </c:pt>
                <c:pt idx="2696">
                  <c:v>62855.5</c:v>
                </c:pt>
                <c:pt idx="2697">
                  <c:v>60986.52</c:v>
                </c:pt>
                <c:pt idx="2698">
                  <c:v>61906.36</c:v>
                </c:pt>
                <c:pt idx="2699">
                  <c:v>59506.54</c:v>
                </c:pt>
                <c:pt idx="2700">
                  <c:v>60316.13</c:v>
                </c:pt>
                <c:pt idx="2701">
                  <c:v>59831.73</c:v>
                </c:pt>
                <c:pt idx="2702">
                  <c:v>61088.25</c:v>
                </c:pt>
                <c:pt idx="2703">
                  <c:v>61414.400000000001</c:v>
                </c:pt>
                <c:pt idx="2704">
                  <c:v>60676.57</c:v>
                </c:pt>
                <c:pt idx="2705">
                  <c:v>60500.62</c:v>
                </c:pt>
                <c:pt idx="2706">
                  <c:v>59178.62</c:v>
                </c:pt>
                <c:pt idx="2707">
                  <c:v>59280.57</c:v>
                </c:pt>
                <c:pt idx="2708">
                  <c:v>58212.12</c:v>
                </c:pt>
                <c:pt idx="2709">
                  <c:v>58396.160000000003</c:v>
                </c:pt>
                <c:pt idx="2710">
                  <c:v>58389.04</c:v>
                </c:pt>
                <c:pt idx="2711">
                  <c:v>57111</c:v>
                </c:pt>
                <c:pt idx="2712">
                  <c:v>57582.89</c:v>
                </c:pt>
                <c:pt idx="2713">
                  <c:v>57646.52</c:v>
                </c:pt>
                <c:pt idx="2714">
                  <c:v>57255.22</c:v>
                </c:pt>
                <c:pt idx="2715">
                  <c:v>57937.11</c:v>
                </c:pt>
                <c:pt idx="2716">
                  <c:v>58620.26</c:v>
                </c:pt>
                <c:pt idx="2717">
                  <c:v>58696.69</c:v>
                </c:pt>
                <c:pt idx="2718">
                  <c:v>59781.63</c:v>
                </c:pt>
                <c:pt idx="2719">
                  <c:v>60227.28</c:v>
                </c:pt>
                <c:pt idx="2720">
                  <c:v>59588.7</c:v>
                </c:pt>
                <c:pt idx="2721">
                  <c:v>61813.83</c:v>
                </c:pt>
                <c:pt idx="2722">
                  <c:v>61589.06</c:v>
                </c:pt>
                <c:pt idx="2723">
                  <c:v>62070.98</c:v>
                </c:pt>
                <c:pt idx="2724">
                  <c:v>61665.37</c:v>
                </c:pt>
                <c:pt idx="2725">
                  <c:v>61700.29</c:v>
                </c:pt>
                <c:pt idx="2726">
                  <c:v>62131.8</c:v>
                </c:pt>
                <c:pt idx="2727">
                  <c:v>62446.26</c:v>
                </c:pt>
                <c:pt idx="2728">
                  <c:v>63953.93</c:v>
                </c:pt>
                <c:pt idx="2729">
                  <c:v>63651.519999999997</c:v>
                </c:pt>
                <c:pt idx="2730">
                  <c:v>63831.28</c:v>
                </c:pt>
                <c:pt idx="2731">
                  <c:v>64354.34</c:v>
                </c:pt>
                <c:pt idx="2732">
                  <c:v>64149.57</c:v>
                </c:pt>
                <c:pt idx="2733">
                  <c:v>63950.86</c:v>
                </c:pt>
                <c:pt idx="2734">
                  <c:v>64521.18</c:v>
                </c:pt>
                <c:pt idx="2735">
                  <c:v>65748.63</c:v>
                </c:pt>
                <c:pt idx="2736">
                  <c:v>65840.09</c:v>
                </c:pt>
                <c:pt idx="2737">
                  <c:v>66190.63</c:v>
                </c:pt>
                <c:pt idx="2738">
                  <c:v>66033.98</c:v>
                </c:pt>
                <c:pt idx="2739">
                  <c:v>64301.73</c:v>
                </c:pt>
                <c:pt idx="2740">
                  <c:v>64670.78</c:v>
                </c:pt>
                <c:pt idx="2741">
                  <c:v>64836.13</c:v>
                </c:pt>
                <c:pt idx="2742">
                  <c:v>64578.21</c:v>
                </c:pt>
                <c:pt idx="2743">
                  <c:v>64953.93</c:v>
                </c:pt>
                <c:pt idx="2744">
                  <c:v>63992.93</c:v>
                </c:pt>
                <c:pt idx="2745">
                  <c:v>64198.9</c:v>
                </c:pt>
                <c:pt idx="2746">
                  <c:v>64835.4</c:v>
                </c:pt>
                <c:pt idx="2747">
                  <c:v>64964.89</c:v>
                </c:pt>
                <c:pt idx="2748">
                  <c:v>66124.52</c:v>
                </c:pt>
                <c:pt idx="2749">
                  <c:v>66967.64</c:v>
                </c:pt>
                <c:pt idx="2750">
                  <c:v>66712.88</c:v>
                </c:pt>
                <c:pt idx="2751">
                  <c:v>67975.58</c:v>
                </c:pt>
                <c:pt idx="2752">
                  <c:v>67814.240000000005</c:v>
                </c:pt>
                <c:pt idx="2753">
                  <c:v>67748.42</c:v>
                </c:pt>
                <c:pt idx="2754">
                  <c:v>68532.86</c:v>
                </c:pt>
                <c:pt idx="2755">
                  <c:v>69052.02</c:v>
                </c:pt>
                <c:pt idx="2756">
                  <c:v>68589.55</c:v>
                </c:pt>
                <c:pt idx="2757">
                  <c:v>67461.39</c:v>
                </c:pt>
                <c:pt idx="2758">
                  <c:v>66662.100000000006</c:v>
                </c:pt>
                <c:pt idx="2759">
                  <c:v>66988.88</c:v>
                </c:pt>
                <c:pt idx="2760">
                  <c:v>65854.929999999993</c:v>
                </c:pt>
                <c:pt idx="2761">
                  <c:v>66785.53</c:v>
                </c:pt>
                <c:pt idx="2762">
                  <c:v>66341.37</c:v>
                </c:pt>
                <c:pt idx="2763">
                  <c:v>65742.33</c:v>
                </c:pt>
                <c:pt idx="2764">
                  <c:v>64718.02</c:v>
                </c:pt>
                <c:pt idx="2765">
                  <c:v>64585.23</c:v>
                </c:pt>
                <c:pt idx="2766">
                  <c:v>64675.46</c:v>
                </c:pt>
                <c:pt idx="2767">
                  <c:v>65534.3</c:v>
                </c:pt>
                <c:pt idx="2768">
                  <c:v>64699.46</c:v>
                </c:pt>
                <c:pt idx="2769">
                  <c:v>66234.880000000005</c:v>
                </c:pt>
                <c:pt idx="2770">
                  <c:v>65782.850000000006</c:v>
                </c:pt>
                <c:pt idx="2771">
                  <c:v>64209.94</c:v>
                </c:pt>
                <c:pt idx="2772">
                  <c:v>64884.27</c:v>
                </c:pt>
                <c:pt idx="2773">
                  <c:v>62980.37</c:v>
                </c:pt>
                <c:pt idx="2774">
                  <c:v>63521.34</c:v>
                </c:pt>
                <c:pt idx="2775">
                  <c:v>63530.79</c:v>
                </c:pt>
                <c:pt idx="2776">
                  <c:v>63853.77</c:v>
                </c:pt>
                <c:pt idx="2777">
                  <c:v>64308.39</c:v>
                </c:pt>
                <c:pt idx="2778">
                  <c:v>64640.45</c:v>
                </c:pt>
                <c:pt idx="2779">
                  <c:v>65528.29</c:v>
                </c:pt>
                <c:pt idx="2780">
                  <c:v>65265.98</c:v>
                </c:pt>
                <c:pt idx="2781">
                  <c:v>64984.07</c:v>
                </c:pt>
                <c:pt idx="2782">
                  <c:v>65211.48</c:v>
                </c:pt>
                <c:pt idx="2783">
                  <c:v>65768.91</c:v>
                </c:pt>
                <c:pt idx="2784">
                  <c:v>64774.77</c:v>
                </c:pt>
                <c:pt idx="2785">
                  <c:v>64222.720000000001</c:v>
                </c:pt>
                <c:pt idx="2786">
                  <c:v>64593.11</c:v>
                </c:pt>
                <c:pt idx="2787">
                  <c:v>64649.82</c:v>
                </c:pt>
                <c:pt idx="2788">
                  <c:v>64359.79</c:v>
                </c:pt>
                <c:pt idx="2789">
                  <c:v>63891.68</c:v>
                </c:pt>
                <c:pt idx="2790">
                  <c:v>62826.28</c:v>
                </c:pt>
                <c:pt idx="2791">
                  <c:v>64334.93</c:v>
                </c:pt>
                <c:pt idx="2792">
                  <c:v>64158.84</c:v>
                </c:pt>
                <c:pt idx="2793">
                  <c:v>63406.97</c:v>
                </c:pt>
                <c:pt idx="2794">
                  <c:v>63760.62</c:v>
                </c:pt>
                <c:pt idx="2795">
                  <c:v>64389.02</c:v>
                </c:pt>
                <c:pt idx="2796">
                  <c:v>65148.35</c:v>
                </c:pt>
                <c:pt idx="2797">
                  <c:v>64861.919999999998</c:v>
                </c:pt>
                <c:pt idx="2798">
                  <c:v>64676.55</c:v>
                </c:pt>
                <c:pt idx="2799">
                  <c:v>65403.25</c:v>
                </c:pt>
                <c:pt idx="2800">
                  <c:v>66721.75</c:v>
                </c:pt>
                <c:pt idx="2801">
                  <c:v>66093.78</c:v>
                </c:pt>
                <c:pt idx="2802">
                  <c:v>64862.61</c:v>
                </c:pt>
                <c:pt idx="2803">
                  <c:v>65709.73</c:v>
                </c:pt>
                <c:pt idx="2804">
                  <c:v>65526.04</c:v>
                </c:pt>
                <c:pt idx="2805">
                  <c:v>66277.67</c:v>
                </c:pt>
                <c:pt idx="2806">
                  <c:v>67349.73</c:v>
                </c:pt>
                <c:pt idx="2807">
                  <c:v>67537.62</c:v>
                </c:pt>
                <c:pt idx="2808">
                  <c:v>68221.94</c:v>
                </c:pt>
                <c:pt idx="2809">
                  <c:v>68474.19</c:v>
                </c:pt>
                <c:pt idx="2810">
                  <c:v>68684.5</c:v>
                </c:pt>
                <c:pt idx="2811">
                  <c:v>67540.25</c:v>
                </c:pt>
                <c:pt idx="2812">
                  <c:v>61597.05</c:v>
                </c:pt>
                <c:pt idx="2813">
                  <c:v>62639.31</c:v>
                </c:pt>
                <c:pt idx="2814">
                  <c:v>61673.49</c:v>
                </c:pt>
                <c:pt idx="2815">
                  <c:v>62662.48</c:v>
                </c:pt>
                <c:pt idx="2816">
                  <c:v>63257.36</c:v>
                </c:pt>
                <c:pt idx="2817">
                  <c:v>63226.79</c:v>
                </c:pt>
                <c:pt idx="2818">
                  <c:v>64085.41</c:v>
                </c:pt>
                <c:pt idx="2819">
                  <c:v>63760.94</c:v>
                </c:pt>
                <c:pt idx="2820">
                  <c:v>63962.27</c:v>
                </c:pt>
                <c:pt idx="2821">
                  <c:v>62711.47</c:v>
                </c:pt>
                <c:pt idx="2822">
                  <c:v>62288.52</c:v>
                </c:pt>
                <c:pt idx="2823">
                  <c:v>62510.7</c:v>
                </c:pt>
                <c:pt idx="2824">
                  <c:v>62450.45</c:v>
                </c:pt>
                <c:pt idx="2825">
                  <c:v>62954.69</c:v>
                </c:pt>
                <c:pt idx="2826">
                  <c:v>63170.73</c:v>
                </c:pt>
                <c:pt idx="2827">
                  <c:v>62755.57</c:v>
                </c:pt>
                <c:pt idx="2828">
                  <c:v>62210.559999999998</c:v>
                </c:pt>
                <c:pt idx="2829">
                  <c:v>61700.23</c:v>
                </c:pt>
                <c:pt idx="2830">
                  <c:v>61828.99</c:v>
                </c:pt>
                <c:pt idx="2831">
                  <c:v>61922.93</c:v>
                </c:pt>
                <c:pt idx="2832">
                  <c:v>61626.41</c:v>
                </c:pt>
                <c:pt idx="2833">
                  <c:v>62014.03</c:v>
                </c:pt>
                <c:pt idx="2834">
                  <c:v>60766.16</c:v>
                </c:pt>
                <c:pt idx="2835">
                  <c:v>60761.74</c:v>
                </c:pt>
                <c:pt idx="2836">
                  <c:v>61272.21</c:v>
                </c:pt>
                <c:pt idx="2837">
                  <c:v>61087.14</c:v>
                </c:pt>
                <c:pt idx="2838">
                  <c:v>62188.09</c:v>
                </c:pt>
                <c:pt idx="2839">
                  <c:v>61675.46</c:v>
                </c:pt>
                <c:pt idx="2840">
                  <c:v>62017.97</c:v>
                </c:pt>
                <c:pt idx="2841">
                  <c:v>62238.95</c:v>
                </c:pt>
                <c:pt idx="2842">
                  <c:v>62899.97</c:v>
                </c:pt>
                <c:pt idx="2843">
                  <c:v>63279.58</c:v>
                </c:pt>
                <c:pt idx="2844">
                  <c:v>63231.59</c:v>
                </c:pt>
                <c:pt idx="2845">
                  <c:v>63154.17</c:v>
                </c:pt>
                <c:pt idx="2846">
                  <c:v>62470.33</c:v>
                </c:pt>
                <c:pt idx="2847">
                  <c:v>62322.400000000001</c:v>
                </c:pt>
                <c:pt idx="2848">
                  <c:v>63025.47</c:v>
                </c:pt>
                <c:pt idx="2849">
                  <c:v>63832.15</c:v>
                </c:pt>
                <c:pt idx="2850">
                  <c:v>64835.55</c:v>
                </c:pt>
                <c:pt idx="2851">
                  <c:v>65178.35</c:v>
                </c:pt>
                <c:pt idx="2852">
                  <c:v>65436.18</c:v>
                </c:pt>
                <c:pt idx="2853">
                  <c:v>65212.31</c:v>
                </c:pt>
                <c:pt idx="2854">
                  <c:v>65337.67</c:v>
                </c:pt>
                <c:pt idx="2855">
                  <c:v>65179.92</c:v>
                </c:pt>
                <c:pt idx="2856">
                  <c:v>64938.02</c:v>
                </c:pt>
                <c:pt idx="2857">
                  <c:v>64684.18</c:v>
                </c:pt>
                <c:pt idx="2858">
                  <c:v>65099.55</c:v>
                </c:pt>
                <c:pt idx="2859">
                  <c:v>65667.63</c:v>
                </c:pt>
                <c:pt idx="2860">
                  <c:v>65010.57</c:v>
                </c:pt>
                <c:pt idx="2861">
                  <c:v>65277.38</c:v>
                </c:pt>
                <c:pt idx="2862">
                  <c:v>65497.13</c:v>
                </c:pt>
                <c:pt idx="2863">
                  <c:v>65920.36</c:v>
                </c:pt>
                <c:pt idx="2864">
                  <c:v>66516.23</c:v>
                </c:pt>
                <c:pt idx="2865">
                  <c:v>67135.990000000005</c:v>
                </c:pt>
                <c:pt idx="2866">
                  <c:v>66777.13</c:v>
                </c:pt>
                <c:pt idx="2867">
                  <c:v>66897.98</c:v>
                </c:pt>
                <c:pt idx="2868">
                  <c:v>67939.66</c:v>
                </c:pt>
                <c:pt idx="2869">
                  <c:v>67898.94</c:v>
                </c:pt>
                <c:pt idx="2870">
                  <c:v>67671.06</c:v>
                </c:pt>
                <c:pt idx="2871">
                  <c:v>66992.09</c:v>
                </c:pt>
                <c:pt idx="2872">
                  <c:v>67358.59</c:v>
                </c:pt>
                <c:pt idx="2873">
                  <c:v>68284.66</c:v>
                </c:pt>
                <c:pt idx="2874">
                  <c:v>68355.13</c:v>
                </c:pt>
                <c:pt idx="2875">
                  <c:v>68594.3</c:v>
                </c:pt>
                <c:pt idx="2876">
                  <c:v>67976.800000000003</c:v>
                </c:pt>
                <c:pt idx="2877">
                  <c:v>68714.66</c:v>
                </c:pt>
                <c:pt idx="2878">
                  <c:v>68634.649999999994</c:v>
                </c:pt>
                <c:pt idx="2879">
                  <c:v>70011.25</c:v>
                </c:pt>
                <c:pt idx="2880">
                  <c:v>70477.63</c:v>
                </c:pt>
                <c:pt idx="2881">
                  <c:v>71132.800000000003</c:v>
                </c:pt>
                <c:pt idx="2882">
                  <c:v>71073.649999999994</c:v>
                </c:pt>
                <c:pt idx="2883">
                  <c:v>71016.59</c:v>
                </c:pt>
                <c:pt idx="2884">
                  <c:v>71329.850000000006</c:v>
                </c:pt>
                <c:pt idx="2885">
                  <c:v>70886.259999999995</c:v>
                </c:pt>
                <c:pt idx="2886">
                  <c:v>70835.05</c:v>
                </c:pt>
                <c:pt idx="2887">
                  <c:v>71923.11</c:v>
                </c:pt>
                <c:pt idx="2888">
                  <c:v>72128.83</c:v>
                </c:pt>
                <c:pt idx="2889">
                  <c:v>72150.880000000005</c:v>
                </c:pt>
                <c:pt idx="2890">
                  <c:v>73412.41</c:v>
                </c:pt>
                <c:pt idx="2891">
                  <c:v>73078.850000000006</c:v>
                </c:pt>
                <c:pt idx="2892">
                  <c:v>74319.22</c:v>
                </c:pt>
                <c:pt idx="2893">
                  <c:v>74538.55</c:v>
                </c:pt>
                <c:pt idx="2894">
                  <c:v>74787.570000000007</c:v>
                </c:pt>
                <c:pt idx="2895">
                  <c:v>74656.679999999993</c:v>
                </c:pt>
                <c:pt idx="2896">
                  <c:v>75756.52</c:v>
                </c:pt>
                <c:pt idx="2897">
                  <c:v>75990.41</c:v>
                </c:pt>
                <c:pt idx="2898">
                  <c:v>75974.179999999993</c:v>
                </c:pt>
                <c:pt idx="2899">
                  <c:v>76004.149999999994</c:v>
                </c:pt>
                <c:pt idx="2900">
                  <c:v>75604.34</c:v>
                </c:pt>
                <c:pt idx="2901">
                  <c:v>75389.75</c:v>
                </c:pt>
                <c:pt idx="2902">
                  <c:v>74443.48</c:v>
                </c:pt>
                <c:pt idx="2903">
                  <c:v>74318.720000000001</c:v>
                </c:pt>
                <c:pt idx="2904">
                  <c:v>73796.710000000006</c:v>
                </c:pt>
                <c:pt idx="2905">
                  <c:v>73567.25</c:v>
                </c:pt>
                <c:pt idx="2906">
                  <c:v>74293.509999999995</c:v>
                </c:pt>
                <c:pt idx="2907">
                  <c:v>74293.509999999995</c:v>
                </c:pt>
                <c:pt idx="2908">
                  <c:v>74359.83</c:v>
                </c:pt>
                <c:pt idx="2909">
                  <c:v>76762.91</c:v>
                </c:pt>
                <c:pt idx="2910">
                  <c:v>76591.44</c:v>
                </c:pt>
                <c:pt idx="2911">
                  <c:v>76617.53</c:v>
                </c:pt>
                <c:pt idx="2912">
                  <c:v>76054.720000000001</c:v>
                </c:pt>
                <c:pt idx="2913">
                  <c:v>75726.8</c:v>
                </c:pt>
                <c:pt idx="2914">
                  <c:v>76897.210000000006</c:v>
                </c:pt>
                <c:pt idx="2915">
                  <c:v>76659.8</c:v>
                </c:pt>
                <c:pt idx="2916">
                  <c:v>76989.789999999994</c:v>
                </c:pt>
                <c:pt idx="2917">
                  <c:v>76891.839999999997</c:v>
                </c:pt>
                <c:pt idx="2918">
                  <c:v>76201.25</c:v>
                </c:pt>
                <c:pt idx="2919">
                  <c:v>76591.09</c:v>
                </c:pt>
                <c:pt idx="2920">
                  <c:v>76283.16</c:v>
                </c:pt>
                <c:pt idx="2921">
                  <c:v>76390.52</c:v>
                </c:pt>
                <c:pt idx="2922">
                  <c:v>75413.13</c:v>
                </c:pt>
                <c:pt idx="2923">
                  <c:v>76350.2</c:v>
                </c:pt>
                <c:pt idx="2924">
                  <c:v>76671.13</c:v>
                </c:pt>
                <c:pt idx="2925">
                  <c:v>75896.350000000006</c:v>
                </c:pt>
                <c:pt idx="2926">
                  <c:v>75975.710000000006</c:v>
                </c:pt>
                <c:pt idx="2927">
                  <c:v>74800.34</c:v>
                </c:pt>
                <c:pt idx="2928">
                  <c:v>74308.490000000005</c:v>
                </c:pt>
                <c:pt idx="2929">
                  <c:v>73823.740000000005</c:v>
                </c:pt>
                <c:pt idx="2930">
                  <c:v>73915.42</c:v>
                </c:pt>
                <c:pt idx="2931">
                  <c:v>74310.789999999994</c:v>
                </c:pt>
                <c:pt idx="2932">
                  <c:v>72414.880000000005</c:v>
                </c:pt>
                <c:pt idx="2933">
                  <c:v>74363.13</c:v>
                </c:pt>
                <c:pt idx="2934">
                  <c:v>72930.69</c:v>
                </c:pt>
                <c:pt idx="2935">
                  <c:v>72165.64</c:v>
                </c:pt>
                <c:pt idx="2936">
                  <c:v>72475.17</c:v>
                </c:pt>
                <c:pt idx="2937">
                  <c:v>70826.59</c:v>
                </c:pt>
                <c:pt idx="2938">
                  <c:v>72511.789999999994</c:v>
                </c:pt>
                <c:pt idx="2939">
                  <c:v>73437.279999999999</c:v>
                </c:pt>
                <c:pt idx="2940">
                  <c:v>74594.62</c:v>
                </c:pt>
                <c:pt idx="2941">
                  <c:v>74518.789999999994</c:v>
                </c:pt>
                <c:pt idx="2942">
                  <c:v>74486.58</c:v>
                </c:pt>
                <c:pt idx="2943">
                  <c:v>74157.38</c:v>
                </c:pt>
                <c:pt idx="2944">
                  <c:v>74058.91</c:v>
                </c:pt>
                <c:pt idx="2945">
                  <c:v>74139.72</c:v>
                </c:pt>
                <c:pt idx="2946">
                  <c:v>72700.45</c:v>
                </c:pt>
                <c:pt idx="2947">
                  <c:v>71970.990000000005</c:v>
                </c:pt>
                <c:pt idx="2948">
                  <c:v>72264.45</c:v>
                </c:pt>
                <c:pt idx="2949">
                  <c:v>73090.17</c:v>
                </c:pt>
                <c:pt idx="2950">
                  <c:v>72546.17</c:v>
                </c:pt>
                <c:pt idx="2951">
                  <c:v>73268.350000000006</c:v>
                </c:pt>
                <c:pt idx="2952">
                  <c:v>72487.45</c:v>
                </c:pt>
                <c:pt idx="2953">
                  <c:v>72731.839999999997</c:v>
                </c:pt>
                <c:pt idx="2954">
                  <c:v>72800.039999999994</c:v>
                </c:pt>
                <c:pt idx="2955">
                  <c:v>73813.53</c:v>
                </c:pt>
                <c:pt idx="2956">
                  <c:v>72914.34</c:v>
                </c:pt>
                <c:pt idx="2957">
                  <c:v>72428.929999999993</c:v>
                </c:pt>
                <c:pt idx="2958">
                  <c:v>72607.7</c:v>
                </c:pt>
                <c:pt idx="2959">
                  <c:v>73115.45</c:v>
                </c:pt>
                <c:pt idx="2960">
                  <c:v>72680.37</c:v>
                </c:pt>
                <c:pt idx="2961">
                  <c:v>73367.03</c:v>
                </c:pt>
                <c:pt idx="2962">
                  <c:v>75133.429999999993</c:v>
                </c:pt>
                <c:pt idx="2963">
                  <c:v>75186.53</c:v>
                </c:pt>
                <c:pt idx="2964">
                  <c:v>75707.73</c:v>
                </c:pt>
                <c:pt idx="2965">
                  <c:v>76072.539999999994</c:v>
                </c:pt>
                <c:pt idx="2966">
                  <c:v>76402.080000000002</c:v>
                </c:pt>
                <c:pt idx="2967">
                  <c:v>77891.039999999994</c:v>
                </c:pt>
                <c:pt idx="2968">
                  <c:v>77995.16</c:v>
                </c:pt>
                <c:pt idx="2969">
                  <c:v>78647.42</c:v>
                </c:pt>
                <c:pt idx="2970">
                  <c:v>79071.47</c:v>
                </c:pt>
                <c:pt idx="2971">
                  <c:v>79378.53</c:v>
                </c:pt>
                <c:pt idx="2972">
                  <c:v>78863.539999999994</c:v>
                </c:pt>
                <c:pt idx="2973">
                  <c:v>78200.570000000007</c:v>
                </c:pt>
                <c:pt idx="2974">
                  <c:v>79365.440000000002</c:v>
                </c:pt>
                <c:pt idx="2975">
                  <c:v>79349.119999999995</c:v>
                </c:pt>
                <c:pt idx="2976">
                  <c:v>79752.38</c:v>
                </c:pt>
                <c:pt idx="2977">
                  <c:v>79831.77</c:v>
                </c:pt>
                <c:pt idx="2978">
                  <c:v>81189.16</c:v>
                </c:pt>
                <c:pt idx="2979">
                  <c:v>80962.649999999994</c:v>
                </c:pt>
                <c:pt idx="2980">
                  <c:v>81219.5</c:v>
                </c:pt>
                <c:pt idx="2981">
                  <c:v>81675.42</c:v>
                </c:pt>
                <c:pt idx="2982">
                  <c:v>80678.34</c:v>
                </c:pt>
                <c:pt idx="2983">
                  <c:v>83680</c:v>
                </c:pt>
                <c:pt idx="2984">
                  <c:v>85530.84</c:v>
                </c:pt>
                <c:pt idx="2985">
                  <c:v>84698.02</c:v>
                </c:pt>
                <c:pt idx="2986">
                  <c:v>84482.46</c:v>
                </c:pt>
                <c:pt idx="2987">
                  <c:v>84912.7</c:v>
                </c:pt>
                <c:pt idx="2988">
                  <c:v>85495.24</c:v>
                </c:pt>
                <c:pt idx="2989">
                  <c:v>84041.34</c:v>
                </c:pt>
                <c:pt idx="2990">
                  <c:v>81861.09</c:v>
                </c:pt>
                <c:pt idx="2991">
                  <c:v>83894.04</c:v>
                </c:pt>
                <c:pt idx="2992">
                  <c:v>82766.73</c:v>
                </c:pt>
                <c:pt idx="2993">
                  <c:v>81532.53</c:v>
                </c:pt>
                <c:pt idx="2994">
                  <c:v>80898.7</c:v>
                </c:pt>
                <c:pt idx="2995">
                  <c:v>83542.84</c:v>
                </c:pt>
                <c:pt idx="2996">
                  <c:v>84290.559999999998</c:v>
                </c:pt>
                <c:pt idx="2997">
                  <c:v>84524.58</c:v>
                </c:pt>
                <c:pt idx="2998">
                  <c:v>84792.71</c:v>
                </c:pt>
                <c:pt idx="2999">
                  <c:v>85803.95</c:v>
                </c:pt>
                <c:pt idx="3000">
                  <c:v>86051.82</c:v>
                </c:pt>
                <c:pt idx="3001">
                  <c:v>86686.45</c:v>
                </c:pt>
                <c:pt idx="3002">
                  <c:v>87293.24</c:v>
                </c:pt>
                <c:pt idx="3003">
                  <c:v>87652.64</c:v>
                </c:pt>
                <c:pt idx="3004">
                  <c:v>86935.44</c:v>
                </c:pt>
                <c:pt idx="3005">
                  <c:v>85353.59</c:v>
                </c:pt>
                <c:pt idx="3006">
                  <c:v>85377.79</c:v>
                </c:pt>
                <c:pt idx="3007">
                  <c:v>85761.34</c:v>
                </c:pt>
                <c:pt idx="3008">
                  <c:v>86022.83</c:v>
                </c:pt>
                <c:pt idx="3009">
                  <c:v>85653.02</c:v>
                </c:pt>
                <c:pt idx="3010">
                  <c:v>85483.55</c:v>
                </c:pt>
                <c:pt idx="3011">
                  <c:v>84984.61</c:v>
                </c:pt>
                <c:pt idx="3012">
                  <c:v>86371.41</c:v>
                </c:pt>
                <c:pt idx="3013">
                  <c:v>86900.43</c:v>
                </c:pt>
                <c:pt idx="3014">
                  <c:v>86383.84</c:v>
                </c:pt>
                <c:pt idx="3015">
                  <c:v>86050.96</c:v>
                </c:pt>
                <c:pt idx="3016">
                  <c:v>84928.2</c:v>
                </c:pt>
                <c:pt idx="3017">
                  <c:v>84886.48</c:v>
                </c:pt>
                <c:pt idx="3018">
                  <c:v>83913.06</c:v>
                </c:pt>
                <c:pt idx="3019">
                  <c:v>84163.8</c:v>
                </c:pt>
                <c:pt idx="3020">
                  <c:v>84976.59</c:v>
                </c:pt>
                <c:pt idx="3021">
                  <c:v>84767.88</c:v>
                </c:pt>
                <c:pt idx="3022">
                  <c:v>84377.2</c:v>
                </c:pt>
                <c:pt idx="3023">
                  <c:v>85087.86</c:v>
                </c:pt>
                <c:pt idx="3024">
                  <c:v>83808.05</c:v>
                </c:pt>
                <c:pt idx="3025">
                  <c:v>83874.13</c:v>
                </c:pt>
                <c:pt idx="3026">
                  <c:v>85365.56</c:v>
                </c:pt>
                <c:pt idx="3027">
                  <c:v>84666.44</c:v>
                </c:pt>
                <c:pt idx="3028">
                  <c:v>84623.46</c:v>
                </c:pt>
                <c:pt idx="3029">
                  <c:v>84359.69</c:v>
                </c:pt>
                <c:pt idx="3030">
                  <c:v>85209.66</c:v>
                </c:pt>
                <c:pt idx="3031">
                  <c:v>84820.42</c:v>
                </c:pt>
                <c:pt idx="3032">
                  <c:v>83307.23</c:v>
                </c:pt>
                <c:pt idx="3033">
                  <c:v>84510.36</c:v>
                </c:pt>
                <c:pt idx="3034">
                  <c:v>85245.59</c:v>
                </c:pt>
                <c:pt idx="3035">
                  <c:v>85443.53</c:v>
                </c:pt>
                <c:pt idx="3036">
                  <c:v>84334.41</c:v>
                </c:pt>
                <c:pt idx="3037">
                  <c:v>82861.58</c:v>
                </c:pt>
                <c:pt idx="3038">
                  <c:v>84086.13</c:v>
                </c:pt>
                <c:pt idx="3039">
                  <c:v>85776.46</c:v>
                </c:pt>
                <c:pt idx="3040">
                  <c:v>85824.26</c:v>
                </c:pt>
                <c:pt idx="3041">
                  <c:v>85550.09</c:v>
                </c:pt>
                <c:pt idx="3042">
                  <c:v>85602.5</c:v>
                </c:pt>
                <c:pt idx="3043">
                  <c:v>85469.08</c:v>
                </c:pt>
                <c:pt idx="3044">
                  <c:v>85044.39</c:v>
                </c:pt>
                <c:pt idx="3045">
                  <c:v>86383.2</c:v>
                </c:pt>
                <c:pt idx="3046">
                  <c:v>86444.66</c:v>
                </c:pt>
                <c:pt idx="3047">
                  <c:v>86115.5</c:v>
                </c:pt>
                <c:pt idx="3048">
                  <c:v>84547.09</c:v>
                </c:pt>
                <c:pt idx="3049">
                  <c:v>83288.14</c:v>
                </c:pt>
                <c:pt idx="3050">
                  <c:v>83118.03</c:v>
                </c:pt>
                <c:pt idx="3051">
                  <c:v>82714.42</c:v>
                </c:pt>
                <c:pt idx="3052">
                  <c:v>82956.05</c:v>
                </c:pt>
                <c:pt idx="3053">
                  <c:v>84265.49</c:v>
                </c:pt>
                <c:pt idx="3054">
                  <c:v>85861.2</c:v>
                </c:pt>
                <c:pt idx="3055">
                  <c:v>85220.23</c:v>
                </c:pt>
                <c:pt idx="3056">
                  <c:v>85232.19</c:v>
                </c:pt>
                <c:pt idx="3057">
                  <c:v>85130.42</c:v>
                </c:pt>
                <c:pt idx="3058">
                  <c:v>86536.97</c:v>
                </c:pt>
                <c:pt idx="3059">
                  <c:v>83621.95</c:v>
                </c:pt>
                <c:pt idx="3060">
                  <c:v>83081.88</c:v>
                </c:pt>
                <c:pt idx="3061">
                  <c:v>81815.31</c:v>
                </c:pt>
                <c:pt idx="3062">
                  <c:v>82738.880000000005</c:v>
                </c:pt>
                <c:pt idx="3063">
                  <c:v>80867.289999999994</c:v>
                </c:pt>
                <c:pt idx="3064">
                  <c:v>80122.31</c:v>
                </c:pt>
                <c:pt idx="3065">
                  <c:v>78897.66</c:v>
                </c:pt>
                <c:pt idx="3066">
                  <c:v>75355.839999999997</c:v>
                </c:pt>
                <c:pt idx="3067">
                  <c:v>76071.98</c:v>
                </c:pt>
                <c:pt idx="3068">
                  <c:v>76753.62</c:v>
                </c:pt>
                <c:pt idx="3069">
                  <c:v>77239.75</c:v>
                </c:pt>
                <c:pt idx="3070">
                  <c:v>78596.06</c:v>
                </c:pt>
                <c:pt idx="3071">
                  <c:v>76641.73</c:v>
                </c:pt>
                <c:pt idx="3072">
                  <c:v>76117.23</c:v>
                </c:pt>
                <c:pt idx="3073">
                  <c:v>73851.47</c:v>
                </c:pt>
                <c:pt idx="3074">
                  <c:v>72942.070000000007</c:v>
                </c:pt>
                <c:pt idx="3075">
                  <c:v>72307.77</c:v>
                </c:pt>
                <c:pt idx="3076">
                  <c:v>72754.13</c:v>
                </c:pt>
                <c:pt idx="3077">
                  <c:v>72122.13</c:v>
                </c:pt>
                <c:pt idx="3078">
                  <c:v>71421.2</c:v>
                </c:pt>
                <c:pt idx="3079">
                  <c:v>70757.73</c:v>
                </c:pt>
                <c:pt idx="3080">
                  <c:v>69814.73</c:v>
                </c:pt>
                <c:pt idx="3081">
                  <c:v>71394.34</c:v>
                </c:pt>
                <c:pt idx="3082">
                  <c:v>72123.41</c:v>
                </c:pt>
                <c:pt idx="3083">
                  <c:v>70074.899999999994</c:v>
                </c:pt>
                <c:pt idx="3084">
                  <c:v>70640.649999999994</c:v>
                </c:pt>
                <c:pt idx="3085">
                  <c:v>70952.97</c:v>
                </c:pt>
                <c:pt idx="3086">
                  <c:v>71404.59</c:v>
                </c:pt>
                <c:pt idx="3087">
                  <c:v>70609</c:v>
                </c:pt>
                <c:pt idx="3088">
                  <c:v>71766.52</c:v>
                </c:pt>
                <c:pt idx="3089">
                  <c:v>72762.509999999995</c:v>
                </c:pt>
                <c:pt idx="3090">
                  <c:v>72839.740000000005</c:v>
                </c:pt>
                <c:pt idx="3091">
                  <c:v>73667.75</c:v>
                </c:pt>
                <c:pt idx="3092">
                  <c:v>74743.11</c:v>
                </c:pt>
                <c:pt idx="3093">
                  <c:v>74553.06</c:v>
                </c:pt>
                <c:pt idx="3094">
                  <c:v>75010.39</c:v>
                </c:pt>
                <c:pt idx="3095">
                  <c:v>74862.38</c:v>
                </c:pt>
                <c:pt idx="3096">
                  <c:v>74398.55</c:v>
                </c:pt>
                <c:pt idx="3097">
                  <c:v>75856.22</c:v>
                </c:pt>
                <c:pt idx="3098">
                  <c:v>76594.350000000006</c:v>
                </c:pt>
                <c:pt idx="3099">
                  <c:v>76652.58</c:v>
                </c:pt>
                <c:pt idx="3100">
                  <c:v>78130.3</c:v>
                </c:pt>
                <c:pt idx="3101">
                  <c:v>77362.63</c:v>
                </c:pt>
                <c:pt idx="3102">
                  <c:v>77486.84</c:v>
                </c:pt>
                <c:pt idx="3103">
                  <c:v>78571.289999999994</c:v>
                </c:pt>
                <c:pt idx="3104">
                  <c:v>77996.12</c:v>
                </c:pt>
                <c:pt idx="3105">
                  <c:v>79154.98</c:v>
                </c:pt>
                <c:pt idx="3106">
                  <c:v>80218.039999999994</c:v>
                </c:pt>
                <c:pt idx="3107">
                  <c:v>79405.34</c:v>
                </c:pt>
                <c:pt idx="3108">
                  <c:v>79866.100000000006</c:v>
                </c:pt>
                <c:pt idx="3109">
                  <c:v>80275.59</c:v>
                </c:pt>
                <c:pt idx="3110">
                  <c:v>79220.429999999993</c:v>
                </c:pt>
                <c:pt idx="3111">
                  <c:v>79301.649999999994</c:v>
                </c:pt>
                <c:pt idx="3112">
                  <c:v>79636.69</c:v>
                </c:pt>
                <c:pt idx="3113">
                  <c:v>81434.98</c:v>
                </c:pt>
                <c:pt idx="3114">
                  <c:v>81050.759999999995</c:v>
                </c:pt>
                <c:pt idx="3115">
                  <c:v>80346.52</c:v>
                </c:pt>
                <c:pt idx="3116">
                  <c:v>79151.7</c:v>
                </c:pt>
                <c:pt idx="3117">
                  <c:v>78767.990000000005</c:v>
                </c:pt>
                <c:pt idx="3118">
                  <c:v>76514.350000000006</c:v>
                </c:pt>
                <c:pt idx="3119">
                  <c:v>77496.45</c:v>
                </c:pt>
                <c:pt idx="3120">
                  <c:v>78602.11</c:v>
                </c:pt>
                <c:pt idx="3121">
                  <c:v>77077.990000000005</c:v>
                </c:pt>
                <c:pt idx="3122">
                  <c:v>76818.720000000001</c:v>
                </c:pt>
                <c:pt idx="3123">
                  <c:v>76028.5</c:v>
                </c:pt>
                <c:pt idx="3124">
                  <c:v>76327.89</c:v>
                </c:pt>
                <c:pt idx="3125">
                  <c:v>75180.399999999994</c:v>
                </c:pt>
                <c:pt idx="3126">
                  <c:v>76902.3</c:v>
                </c:pt>
                <c:pt idx="3127">
                  <c:v>75633.77</c:v>
                </c:pt>
                <c:pt idx="3128">
                  <c:v>76262.23</c:v>
                </c:pt>
                <c:pt idx="3129">
                  <c:v>77929.679999999993</c:v>
                </c:pt>
                <c:pt idx="3130">
                  <c:v>77473.179999999993</c:v>
                </c:pt>
                <c:pt idx="3131">
                  <c:v>78388.83</c:v>
                </c:pt>
                <c:pt idx="3132">
                  <c:v>76404.09</c:v>
                </c:pt>
                <c:pt idx="3133">
                  <c:v>76677.53</c:v>
                </c:pt>
                <c:pt idx="3134">
                  <c:v>76192.73</c:v>
                </c:pt>
                <c:pt idx="3135">
                  <c:v>74711.8</c:v>
                </c:pt>
                <c:pt idx="3136">
                  <c:v>75092.27</c:v>
                </c:pt>
                <c:pt idx="3137">
                  <c:v>76416.009999999995</c:v>
                </c:pt>
                <c:pt idx="3138">
                  <c:v>76436.350000000006</c:v>
                </c:pt>
                <c:pt idx="3139">
                  <c:v>74656.509999999995</c:v>
                </c:pt>
                <c:pt idx="3140">
                  <c:v>75124.81</c:v>
                </c:pt>
                <c:pt idx="3141">
                  <c:v>74686.67</c:v>
                </c:pt>
                <c:pt idx="3142">
                  <c:v>75429.09</c:v>
                </c:pt>
                <c:pt idx="3143">
                  <c:v>76788.850000000006</c:v>
                </c:pt>
                <c:pt idx="3144">
                  <c:v>78313.960000000006</c:v>
                </c:pt>
                <c:pt idx="3145">
                  <c:v>78168.66</c:v>
                </c:pt>
                <c:pt idx="3146">
                  <c:v>78116.009999999995</c:v>
                </c:pt>
                <c:pt idx="3147">
                  <c:v>79444.289999999994</c:v>
                </c:pt>
                <c:pt idx="3148">
                  <c:v>77984.179999999993</c:v>
                </c:pt>
                <c:pt idx="3149">
                  <c:v>78630.14</c:v>
                </c:pt>
                <c:pt idx="3150">
                  <c:v>78656.160000000003</c:v>
                </c:pt>
                <c:pt idx="3151">
                  <c:v>80000.09</c:v>
                </c:pt>
                <c:pt idx="3152">
                  <c:v>79342.42</c:v>
                </c:pt>
                <c:pt idx="3153">
                  <c:v>78623.66</c:v>
                </c:pt>
                <c:pt idx="3154">
                  <c:v>81612.28</c:v>
                </c:pt>
                <c:pt idx="3155">
                  <c:v>83273.399999999994</c:v>
                </c:pt>
                <c:pt idx="3156">
                  <c:v>82952.81</c:v>
                </c:pt>
                <c:pt idx="3157">
                  <c:v>82321.52</c:v>
                </c:pt>
                <c:pt idx="3158">
                  <c:v>86083.91</c:v>
                </c:pt>
                <c:pt idx="3159">
                  <c:v>86087.55</c:v>
                </c:pt>
                <c:pt idx="3160">
                  <c:v>83679.11</c:v>
                </c:pt>
                <c:pt idx="3161">
                  <c:v>82921.08</c:v>
                </c:pt>
                <c:pt idx="3162">
                  <c:v>83359.759999999995</c:v>
                </c:pt>
                <c:pt idx="3163">
                  <c:v>85717.56</c:v>
                </c:pt>
                <c:pt idx="3164">
                  <c:v>85763.95</c:v>
                </c:pt>
                <c:pt idx="3165">
                  <c:v>83847.12</c:v>
                </c:pt>
                <c:pt idx="3166">
                  <c:v>84219.74</c:v>
                </c:pt>
                <c:pt idx="3167">
                  <c:v>85596.69</c:v>
                </c:pt>
                <c:pt idx="3168">
                  <c:v>85300.03</c:v>
                </c:pt>
                <c:pt idx="3169">
                  <c:v>83063.56</c:v>
                </c:pt>
                <c:pt idx="3170">
                  <c:v>84083.51</c:v>
                </c:pt>
                <c:pt idx="3171">
                  <c:v>85719.87</c:v>
                </c:pt>
                <c:pt idx="3172">
                  <c:v>83796.710000000006</c:v>
                </c:pt>
                <c:pt idx="3173">
                  <c:v>86885.71</c:v>
                </c:pt>
                <c:pt idx="3174">
                  <c:v>87423.55</c:v>
                </c:pt>
                <c:pt idx="3175">
                  <c:v>88419.05</c:v>
                </c:pt>
                <c:pt idx="3176">
                  <c:v>89598.16</c:v>
                </c:pt>
                <c:pt idx="3177">
                  <c:v>88668.92</c:v>
                </c:pt>
                <c:pt idx="3178">
                  <c:v>87714.35</c:v>
                </c:pt>
                <c:pt idx="3179">
                  <c:v>85620.13</c:v>
                </c:pt>
                <c:pt idx="3180">
                  <c:v>85641.21</c:v>
                </c:pt>
                <c:pt idx="3181">
                  <c:v>85524.7</c:v>
                </c:pt>
                <c:pt idx="3182">
                  <c:v>84914.11</c:v>
                </c:pt>
                <c:pt idx="3183">
                  <c:v>85973.06</c:v>
                </c:pt>
                <c:pt idx="3184">
                  <c:v>88515.27</c:v>
                </c:pt>
                <c:pt idx="3185">
                  <c:v>87900.83</c:v>
                </c:pt>
                <c:pt idx="3186">
                  <c:v>87268.800000000003</c:v>
                </c:pt>
                <c:pt idx="3187">
                  <c:v>87477.440000000002</c:v>
                </c:pt>
                <c:pt idx="3188">
                  <c:v>86230.22</c:v>
                </c:pt>
                <c:pt idx="3189">
                  <c:v>85546.51</c:v>
                </c:pt>
                <c:pt idx="3190">
                  <c:v>87891.18</c:v>
                </c:pt>
                <c:pt idx="3191">
                  <c:v>89250.82</c:v>
                </c:pt>
                <c:pt idx="3192">
                  <c:v>89709.56</c:v>
                </c:pt>
                <c:pt idx="3193">
                  <c:v>89504.03</c:v>
                </c:pt>
                <c:pt idx="3194">
                  <c:v>89820.09</c:v>
                </c:pt>
                <c:pt idx="3195">
                  <c:v>88624.45</c:v>
                </c:pt>
                <c:pt idx="3196">
                  <c:v>89039.79</c:v>
                </c:pt>
                <c:pt idx="3197">
                  <c:v>88846.48</c:v>
                </c:pt>
                <c:pt idx="3198">
                  <c:v>88115.07</c:v>
                </c:pt>
                <c:pt idx="3199">
                  <c:v>85914.71</c:v>
                </c:pt>
                <c:pt idx="3200">
                  <c:v>86419.57</c:v>
                </c:pt>
                <c:pt idx="3201">
                  <c:v>86977.46</c:v>
                </c:pt>
                <c:pt idx="3202">
                  <c:v>87837.59</c:v>
                </c:pt>
                <c:pt idx="3203">
                  <c:v>87449.5</c:v>
                </c:pt>
                <c:pt idx="3204">
                  <c:v>86399.679999999993</c:v>
                </c:pt>
                <c:pt idx="3205">
                  <c:v>86610.49</c:v>
                </c:pt>
                <c:pt idx="3206">
                  <c:v>85673.52</c:v>
                </c:pt>
                <c:pt idx="3207">
                  <c:v>85269.29</c:v>
                </c:pt>
                <c:pt idx="3208">
                  <c:v>85697.15</c:v>
                </c:pt>
                <c:pt idx="3209">
                  <c:v>85136.1</c:v>
                </c:pt>
                <c:pt idx="3210">
                  <c:v>85460.2</c:v>
                </c:pt>
                <c:pt idx="3211">
                  <c:v>87887.26</c:v>
                </c:pt>
                <c:pt idx="3212">
                  <c:v>91012.31</c:v>
                </c:pt>
                <c:pt idx="3213">
                  <c:v>91564.25</c:v>
                </c:pt>
                <c:pt idx="3214">
                  <c:v>91840.79</c:v>
                </c:pt>
                <c:pt idx="3215">
                  <c:v>91699.05</c:v>
                </c:pt>
                <c:pt idx="3216">
                  <c:v>92031.86</c:v>
                </c:pt>
                <c:pt idx="3217">
                  <c:v>93613.04</c:v>
                </c:pt>
                <c:pt idx="3218">
                  <c:v>93805.93</c:v>
                </c:pt>
                <c:pt idx="3219">
                  <c:v>93658.31</c:v>
                </c:pt>
                <c:pt idx="3220">
                  <c:v>94474.13</c:v>
                </c:pt>
                <c:pt idx="3221">
                  <c:v>94055.72</c:v>
                </c:pt>
                <c:pt idx="3222">
                  <c:v>94393.07</c:v>
                </c:pt>
                <c:pt idx="3223">
                  <c:v>95351.09</c:v>
                </c:pt>
                <c:pt idx="3224">
                  <c:v>96096.75</c:v>
                </c:pt>
                <c:pt idx="3225">
                  <c:v>96009.77</c:v>
                </c:pt>
                <c:pt idx="3226">
                  <c:v>95103.38</c:v>
                </c:pt>
                <c:pt idx="3227">
                  <c:v>96558.42</c:v>
                </c:pt>
                <c:pt idx="3228">
                  <c:v>97677.19</c:v>
                </c:pt>
                <c:pt idx="3229">
                  <c:v>95443.88</c:v>
                </c:pt>
                <c:pt idx="3230">
                  <c:v>95639.33</c:v>
                </c:pt>
                <c:pt idx="3231">
                  <c:v>96996.21</c:v>
                </c:pt>
                <c:pt idx="3232">
                  <c:v>97393.74</c:v>
                </c:pt>
                <c:pt idx="3233">
                  <c:v>97861.27</c:v>
                </c:pt>
                <c:pt idx="3234">
                  <c:v>98588.63</c:v>
                </c:pt>
                <c:pt idx="3235">
                  <c:v>98311.2</c:v>
                </c:pt>
                <c:pt idx="3236">
                  <c:v>94635.57</c:v>
                </c:pt>
                <c:pt idx="3237">
                  <c:v>94405.59</c:v>
                </c:pt>
                <c:pt idx="3238">
                  <c:v>95343.1</c:v>
                </c:pt>
                <c:pt idx="3239">
                  <c:v>94412.91</c:v>
                </c:pt>
                <c:pt idx="3240">
                  <c:v>96168.4</c:v>
                </c:pt>
                <c:pt idx="3241">
                  <c:v>95842.4</c:v>
                </c:pt>
                <c:pt idx="3242">
                  <c:v>98015.09</c:v>
                </c:pt>
                <c:pt idx="3243">
                  <c:v>97525.91</c:v>
                </c:pt>
                <c:pt idx="3244">
                  <c:v>96509.89</c:v>
                </c:pt>
                <c:pt idx="3245">
                  <c:v>97659.15</c:v>
                </c:pt>
                <c:pt idx="3246">
                  <c:v>96544.81</c:v>
                </c:pt>
                <c:pt idx="3247">
                  <c:v>96932.27</c:v>
                </c:pt>
                <c:pt idx="3248">
                  <c:v>97885.6</c:v>
                </c:pt>
                <c:pt idx="3249">
                  <c:v>97239.9</c:v>
                </c:pt>
                <c:pt idx="3250">
                  <c:v>97602.5</c:v>
                </c:pt>
                <c:pt idx="3251">
                  <c:v>97307.31</c:v>
                </c:pt>
                <c:pt idx="3252">
                  <c:v>95584.35</c:v>
                </c:pt>
                <c:pt idx="3253">
                  <c:v>94603.75</c:v>
                </c:pt>
                <c:pt idx="3254">
                  <c:v>94216.87</c:v>
                </c:pt>
                <c:pt idx="3255">
                  <c:v>94340.17</c:v>
                </c:pt>
                <c:pt idx="3256">
                  <c:v>95364.85</c:v>
                </c:pt>
                <c:pt idx="3257">
                  <c:v>98026.62</c:v>
                </c:pt>
                <c:pt idx="3258">
                  <c:v>97828.03</c:v>
                </c:pt>
                <c:pt idx="3259">
                  <c:v>98903.88</c:v>
                </c:pt>
                <c:pt idx="3260">
                  <c:v>98604.67</c:v>
                </c:pt>
                <c:pt idx="3261">
                  <c:v>99136.74</c:v>
                </c:pt>
                <c:pt idx="3262">
                  <c:v>99993.919999999998</c:v>
                </c:pt>
                <c:pt idx="3263">
                  <c:v>99588.37</c:v>
                </c:pt>
                <c:pt idx="3264">
                  <c:v>98041.37</c:v>
                </c:pt>
                <c:pt idx="3265">
                  <c:v>96729.08</c:v>
                </c:pt>
                <c:pt idx="3266">
                  <c:v>93735.15</c:v>
                </c:pt>
                <c:pt idx="3267">
                  <c:v>93662.01</c:v>
                </c:pt>
                <c:pt idx="3268">
                  <c:v>95306.82</c:v>
                </c:pt>
                <c:pt idx="3269">
                  <c:v>91903.4</c:v>
                </c:pt>
                <c:pt idx="3270">
                  <c:v>94388.94</c:v>
                </c:pt>
                <c:pt idx="3271">
                  <c:v>95414.55</c:v>
                </c:pt>
                <c:pt idx="3272">
                  <c:v>96054.45</c:v>
                </c:pt>
                <c:pt idx="3273">
                  <c:v>95386.76</c:v>
                </c:pt>
                <c:pt idx="3274">
                  <c:v>94491.48</c:v>
                </c:pt>
                <c:pt idx="3275">
                  <c:v>96313.06</c:v>
                </c:pt>
                <c:pt idx="3276">
                  <c:v>97108.17</c:v>
                </c:pt>
                <c:pt idx="3277">
                  <c:v>97369.29</c:v>
                </c:pt>
                <c:pt idx="3278">
                  <c:v>96291.79</c:v>
                </c:pt>
                <c:pt idx="3279">
                  <c:v>95953.45</c:v>
                </c:pt>
                <c:pt idx="3280">
                  <c:v>94754.7</c:v>
                </c:pt>
                <c:pt idx="3281">
                  <c:v>92875</c:v>
                </c:pt>
                <c:pt idx="3282">
                  <c:v>93082.97</c:v>
                </c:pt>
                <c:pt idx="3283">
                  <c:v>94333.31</c:v>
                </c:pt>
                <c:pt idx="3284">
                  <c:v>93284.75</c:v>
                </c:pt>
                <c:pt idx="3285">
                  <c:v>94578.26</c:v>
                </c:pt>
                <c:pt idx="3286">
                  <c:v>94588.06</c:v>
                </c:pt>
                <c:pt idx="3287">
                  <c:v>95923.24</c:v>
                </c:pt>
                <c:pt idx="3288">
                  <c:v>95045.43</c:v>
                </c:pt>
                <c:pt idx="3289">
                  <c:v>96552.03</c:v>
                </c:pt>
                <c:pt idx="3290">
                  <c:v>96236.04</c:v>
                </c:pt>
                <c:pt idx="3291">
                  <c:v>96187.75</c:v>
                </c:pt>
                <c:pt idx="3292">
                  <c:v>96353.33</c:v>
                </c:pt>
                <c:pt idx="3293">
                  <c:v>95527.62</c:v>
                </c:pt>
                <c:pt idx="3294">
                  <c:v>96007.89</c:v>
                </c:pt>
                <c:pt idx="3295">
                  <c:v>95008.66</c:v>
                </c:pt>
                <c:pt idx="3296">
                  <c:v>94388.73</c:v>
                </c:pt>
                <c:pt idx="3297">
                  <c:v>95596.61</c:v>
                </c:pt>
                <c:pt idx="3298">
                  <c:v>94807.85</c:v>
                </c:pt>
                <c:pt idx="3299">
                  <c:v>94257.56</c:v>
                </c:pt>
                <c:pt idx="3300">
                  <c:v>91726.54</c:v>
                </c:pt>
                <c:pt idx="3301">
                  <c:v>92092.44</c:v>
                </c:pt>
                <c:pt idx="3302">
                  <c:v>91623.44</c:v>
                </c:pt>
                <c:pt idx="3303">
                  <c:v>90024.47</c:v>
                </c:pt>
                <c:pt idx="3304">
                  <c:v>89992.73</c:v>
                </c:pt>
                <c:pt idx="3305">
                  <c:v>91946.19</c:v>
                </c:pt>
                <c:pt idx="3306">
                  <c:v>94484.63</c:v>
                </c:pt>
                <c:pt idx="3307">
                  <c:v>94360.66</c:v>
                </c:pt>
                <c:pt idx="3308">
                  <c:v>93910.03</c:v>
                </c:pt>
                <c:pt idx="3309">
                  <c:v>93627.8</c:v>
                </c:pt>
                <c:pt idx="3310">
                  <c:v>94864.25</c:v>
                </c:pt>
                <c:pt idx="3311">
                  <c:v>96392.76</c:v>
                </c:pt>
                <c:pt idx="3312">
                  <c:v>96566.55</c:v>
                </c:pt>
                <c:pt idx="3313">
                  <c:v>97457.36</c:v>
                </c:pt>
                <c:pt idx="3314">
                  <c:v>97030.32</c:v>
                </c:pt>
                <c:pt idx="3315">
                  <c:v>97020.479999999996</c:v>
                </c:pt>
                <c:pt idx="3316">
                  <c:v>97380.28</c:v>
                </c:pt>
                <c:pt idx="3317">
                  <c:v>95998.75</c:v>
                </c:pt>
                <c:pt idx="3318">
                  <c:v>97204.85</c:v>
                </c:pt>
                <c:pt idx="3319">
                  <c:v>97821.26</c:v>
                </c:pt>
                <c:pt idx="3320">
                  <c:v>97466.69</c:v>
                </c:pt>
                <c:pt idx="3321">
                  <c:v>98960</c:v>
                </c:pt>
                <c:pt idx="3322">
                  <c:v>98320.88</c:v>
                </c:pt>
                <c:pt idx="3323">
                  <c:v>98773.7</c:v>
                </c:pt>
                <c:pt idx="3324">
                  <c:v>98040.06</c:v>
                </c:pt>
                <c:pt idx="3325">
                  <c:v>97623.25</c:v>
                </c:pt>
                <c:pt idx="3326">
                  <c:v>99404.39</c:v>
                </c:pt>
                <c:pt idx="3327">
                  <c:v>100303.4</c:v>
                </c:pt>
                <c:pt idx="3328">
                  <c:v>102012.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E25C-4DAA-A3AE-177ECB43EE3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9210368"/>
        <c:axId val="99211904"/>
      </c:lineChart>
      <c:lineChart>
        <c:grouping val="standard"/>
        <c:varyColors val="0"/>
        <c:ser>
          <c:idx val="1"/>
          <c:order val="1"/>
          <c:tx>
            <c:strRef>
              <c:f>'[Estudos RV 19 06.xlsx]Ibovespa em dólar'!$C$5</c:f>
              <c:strCache>
                <c:ptCount val="1"/>
                <c:pt idx="0">
                  <c:v>Ibovespa em US$</c:v>
                </c:pt>
              </c:strCache>
            </c:strRef>
          </c:tx>
          <c:spPr>
            <a:ln w="19050">
              <a:solidFill>
                <a:srgbClr val="C00000"/>
              </a:solidFill>
            </a:ln>
          </c:spPr>
          <c:marker>
            <c:symbol val="none"/>
          </c:marker>
          <c:cat>
            <c:numRef>
              <c:f>'[Estudos RV 19 06.xlsx]Ibovespa em dólar'!$A$6:$A$5000</c:f>
              <c:numCache>
                <c:formatCode>m/d/yyyy</c:formatCode>
                <c:ptCount val="4988"/>
                <c:pt idx="0">
                  <c:v>38715</c:v>
                </c:pt>
                <c:pt idx="1">
                  <c:v>38719</c:v>
                </c:pt>
                <c:pt idx="2">
                  <c:v>38720</c:v>
                </c:pt>
                <c:pt idx="3">
                  <c:v>38721</c:v>
                </c:pt>
                <c:pt idx="4">
                  <c:v>38722</c:v>
                </c:pt>
                <c:pt idx="5">
                  <c:v>38723</c:v>
                </c:pt>
                <c:pt idx="6">
                  <c:v>38726</c:v>
                </c:pt>
                <c:pt idx="7">
                  <c:v>38727</c:v>
                </c:pt>
                <c:pt idx="8">
                  <c:v>38728</c:v>
                </c:pt>
                <c:pt idx="9">
                  <c:v>38729</c:v>
                </c:pt>
                <c:pt idx="10">
                  <c:v>38730</c:v>
                </c:pt>
                <c:pt idx="11">
                  <c:v>38733</c:v>
                </c:pt>
                <c:pt idx="12">
                  <c:v>38734</c:v>
                </c:pt>
                <c:pt idx="13">
                  <c:v>38735</c:v>
                </c:pt>
                <c:pt idx="14">
                  <c:v>38736</c:v>
                </c:pt>
                <c:pt idx="15">
                  <c:v>38737</c:v>
                </c:pt>
                <c:pt idx="16">
                  <c:v>38740</c:v>
                </c:pt>
                <c:pt idx="17">
                  <c:v>38741</c:v>
                </c:pt>
                <c:pt idx="18">
                  <c:v>38743</c:v>
                </c:pt>
                <c:pt idx="19">
                  <c:v>38744</c:v>
                </c:pt>
                <c:pt idx="20">
                  <c:v>38747</c:v>
                </c:pt>
                <c:pt idx="21">
                  <c:v>38748</c:v>
                </c:pt>
                <c:pt idx="22">
                  <c:v>38749</c:v>
                </c:pt>
                <c:pt idx="23">
                  <c:v>38750</c:v>
                </c:pt>
                <c:pt idx="24">
                  <c:v>38751</c:v>
                </c:pt>
                <c:pt idx="25">
                  <c:v>38754</c:v>
                </c:pt>
                <c:pt idx="26">
                  <c:v>38755</c:v>
                </c:pt>
                <c:pt idx="27">
                  <c:v>38756</c:v>
                </c:pt>
                <c:pt idx="28">
                  <c:v>38757</c:v>
                </c:pt>
                <c:pt idx="29">
                  <c:v>38758</c:v>
                </c:pt>
                <c:pt idx="30">
                  <c:v>38761</c:v>
                </c:pt>
                <c:pt idx="31">
                  <c:v>38762</c:v>
                </c:pt>
                <c:pt idx="32">
                  <c:v>38763</c:v>
                </c:pt>
                <c:pt idx="33">
                  <c:v>38764</c:v>
                </c:pt>
                <c:pt idx="34">
                  <c:v>38765</c:v>
                </c:pt>
                <c:pt idx="35">
                  <c:v>38768</c:v>
                </c:pt>
                <c:pt idx="36">
                  <c:v>38769</c:v>
                </c:pt>
                <c:pt idx="37">
                  <c:v>38770</c:v>
                </c:pt>
                <c:pt idx="38">
                  <c:v>38771</c:v>
                </c:pt>
                <c:pt idx="39">
                  <c:v>38772</c:v>
                </c:pt>
                <c:pt idx="40">
                  <c:v>38777</c:v>
                </c:pt>
                <c:pt idx="41">
                  <c:v>38778</c:v>
                </c:pt>
                <c:pt idx="42">
                  <c:v>38779</c:v>
                </c:pt>
                <c:pt idx="43">
                  <c:v>38782</c:v>
                </c:pt>
                <c:pt idx="44">
                  <c:v>38783</c:v>
                </c:pt>
                <c:pt idx="45">
                  <c:v>38784</c:v>
                </c:pt>
                <c:pt idx="46">
                  <c:v>38785</c:v>
                </c:pt>
                <c:pt idx="47">
                  <c:v>38786</c:v>
                </c:pt>
                <c:pt idx="48">
                  <c:v>38789</c:v>
                </c:pt>
                <c:pt idx="49">
                  <c:v>38790</c:v>
                </c:pt>
                <c:pt idx="50">
                  <c:v>38791</c:v>
                </c:pt>
                <c:pt idx="51">
                  <c:v>38792</c:v>
                </c:pt>
                <c:pt idx="52">
                  <c:v>38793</c:v>
                </c:pt>
                <c:pt idx="53">
                  <c:v>38796</c:v>
                </c:pt>
                <c:pt idx="54">
                  <c:v>38797</c:v>
                </c:pt>
                <c:pt idx="55">
                  <c:v>38798</c:v>
                </c:pt>
                <c:pt idx="56">
                  <c:v>38799</c:v>
                </c:pt>
                <c:pt idx="57">
                  <c:v>38800</c:v>
                </c:pt>
                <c:pt idx="58">
                  <c:v>38803</c:v>
                </c:pt>
                <c:pt idx="59">
                  <c:v>38804</c:v>
                </c:pt>
                <c:pt idx="60">
                  <c:v>38805</c:v>
                </c:pt>
                <c:pt idx="61">
                  <c:v>38806</c:v>
                </c:pt>
                <c:pt idx="62">
                  <c:v>38807</c:v>
                </c:pt>
                <c:pt idx="63">
                  <c:v>38810</c:v>
                </c:pt>
                <c:pt idx="64">
                  <c:v>38811</c:v>
                </c:pt>
                <c:pt idx="65">
                  <c:v>38812</c:v>
                </c:pt>
                <c:pt idx="66">
                  <c:v>38813</c:v>
                </c:pt>
                <c:pt idx="67">
                  <c:v>38814</c:v>
                </c:pt>
                <c:pt idx="68">
                  <c:v>38817</c:v>
                </c:pt>
                <c:pt idx="69">
                  <c:v>38818</c:v>
                </c:pt>
                <c:pt idx="70">
                  <c:v>38819</c:v>
                </c:pt>
                <c:pt idx="71">
                  <c:v>38820</c:v>
                </c:pt>
                <c:pt idx="72">
                  <c:v>38824</c:v>
                </c:pt>
                <c:pt idx="73">
                  <c:v>38825</c:v>
                </c:pt>
                <c:pt idx="74">
                  <c:v>38826</c:v>
                </c:pt>
                <c:pt idx="75">
                  <c:v>38827</c:v>
                </c:pt>
                <c:pt idx="76">
                  <c:v>38831</c:v>
                </c:pt>
                <c:pt idx="77">
                  <c:v>38832</c:v>
                </c:pt>
                <c:pt idx="78">
                  <c:v>38833</c:v>
                </c:pt>
                <c:pt idx="79">
                  <c:v>38834</c:v>
                </c:pt>
                <c:pt idx="80">
                  <c:v>38835</c:v>
                </c:pt>
                <c:pt idx="81">
                  <c:v>38839</c:v>
                </c:pt>
                <c:pt idx="82">
                  <c:v>38840</c:v>
                </c:pt>
                <c:pt idx="83">
                  <c:v>38841</c:v>
                </c:pt>
                <c:pt idx="84">
                  <c:v>38842</c:v>
                </c:pt>
                <c:pt idx="85">
                  <c:v>38845</c:v>
                </c:pt>
                <c:pt idx="86">
                  <c:v>38846</c:v>
                </c:pt>
                <c:pt idx="87">
                  <c:v>38847</c:v>
                </c:pt>
                <c:pt idx="88">
                  <c:v>38848</c:v>
                </c:pt>
                <c:pt idx="89">
                  <c:v>38849</c:v>
                </c:pt>
                <c:pt idx="90">
                  <c:v>38852</c:v>
                </c:pt>
                <c:pt idx="91">
                  <c:v>38853</c:v>
                </c:pt>
                <c:pt idx="92">
                  <c:v>38854</c:v>
                </c:pt>
                <c:pt idx="93">
                  <c:v>38855</c:v>
                </c:pt>
                <c:pt idx="94">
                  <c:v>38856</c:v>
                </c:pt>
                <c:pt idx="95">
                  <c:v>38859</c:v>
                </c:pt>
                <c:pt idx="96">
                  <c:v>38860</c:v>
                </c:pt>
                <c:pt idx="97">
                  <c:v>38861</c:v>
                </c:pt>
                <c:pt idx="98">
                  <c:v>38862</c:v>
                </c:pt>
                <c:pt idx="99">
                  <c:v>38863</c:v>
                </c:pt>
                <c:pt idx="100">
                  <c:v>38866</c:v>
                </c:pt>
                <c:pt idx="101">
                  <c:v>38867</c:v>
                </c:pt>
                <c:pt idx="102">
                  <c:v>38868</c:v>
                </c:pt>
                <c:pt idx="103">
                  <c:v>38869</c:v>
                </c:pt>
                <c:pt idx="104">
                  <c:v>38870</c:v>
                </c:pt>
                <c:pt idx="105">
                  <c:v>38873</c:v>
                </c:pt>
                <c:pt idx="106">
                  <c:v>38874</c:v>
                </c:pt>
                <c:pt idx="107">
                  <c:v>38875</c:v>
                </c:pt>
                <c:pt idx="108">
                  <c:v>38876</c:v>
                </c:pt>
                <c:pt idx="109">
                  <c:v>38877</c:v>
                </c:pt>
                <c:pt idx="110">
                  <c:v>38880</c:v>
                </c:pt>
                <c:pt idx="111">
                  <c:v>38881</c:v>
                </c:pt>
                <c:pt idx="112">
                  <c:v>38882</c:v>
                </c:pt>
                <c:pt idx="113">
                  <c:v>38884</c:v>
                </c:pt>
                <c:pt idx="114">
                  <c:v>38887</c:v>
                </c:pt>
                <c:pt idx="115">
                  <c:v>38888</c:v>
                </c:pt>
                <c:pt idx="116">
                  <c:v>38889</c:v>
                </c:pt>
                <c:pt idx="117">
                  <c:v>38890</c:v>
                </c:pt>
                <c:pt idx="118">
                  <c:v>38891</c:v>
                </c:pt>
                <c:pt idx="119">
                  <c:v>38894</c:v>
                </c:pt>
                <c:pt idx="120">
                  <c:v>38895</c:v>
                </c:pt>
                <c:pt idx="121">
                  <c:v>38896</c:v>
                </c:pt>
                <c:pt idx="122">
                  <c:v>38897</c:v>
                </c:pt>
                <c:pt idx="123">
                  <c:v>38898</c:v>
                </c:pt>
                <c:pt idx="124">
                  <c:v>38901</c:v>
                </c:pt>
                <c:pt idx="125">
                  <c:v>38902</c:v>
                </c:pt>
                <c:pt idx="126">
                  <c:v>38903</c:v>
                </c:pt>
                <c:pt idx="127">
                  <c:v>38904</c:v>
                </c:pt>
                <c:pt idx="128">
                  <c:v>38905</c:v>
                </c:pt>
                <c:pt idx="129">
                  <c:v>38908</c:v>
                </c:pt>
                <c:pt idx="130">
                  <c:v>38909</c:v>
                </c:pt>
                <c:pt idx="131">
                  <c:v>38910</c:v>
                </c:pt>
                <c:pt idx="132">
                  <c:v>38911</c:v>
                </c:pt>
                <c:pt idx="133">
                  <c:v>38912</c:v>
                </c:pt>
                <c:pt idx="134">
                  <c:v>38915</c:v>
                </c:pt>
                <c:pt idx="135">
                  <c:v>38916</c:v>
                </c:pt>
                <c:pt idx="136">
                  <c:v>38917</c:v>
                </c:pt>
                <c:pt idx="137">
                  <c:v>38918</c:v>
                </c:pt>
                <c:pt idx="138">
                  <c:v>38919</c:v>
                </c:pt>
                <c:pt idx="139">
                  <c:v>38922</c:v>
                </c:pt>
                <c:pt idx="140">
                  <c:v>38923</c:v>
                </c:pt>
                <c:pt idx="141">
                  <c:v>38924</c:v>
                </c:pt>
                <c:pt idx="142">
                  <c:v>38925</c:v>
                </c:pt>
                <c:pt idx="143">
                  <c:v>38926</c:v>
                </c:pt>
                <c:pt idx="144">
                  <c:v>38929</c:v>
                </c:pt>
                <c:pt idx="145">
                  <c:v>38930</c:v>
                </c:pt>
                <c:pt idx="146">
                  <c:v>38931</c:v>
                </c:pt>
                <c:pt idx="147">
                  <c:v>38932</c:v>
                </c:pt>
                <c:pt idx="148">
                  <c:v>38933</c:v>
                </c:pt>
                <c:pt idx="149">
                  <c:v>38936</c:v>
                </c:pt>
                <c:pt idx="150">
                  <c:v>38937</c:v>
                </c:pt>
                <c:pt idx="151">
                  <c:v>38938</c:v>
                </c:pt>
                <c:pt idx="152">
                  <c:v>38939</c:v>
                </c:pt>
                <c:pt idx="153">
                  <c:v>38940</c:v>
                </c:pt>
                <c:pt idx="154">
                  <c:v>38943</c:v>
                </c:pt>
                <c:pt idx="155">
                  <c:v>38944</c:v>
                </c:pt>
                <c:pt idx="156">
                  <c:v>38945</c:v>
                </c:pt>
                <c:pt idx="157">
                  <c:v>38946</c:v>
                </c:pt>
                <c:pt idx="158">
                  <c:v>38947</c:v>
                </c:pt>
                <c:pt idx="159">
                  <c:v>38950</c:v>
                </c:pt>
                <c:pt idx="160">
                  <c:v>38951</c:v>
                </c:pt>
                <c:pt idx="161">
                  <c:v>38952</c:v>
                </c:pt>
                <c:pt idx="162">
                  <c:v>38953</c:v>
                </c:pt>
                <c:pt idx="163">
                  <c:v>38954</c:v>
                </c:pt>
                <c:pt idx="164">
                  <c:v>38957</c:v>
                </c:pt>
                <c:pt idx="165">
                  <c:v>38958</c:v>
                </c:pt>
                <c:pt idx="166">
                  <c:v>38959</c:v>
                </c:pt>
                <c:pt idx="167">
                  <c:v>38960</c:v>
                </c:pt>
                <c:pt idx="168">
                  <c:v>38961</c:v>
                </c:pt>
                <c:pt idx="169">
                  <c:v>38964</c:v>
                </c:pt>
                <c:pt idx="170">
                  <c:v>38965</c:v>
                </c:pt>
                <c:pt idx="171">
                  <c:v>38966</c:v>
                </c:pt>
                <c:pt idx="172">
                  <c:v>38968</c:v>
                </c:pt>
                <c:pt idx="173">
                  <c:v>38971</c:v>
                </c:pt>
                <c:pt idx="174">
                  <c:v>38972</c:v>
                </c:pt>
                <c:pt idx="175">
                  <c:v>38973</c:v>
                </c:pt>
                <c:pt idx="176">
                  <c:v>38974</c:v>
                </c:pt>
                <c:pt idx="177">
                  <c:v>38975</c:v>
                </c:pt>
                <c:pt idx="178">
                  <c:v>38978</c:v>
                </c:pt>
                <c:pt idx="179">
                  <c:v>38979</c:v>
                </c:pt>
                <c:pt idx="180">
                  <c:v>38980</c:v>
                </c:pt>
                <c:pt idx="181">
                  <c:v>38981</c:v>
                </c:pt>
                <c:pt idx="182">
                  <c:v>38982</c:v>
                </c:pt>
                <c:pt idx="183">
                  <c:v>38985</c:v>
                </c:pt>
                <c:pt idx="184">
                  <c:v>38986</c:v>
                </c:pt>
                <c:pt idx="185">
                  <c:v>38987</c:v>
                </c:pt>
                <c:pt idx="186">
                  <c:v>38988</c:v>
                </c:pt>
                <c:pt idx="187">
                  <c:v>38989</c:v>
                </c:pt>
                <c:pt idx="188">
                  <c:v>38992</c:v>
                </c:pt>
                <c:pt idx="189">
                  <c:v>38993</c:v>
                </c:pt>
                <c:pt idx="190">
                  <c:v>38994</c:v>
                </c:pt>
                <c:pt idx="191">
                  <c:v>38995</c:v>
                </c:pt>
                <c:pt idx="192">
                  <c:v>38996</c:v>
                </c:pt>
                <c:pt idx="193">
                  <c:v>38999</c:v>
                </c:pt>
                <c:pt idx="194">
                  <c:v>39000</c:v>
                </c:pt>
                <c:pt idx="195">
                  <c:v>39001</c:v>
                </c:pt>
                <c:pt idx="196">
                  <c:v>39003</c:v>
                </c:pt>
                <c:pt idx="197">
                  <c:v>39006</c:v>
                </c:pt>
                <c:pt idx="198">
                  <c:v>39007</c:v>
                </c:pt>
                <c:pt idx="199">
                  <c:v>39008</c:v>
                </c:pt>
                <c:pt idx="200">
                  <c:v>39009</c:v>
                </c:pt>
                <c:pt idx="201">
                  <c:v>39010</c:v>
                </c:pt>
                <c:pt idx="202">
                  <c:v>39013</c:v>
                </c:pt>
                <c:pt idx="203">
                  <c:v>39014</c:v>
                </c:pt>
                <c:pt idx="204">
                  <c:v>39015</c:v>
                </c:pt>
                <c:pt idx="205">
                  <c:v>39016</c:v>
                </c:pt>
                <c:pt idx="206">
                  <c:v>39017</c:v>
                </c:pt>
                <c:pt idx="207">
                  <c:v>39020</c:v>
                </c:pt>
                <c:pt idx="208">
                  <c:v>39021</c:v>
                </c:pt>
                <c:pt idx="209">
                  <c:v>39022</c:v>
                </c:pt>
                <c:pt idx="210">
                  <c:v>39024</c:v>
                </c:pt>
                <c:pt idx="211">
                  <c:v>39027</c:v>
                </c:pt>
                <c:pt idx="212">
                  <c:v>39028</c:v>
                </c:pt>
                <c:pt idx="213">
                  <c:v>39029</c:v>
                </c:pt>
                <c:pt idx="214">
                  <c:v>39030</c:v>
                </c:pt>
                <c:pt idx="215">
                  <c:v>39031</c:v>
                </c:pt>
                <c:pt idx="216">
                  <c:v>39034</c:v>
                </c:pt>
                <c:pt idx="217">
                  <c:v>39035</c:v>
                </c:pt>
                <c:pt idx="218">
                  <c:v>39037</c:v>
                </c:pt>
                <c:pt idx="219">
                  <c:v>39038</c:v>
                </c:pt>
                <c:pt idx="220">
                  <c:v>39042</c:v>
                </c:pt>
                <c:pt idx="221">
                  <c:v>39043</c:v>
                </c:pt>
                <c:pt idx="222">
                  <c:v>39044</c:v>
                </c:pt>
                <c:pt idx="223">
                  <c:v>39045</c:v>
                </c:pt>
                <c:pt idx="224">
                  <c:v>39048</c:v>
                </c:pt>
                <c:pt idx="225">
                  <c:v>39049</c:v>
                </c:pt>
                <c:pt idx="226">
                  <c:v>39050</c:v>
                </c:pt>
                <c:pt idx="227">
                  <c:v>39051</c:v>
                </c:pt>
                <c:pt idx="228">
                  <c:v>39052</c:v>
                </c:pt>
                <c:pt idx="229">
                  <c:v>39055</c:v>
                </c:pt>
                <c:pt idx="230">
                  <c:v>39056</c:v>
                </c:pt>
                <c:pt idx="231">
                  <c:v>39057</c:v>
                </c:pt>
                <c:pt idx="232">
                  <c:v>39058</c:v>
                </c:pt>
                <c:pt idx="233">
                  <c:v>39059</c:v>
                </c:pt>
                <c:pt idx="234">
                  <c:v>39062</c:v>
                </c:pt>
                <c:pt idx="235">
                  <c:v>39063</c:v>
                </c:pt>
                <c:pt idx="236">
                  <c:v>39064</c:v>
                </c:pt>
                <c:pt idx="237">
                  <c:v>39065</c:v>
                </c:pt>
                <c:pt idx="238">
                  <c:v>39066</c:v>
                </c:pt>
                <c:pt idx="239">
                  <c:v>39069</c:v>
                </c:pt>
                <c:pt idx="240">
                  <c:v>39070</c:v>
                </c:pt>
                <c:pt idx="241">
                  <c:v>39071</c:v>
                </c:pt>
                <c:pt idx="242">
                  <c:v>39072</c:v>
                </c:pt>
                <c:pt idx="243">
                  <c:v>39073</c:v>
                </c:pt>
                <c:pt idx="244">
                  <c:v>39077</c:v>
                </c:pt>
                <c:pt idx="245">
                  <c:v>39078</c:v>
                </c:pt>
                <c:pt idx="246">
                  <c:v>39079</c:v>
                </c:pt>
                <c:pt idx="247">
                  <c:v>39084</c:v>
                </c:pt>
                <c:pt idx="248">
                  <c:v>39085</c:v>
                </c:pt>
                <c:pt idx="249">
                  <c:v>39086</c:v>
                </c:pt>
                <c:pt idx="250">
                  <c:v>39087</c:v>
                </c:pt>
                <c:pt idx="251">
                  <c:v>39090</c:v>
                </c:pt>
                <c:pt idx="252">
                  <c:v>39091</c:v>
                </c:pt>
                <c:pt idx="253">
                  <c:v>39092</c:v>
                </c:pt>
                <c:pt idx="254">
                  <c:v>39093</c:v>
                </c:pt>
                <c:pt idx="255">
                  <c:v>39094</c:v>
                </c:pt>
                <c:pt idx="256">
                  <c:v>39097</c:v>
                </c:pt>
                <c:pt idx="257">
                  <c:v>39098</c:v>
                </c:pt>
                <c:pt idx="258">
                  <c:v>39099</c:v>
                </c:pt>
                <c:pt idx="259">
                  <c:v>39100</c:v>
                </c:pt>
                <c:pt idx="260">
                  <c:v>39101</c:v>
                </c:pt>
                <c:pt idx="261">
                  <c:v>39104</c:v>
                </c:pt>
                <c:pt idx="262">
                  <c:v>39105</c:v>
                </c:pt>
                <c:pt idx="263">
                  <c:v>39106</c:v>
                </c:pt>
                <c:pt idx="264">
                  <c:v>39108</c:v>
                </c:pt>
                <c:pt idx="265">
                  <c:v>39111</c:v>
                </c:pt>
                <c:pt idx="266">
                  <c:v>39112</c:v>
                </c:pt>
                <c:pt idx="267">
                  <c:v>39113</c:v>
                </c:pt>
                <c:pt idx="268">
                  <c:v>39114</c:v>
                </c:pt>
                <c:pt idx="269">
                  <c:v>39115</c:v>
                </c:pt>
                <c:pt idx="270">
                  <c:v>39118</c:v>
                </c:pt>
                <c:pt idx="271">
                  <c:v>39119</c:v>
                </c:pt>
                <c:pt idx="272">
                  <c:v>39120</c:v>
                </c:pt>
                <c:pt idx="273">
                  <c:v>39121</c:v>
                </c:pt>
                <c:pt idx="274">
                  <c:v>39122</c:v>
                </c:pt>
                <c:pt idx="275">
                  <c:v>39125</c:v>
                </c:pt>
                <c:pt idx="276">
                  <c:v>39126</c:v>
                </c:pt>
                <c:pt idx="277">
                  <c:v>39127</c:v>
                </c:pt>
                <c:pt idx="278">
                  <c:v>39128</c:v>
                </c:pt>
                <c:pt idx="279">
                  <c:v>39129</c:v>
                </c:pt>
                <c:pt idx="280">
                  <c:v>39134</c:v>
                </c:pt>
                <c:pt idx="281">
                  <c:v>39135</c:v>
                </c:pt>
                <c:pt idx="282">
                  <c:v>39136</c:v>
                </c:pt>
                <c:pt idx="283">
                  <c:v>39139</c:v>
                </c:pt>
                <c:pt idx="284">
                  <c:v>39140</c:v>
                </c:pt>
                <c:pt idx="285">
                  <c:v>39141</c:v>
                </c:pt>
                <c:pt idx="286">
                  <c:v>39142</c:v>
                </c:pt>
                <c:pt idx="287">
                  <c:v>39143</c:v>
                </c:pt>
                <c:pt idx="288">
                  <c:v>39146</c:v>
                </c:pt>
                <c:pt idx="289">
                  <c:v>39147</c:v>
                </c:pt>
                <c:pt idx="290">
                  <c:v>39148</c:v>
                </c:pt>
                <c:pt idx="291">
                  <c:v>39149</c:v>
                </c:pt>
                <c:pt idx="292">
                  <c:v>39150</c:v>
                </c:pt>
                <c:pt idx="293">
                  <c:v>39153</c:v>
                </c:pt>
                <c:pt idx="294">
                  <c:v>39154</c:v>
                </c:pt>
                <c:pt idx="295">
                  <c:v>39155</c:v>
                </c:pt>
                <c:pt idx="296">
                  <c:v>39156</c:v>
                </c:pt>
                <c:pt idx="297">
                  <c:v>39157</c:v>
                </c:pt>
                <c:pt idx="298">
                  <c:v>39160</c:v>
                </c:pt>
                <c:pt idx="299">
                  <c:v>39161</c:v>
                </c:pt>
                <c:pt idx="300">
                  <c:v>39162</c:v>
                </c:pt>
                <c:pt idx="301">
                  <c:v>39163</c:v>
                </c:pt>
                <c:pt idx="302">
                  <c:v>39164</c:v>
                </c:pt>
                <c:pt idx="303">
                  <c:v>39167</c:v>
                </c:pt>
                <c:pt idx="304">
                  <c:v>39168</c:v>
                </c:pt>
                <c:pt idx="305">
                  <c:v>39169</c:v>
                </c:pt>
                <c:pt idx="306">
                  <c:v>39170</c:v>
                </c:pt>
                <c:pt idx="307">
                  <c:v>39171</c:v>
                </c:pt>
                <c:pt idx="308">
                  <c:v>39174</c:v>
                </c:pt>
                <c:pt idx="309">
                  <c:v>39175</c:v>
                </c:pt>
                <c:pt idx="310">
                  <c:v>39176</c:v>
                </c:pt>
                <c:pt idx="311">
                  <c:v>39177</c:v>
                </c:pt>
                <c:pt idx="312">
                  <c:v>39181</c:v>
                </c:pt>
                <c:pt idx="313">
                  <c:v>39182</c:v>
                </c:pt>
                <c:pt idx="314">
                  <c:v>39183</c:v>
                </c:pt>
                <c:pt idx="315">
                  <c:v>39184</c:v>
                </c:pt>
                <c:pt idx="316">
                  <c:v>39185</c:v>
                </c:pt>
                <c:pt idx="317">
                  <c:v>39188</c:v>
                </c:pt>
                <c:pt idx="318">
                  <c:v>39189</c:v>
                </c:pt>
                <c:pt idx="319">
                  <c:v>39190</c:v>
                </c:pt>
                <c:pt idx="320">
                  <c:v>39191</c:v>
                </c:pt>
                <c:pt idx="321">
                  <c:v>39192</c:v>
                </c:pt>
                <c:pt idx="322">
                  <c:v>39195</c:v>
                </c:pt>
                <c:pt idx="323">
                  <c:v>39196</c:v>
                </c:pt>
                <c:pt idx="324">
                  <c:v>39197</c:v>
                </c:pt>
                <c:pt idx="325">
                  <c:v>39198</c:v>
                </c:pt>
                <c:pt idx="326">
                  <c:v>39199</c:v>
                </c:pt>
                <c:pt idx="327">
                  <c:v>39202</c:v>
                </c:pt>
                <c:pt idx="328">
                  <c:v>39204</c:v>
                </c:pt>
                <c:pt idx="329">
                  <c:v>39205</c:v>
                </c:pt>
                <c:pt idx="330">
                  <c:v>39206</c:v>
                </c:pt>
                <c:pt idx="331">
                  <c:v>39209</c:v>
                </c:pt>
                <c:pt idx="332">
                  <c:v>39210</c:v>
                </c:pt>
                <c:pt idx="333">
                  <c:v>39211</c:v>
                </c:pt>
                <c:pt idx="334">
                  <c:v>39212</c:v>
                </c:pt>
                <c:pt idx="335">
                  <c:v>39213</c:v>
                </c:pt>
                <c:pt idx="336">
                  <c:v>39216</c:v>
                </c:pt>
                <c:pt idx="337">
                  <c:v>39217</c:v>
                </c:pt>
                <c:pt idx="338">
                  <c:v>39218</c:v>
                </c:pt>
                <c:pt idx="339">
                  <c:v>39219</c:v>
                </c:pt>
                <c:pt idx="340">
                  <c:v>39220</c:v>
                </c:pt>
                <c:pt idx="341">
                  <c:v>39223</c:v>
                </c:pt>
                <c:pt idx="342">
                  <c:v>39224</c:v>
                </c:pt>
                <c:pt idx="343">
                  <c:v>39225</c:v>
                </c:pt>
                <c:pt idx="344">
                  <c:v>39226</c:v>
                </c:pt>
                <c:pt idx="345">
                  <c:v>39227</c:v>
                </c:pt>
                <c:pt idx="346">
                  <c:v>39230</c:v>
                </c:pt>
                <c:pt idx="347">
                  <c:v>39231</c:v>
                </c:pt>
                <c:pt idx="348">
                  <c:v>39232</c:v>
                </c:pt>
                <c:pt idx="349">
                  <c:v>39233</c:v>
                </c:pt>
                <c:pt idx="350">
                  <c:v>39234</c:v>
                </c:pt>
                <c:pt idx="351">
                  <c:v>39237</c:v>
                </c:pt>
                <c:pt idx="352">
                  <c:v>39238</c:v>
                </c:pt>
                <c:pt idx="353">
                  <c:v>39239</c:v>
                </c:pt>
                <c:pt idx="354">
                  <c:v>39241</c:v>
                </c:pt>
                <c:pt idx="355">
                  <c:v>39244</c:v>
                </c:pt>
                <c:pt idx="356">
                  <c:v>39245</c:v>
                </c:pt>
                <c:pt idx="357">
                  <c:v>39246</c:v>
                </c:pt>
                <c:pt idx="358">
                  <c:v>39247</c:v>
                </c:pt>
                <c:pt idx="359">
                  <c:v>39248</c:v>
                </c:pt>
                <c:pt idx="360">
                  <c:v>39251</c:v>
                </c:pt>
                <c:pt idx="361">
                  <c:v>39252</c:v>
                </c:pt>
                <c:pt idx="362">
                  <c:v>39253</c:v>
                </c:pt>
                <c:pt idx="363">
                  <c:v>39254</c:v>
                </c:pt>
                <c:pt idx="364">
                  <c:v>39255</c:v>
                </c:pt>
                <c:pt idx="365">
                  <c:v>39258</c:v>
                </c:pt>
                <c:pt idx="366">
                  <c:v>39259</c:v>
                </c:pt>
                <c:pt idx="367">
                  <c:v>39260</c:v>
                </c:pt>
                <c:pt idx="368">
                  <c:v>39261</c:v>
                </c:pt>
                <c:pt idx="369">
                  <c:v>39262</c:v>
                </c:pt>
                <c:pt idx="370">
                  <c:v>39265</c:v>
                </c:pt>
                <c:pt idx="371">
                  <c:v>39266</c:v>
                </c:pt>
                <c:pt idx="372">
                  <c:v>39267</c:v>
                </c:pt>
                <c:pt idx="373">
                  <c:v>39268</c:v>
                </c:pt>
                <c:pt idx="374">
                  <c:v>39269</c:v>
                </c:pt>
                <c:pt idx="375">
                  <c:v>39273</c:v>
                </c:pt>
                <c:pt idx="376">
                  <c:v>39274</c:v>
                </c:pt>
                <c:pt idx="377">
                  <c:v>39275</c:v>
                </c:pt>
                <c:pt idx="378">
                  <c:v>39276</c:v>
                </c:pt>
                <c:pt idx="379">
                  <c:v>39279</c:v>
                </c:pt>
                <c:pt idx="380">
                  <c:v>39280</c:v>
                </c:pt>
                <c:pt idx="381">
                  <c:v>39281</c:v>
                </c:pt>
                <c:pt idx="382">
                  <c:v>39282</c:v>
                </c:pt>
                <c:pt idx="383">
                  <c:v>39283</c:v>
                </c:pt>
                <c:pt idx="384">
                  <c:v>39286</c:v>
                </c:pt>
                <c:pt idx="385">
                  <c:v>39287</c:v>
                </c:pt>
                <c:pt idx="386">
                  <c:v>39288</c:v>
                </c:pt>
                <c:pt idx="387">
                  <c:v>39289</c:v>
                </c:pt>
                <c:pt idx="388">
                  <c:v>39290</c:v>
                </c:pt>
                <c:pt idx="389">
                  <c:v>39293</c:v>
                </c:pt>
                <c:pt idx="390">
                  <c:v>39294</c:v>
                </c:pt>
                <c:pt idx="391">
                  <c:v>39295</c:v>
                </c:pt>
                <c:pt idx="392">
                  <c:v>39296</c:v>
                </c:pt>
                <c:pt idx="393">
                  <c:v>39297</c:v>
                </c:pt>
                <c:pt idx="394">
                  <c:v>39300</c:v>
                </c:pt>
                <c:pt idx="395">
                  <c:v>39301</c:v>
                </c:pt>
                <c:pt idx="396">
                  <c:v>39302</c:v>
                </c:pt>
                <c:pt idx="397">
                  <c:v>39303</c:v>
                </c:pt>
                <c:pt idx="398">
                  <c:v>39304</c:v>
                </c:pt>
                <c:pt idx="399">
                  <c:v>39307</c:v>
                </c:pt>
                <c:pt idx="400">
                  <c:v>39308</c:v>
                </c:pt>
                <c:pt idx="401">
                  <c:v>39309</c:v>
                </c:pt>
                <c:pt idx="402">
                  <c:v>39310</c:v>
                </c:pt>
                <c:pt idx="403">
                  <c:v>39311</c:v>
                </c:pt>
                <c:pt idx="404">
                  <c:v>39314</c:v>
                </c:pt>
                <c:pt idx="405">
                  <c:v>39315</c:v>
                </c:pt>
                <c:pt idx="406">
                  <c:v>39316</c:v>
                </c:pt>
                <c:pt idx="407">
                  <c:v>39317</c:v>
                </c:pt>
                <c:pt idx="408">
                  <c:v>39318</c:v>
                </c:pt>
                <c:pt idx="409">
                  <c:v>39321</c:v>
                </c:pt>
                <c:pt idx="410">
                  <c:v>39322</c:v>
                </c:pt>
                <c:pt idx="411">
                  <c:v>39323</c:v>
                </c:pt>
                <c:pt idx="412">
                  <c:v>39324</c:v>
                </c:pt>
                <c:pt idx="413">
                  <c:v>39325</c:v>
                </c:pt>
                <c:pt idx="414">
                  <c:v>39328</c:v>
                </c:pt>
                <c:pt idx="415">
                  <c:v>39329</c:v>
                </c:pt>
                <c:pt idx="416">
                  <c:v>39330</c:v>
                </c:pt>
                <c:pt idx="417">
                  <c:v>39331</c:v>
                </c:pt>
                <c:pt idx="418">
                  <c:v>39335</c:v>
                </c:pt>
                <c:pt idx="419">
                  <c:v>39336</c:v>
                </c:pt>
                <c:pt idx="420">
                  <c:v>39337</c:v>
                </c:pt>
                <c:pt idx="421">
                  <c:v>39338</c:v>
                </c:pt>
                <c:pt idx="422">
                  <c:v>39339</c:v>
                </c:pt>
                <c:pt idx="423">
                  <c:v>39342</c:v>
                </c:pt>
                <c:pt idx="424">
                  <c:v>39343</c:v>
                </c:pt>
                <c:pt idx="425">
                  <c:v>39344</c:v>
                </c:pt>
                <c:pt idx="426">
                  <c:v>39345</c:v>
                </c:pt>
                <c:pt idx="427">
                  <c:v>39346</c:v>
                </c:pt>
                <c:pt idx="428">
                  <c:v>39349</c:v>
                </c:pt>
                <c:pt idx="429">
                  <c:v>39350</c:v>
                </c:pt>
                <c:pt idx="430">
                  <c:v>39351</c:v>
                </c:pt>
                <c:pt idx="431">
                  <c:v>39352</c:v>
                </c:pt>
                <c:pt idx="432">
                  <c:v>39353</c:v>
                </c:pt>
                <c:pt idx="433">
                  <c:v>39356</c:v>
                </c:pt>
                <c:pt idx="434">
                  <c:v>39357</c:v>
                </c:pt>
                <c:pt idx="435">
                  <c:v>39358</c:v>
                </c:pt>
                <c:pt idx="436">
                  <c:v>39359</c:v>
                </c:pt>
                <c:pt idx="437">
                  <c:v>39360</c:v>
                </c:pt>
                <c:pt idx="438">
                  <c:v>39363</c:v>
                </c:pt>
                <c:pt idx="439">
                  <c:v>39364</c:v>
                </c:pt>
                <c:pt idx="440">
                  <c:v>39365</c:v>
                </c:pt>
                <c:pt idx="441">
                  <c:v>39366</c:v>
                </c:pt>
                <c:pt idx="442">
                  <c:v>39370</c:v>
                </c:pt>
                <c:pt idx="443">
                  <c:v>39371</c:v>
                </c:pt>
                <c:pt idx="444">
                  <c:v>39372</c:v>
                </c:pt>
                <c:pt idx="445">
                  <c:v>39373</c:v>
                </c:pt>
                <c:pt idx="446">
                  <c:v>39374</c:v>
                </c:pt>
                <c:pt idx="447">
                  <c:v>39377</c:v>
                </c:pt>
                <c:pt idx="448">
                  <c:v>39378</c:v>
                </c:pt>
                <c:pt idx="449">
                  <c:v>39379</c:v>
                </c:pt>
                <c:pt idx="450">
                  <c:v>39380</c:v>
                </c:pt>
                <c:pt idx="451">
                  <c:v>39381</c:v>
                </c:pt>
                <c:pt idx="452">
                  <c:v>39384</c:v>
                </c:pt>
                <c:pt idx="453">
                  <c:v>39385</c:v>
                </c:pt>
                <c:pt idx="454">
                  <c:v>39386</c:v>
                </c:pt>
                <c:pt idx="455">
                  <c:v>39387</c:v>
                </c:pt>
                <c:pt idx="456">
                  <c:v>39391</c:v>
                </c:pt>
                <c:pt idx="457">
                  <c:v>39392</c:v>
                </c:pt>
                <c:pt idx="458">
                  <c:v>39393</c:v>
                </c:pt>
                <c:pt idx="459">
                  <c:v>39394</c:v>
                </c:pt>
                <c:pt idx="460">
                  <c:v>39395</c:v>
                </c:pt>
                <c:pt idx="461">
                  <c:v>39398</c:v>
                </c:pt>
                <c:pt idx="462">
                  <c:v>39399</c:v>
                </c:pt>
                <c:pt idx="463">
                  <c:v>39400</c:v>
                </c:pt>
                <c:pt idx="464">
                  <c:v>39402</c:v>
                </c:pt>
                <c:pt idx="465">
                  <c:v>39405</c:v>
                </c:pt>
                <c:pt idx="466">
                  <c:v>39407</c:v>
                </c:pt>
                <c:pt idx="467">
                  <c:v>39408</c:v>
                </c:pt>
                <c:pt idx="468">
                  <c:v>39409</c:v>
                </c:pt>
                <c:pt idx="469">
                  <c:v>39412</c:v>
                </c:pt>
                <c:pt idx="470">
                  <c:v>39413</c:v>
                </c:pt>
                <c:pt idx="471">
                  <c:v>39414</c:v>
                </c:pt>
                <c:pt idx="472">
                  <c:v>39415</c:v>
                </c:pt>
                <c:pt idx="473">
                  <c:v>39416</c:v>
                </c:pt>
                <c:pt idx="474">
                  <c:v>39419</c:v>
                </c:pt>
                <c:pt idx="475">
                  <c:v>39420</c:v>
                </c:pt>
                <c:pt idx="476">
                  <c:v>39421</c:v>
                </c:pt>
                <c:pt idx="477">
                  <c:v>39422</c:v>
                </c:pt>
                <c:pt idx="478">
                  <c:v>39423</c:v>
                </c:pt>
                <c:pt idx="479">
                  <c:v>39426</c:v>
                </c:pt>
                <c:pt idx="480">
                  <c:v>39427</c:v>
                </c:pt>
                <c:pt idx="481">
                  <c:v>39428</c:v>
                </c:pt>
                <c:pt idx="482">
                  <c:v>39429</c:v>
                </c:pt>
                <c:pt idx="483">
                  <c:v>39430</c:v>
                </c:pt>
                <c:pt idx="484">
                  <c:v>39433</c:v>
                </c:pt>
                <c:pt idx="485">
                  <c:v>39434</c:v>
                </c:pt>
                <c:pt idx="486">
                  <c:v>39435</c:v>
                </c:pt>
                <c:pt idx="487">
                  <c:v>39436</c:v>
                </c:pt>
                <c:pt idx="488">
                  <c:v>39437</c:v>
                </c:pt>
                <c:pt idx="489">
                  <c:v>39442</c:v>
                </c:pt>
                <c:pt idx="490">
                  <c:v>39443</c:v>
                </c:pt>
                <c:pt idx="491">
                  <c:v>39444</c:v>
                </c:pt>
                <c:pt idx="492">
                  <c:v>39449</c:v>
                </c:pt>
                <c:pt idx="493">
                  <c:v>39450</c:v>
                </c:pt>
                <c:pt idx="494">
                  <c:v>39451</c:v>
                </c:pt>
                <c:pt idx="495">
                  <c:v>39454</c:v>
                </c:pt>
                <c:pt idx="496">
                  <c:v>39455</c:v>
                </c:pt>
                <c:pt idx="497">
                  <c:v>39456</c:v>
                </c:pt>
                <c:pt idx="498">
                  <c:v>39457</c:v>
                </c:pt>
                <c:pt idx="499">
                  <c:v>39458</c:v>
                </c:pt>
                <c:pt idx="500">
                  <c:v>39461</c:v>
                </c:pt>
                <c:pt idx="501">
                  <c:v>39462</c:v>
                </c:pt>
                <c:pt idx="502">
                  <c:v>39463</c:v>
                </c:pt>
                <c:pt idx="503">
                  <c:v>39464</c:v>
                </c:pt>
                <c:pt idx="504">
                  <c:v>39465</c:v>
                </c:pt>
                <c:pt idx="505">
                  <c:v>39468</c:v>
                </c:pt>
                <c:pt idx="506">
                  <c:v>39469</c:v>
                </c:pt>
                <c:pt idx="507">
                  <c:v>39470</c:v>
                </c:pt>
                <c:pt idx="508">
                  <c:v>39471</c:v>
                </c:pt>
                <c:pt idx="509">
                  <c:v>39475</c:v>
                </c:pt>
                <c:pt idx="510">
                  <c:v>39476</c:v>
                </c:pt>
                <c:pt idx="511">
                  <c:v>39477</c:v>
                </c:pt>
                <c:pt idx="512">
                  <c:v>39478</c:v>
                </c:pt>
                <c:pt idx="513">
                  <c:v>39479</c:v>
                </c:pt>
                <c:pt idx="514">
                  <c:v>39484</c:v>
                </c:pt>
                <c:pt idx="515">
                  <c:v>39485</c:v>
                </c:pt>
                <c:pt idx="516">
                  <c:v>39486</c:v>
                </c:pt>
                <c:pt idx="517">
                  <c:v>39489</c:v>
                </c:pt>
                <c:pt idx="518">
                  <c:v>39490</c:v>
                </c:pt>
                <c:pt idx="519">
                  <c:v>39491</c:v>
                </c:pt>
                <c:pt idx="520">
                  <c:v>39492</c:v>
                </c:pt>
                <c:pt idx="521">
                  <c:v>39493</c:v>
                </c:pt>
                <c:pt idx="522">
                  <c:v>39496</c:v>
                </c:pt>
                <c:pt idx="523">
                  <c:v>39497</c:v>
                </c:pt>
                <c:pt idx="524">
                  <c:v>39498</c:v>
                </c:pt>
                <c:pt idx="525">
                  <c:v>39499</c:v>
                </c:pt>
                <c:pt idx="526">
                  <c:v>39500</c:v>
                </c:pt>
                <c:pt idx="527">
                  <c:v>39503</c:v>
                </c:pt>
                <c:pt idx="528">
                  <c:v>39504</c:v>
                </c:pt>
                <c:pt idx="529">
                  <c:v>39505</c:v>
                </c:pt>
                <c:pt idx="530">
                  <c:v>39506</c:v>
                </c:pt>
                <c:pt idx="531">
                  <c:v>39507</c:v>
                </c:pt>
                <c:pt idx="532">
                  <c:v>39510</c:v>
                </c:pt>
                <c:pt idx="533">
                  <c:v>39511</c:v>
                </c:pt>
                <c:pt idx="534">
                  <c:v>39512</c:v>
                </c:pt>
                <c:pt idx="535">
                  <c:v>39513</c:v>
                </c:pt>
                <c:pt idx="536">
                  <c:v>39514</c:v>
                </c:pt>
                <c:pt idx="537">
                  <c:v>39517</c:v>
                </c:pt>
                <c:pt idx="538">
                  <c:v>39518</c:v>
                </c:pt>
                <c:pt idx="539">
                  <c:v>39519</c:v>
                </c:pt>
                <c:pt idx="540">
                  <c:v>39520</c:v>
                </c:pt>
                <c:pt idx="541">
                  <c:v>39521</c:v>
                </c:pt>
                <c:pt idx="542">
                  <c:v>39524</c:v>
                </c:pt>
                <c:pt idx="543">
                  <c:v>39525</c:v>
                </c:pt>
                <c:pt idx="544">
                  <c:v>39526</c:v>
                </c:pt>
                <c:pt idx="545">
                  <c:v>39527</c:v>
                </c:pt>
                <c:pt idx="546">
                  <c:v>39531</c:v>
                </c:pt>
                <c:pt idx="547">
                  <c:v>39532</c:v>
                </c:pt>
                <c:pt idx="548">
                  <c:v>39533</c:v>
                </c:pt>
                <c:pt idx="549">
                  <c:v>39534</c:v>
                </c:pt>
                <c:pt idx="550">
                  <c:v>39535</c:v>
                </c:pt>
                <c:pt idx="551">
                  <c:v>39538</c:v>
                </c:pt>
                <c:pt idx="552">
                  <c:v>39539</c:v>
                </c:pt>
                <c:pt idx="553">
                  <c:v>39540</c:v>
                </c:pt>
                <c:pt idx="554">
                  <c:v>39541</c:v>
                </c:pt>
                <c:pt idx="555">
                  <c:v>39542</c:v>
                </c:pt>
                <c:pt idx="556">
                  <c:v>39545</c:v>
                </c:pt>
                <c:pt idx="557">
                  <c:v>39546</c:v>
                </c:pt>
                <c:pt idx="558">
                  <c:v>39547</c:v>
                </c:pt>
                <c:pt idx="559">
                  <c:v>39548</c:v>
                </c:pt>
                <c:pt idx="560">
                  <c:v>39549</c:v>
                </c:pt>
                <c:pt idx="561">
                  <c:v>39552</c:v>
                </c:pt>
                <c:pt idx="562">
                  <c:v>39553</c:v>
                </c:pt>
                <c:pt idx="563">
                  <c:v>39554</c:v>
                </c:pt>
                <c:pt idx="564">
                  <c:v>39555</c:v>
                </c:pt>
                <c:pt idx="565">
                  <c:v>39556</c:v>
                </c:pt>
                <c:pt idx="566">
                  <c:v>39560</c:v>
                </c:pt>
                <c:pt idx="567">
                  <c:v>39561</c:v>
                </c:pt>
                <c:pt idx="568">
                  <c:v>39562</c:v>
                </c:pt>
                <c:pt idx="569">
                  <c:v>39563</c:v>
                </c:pt>
                <c:pt idx="570">
                  <c:v>39566</c:v>
                </c:pt>
                <c:pt idx="571">
                  <c:v>39567</c:v>
                </c:pt>
                <c:pt idx="572">
                  <c:v>39568</c:v>
                </c:pt>
                <c:pt idx="573">
                  <c:v>39570</c:v>
                </c:pt>
                <c:pt idx="574">
                  <c:v>39573</c:v>
                </c:pt>
                <c:pt idx="575">
                  <c:v>39574</c:v>
                </c:pt>
                <c:pt idx="576">
                  <c:v>39575</c:v>
                </c:pt>
                <c:pt idx="577">
                  <c:v>39576</c:v>
                </c:pt>
                <c:pt idx="578">
                  <c:v>39577</c:v>
                </c:pt>
                <c:pt idx="579">
                  <c:v>39580</c:v>
                </c:pt>
                <c:pt idx="580">
                  <c:v>39581</c:v>
                </c:pt>
                <c:pt idx="581">
                  <c:v>39582</c:v>
                </c:pt>
                <c:pt idx="582">
                  <c:v>39583</c:v>
                </c:pt>
                <c:pt idx="583">
                  <c:v>39584</c:v>
                </c:pt>
                <c:pt idx="584">
                  <c:v>39587</c:v>
                </c:pt>
                <c:pt idx="585">
                  <c:v>39588</c:v>
                </c:pt>
                <c:pt idx="586">
                  <c:v>39589</c:v>
                </c:pt>
                <c:pt idx="587">
                  <c:v>39591</c:v>
                </c:pt>
                <c:pt idx="588">
                  <c:v>39594</c:v>
                </c:pt>
                <c:pt idx="589">
                  <c:v>39595</c:v>
                </c:pt>
                <c:pt idx="590">
                  <c:v>39596</c:v>
                </c:pt>
                <c:pt idx="591">
                  <c:v>39597</c:v>
                </c:pt>
                <c:pt idx="592">
                  <c:v>39598</c:v>
                </c:pt>
                <c:pt idx="593">
                  <c:v>39601</c:v>
                </c:pt>
                <c:pt idx="594">
                  <c:v>39602</c:v>
                </c:pt>
                <c:pt idx="595">
                  <c:v>39603</c:v>
                </c:pt>
                <c:pt idx="596">
                  <c:v>39604</c:v>
                </c:pt>
                <c:pt idx="597">
                  <c:v>39605</c:v>
                </c:pt>
                <c:pt idx="598">
                  <c:v>39608</c:v>
                </c:pt>
                <c:pt idx="599">
                  <c:v>39609</c:v>
                </c:pt>
                <c:pt idx="600">
                  <c:v>39610</c:v>
                </c:pt>
                <c:pt idx="601">
                  <c:v>39611</c:v>
                </c:pt>
                <c:pt idx="602">
                  <c:v>39612</c:v>
                </c:pt>
                <c:pt idx="603">
                  <c:v>39615</c:v>
                </c:pt>
                <c:pt idx="604">
                  <c:v>39616</c:v>
                </c:pt>
                <c:pt idx="605">
                  <c:v>39617</c:v>
                </c:pt>
                <c:pt idx="606">
                  <c:v>39618</c:v>
                </c:pt>
                <c:pt idx="607">
                  <c:v>39619</c:v>
                </c:pt>
                <c:pt idx="608">
                  <c:v>39622</c:v>
                </c:pt>
                <c:pt idx="609">
                  <c:v>39623</c:v>
                </c:pt>
                <c:pt idx="610">
                  <c:v>39624</c:v>
                </c:pt>
                <c:pt idx="611">
                  <c:v>39625</c:v>
                </c:pt>
                <c:pt idx="612">
                  <c:v>39626</c:v>
                </c:pt>
                <c:pt idx="613">
                  <c:v>39629</c:v>
                </c:pt>
                <c:pt idx="614">
                  <c:v>39630</c:v>
                </c:pt>
                <c:pt idx="615">
                  <c:v>39631</c:v>
                </c:pt>
                <c:pt idx="616">
                  <c:v>39632</c:v>
                </c:pt>
                <c:pt idx="617">
                  <c:v>39633</c:v>
                </c:pt>
                <c:pt idx="618">
                  <c:v>39636</c:v>
                </c:pt>
                <c:pt idx="619">
                  <c:v>39637</c:v>
                </c:pt>
                <c:pt idx="620">
                  <c:v>39639</c:v>
                </c:pt>
                <c:pt idx="621">
                  <c:v>39640</c:v>
                </c:pt>
                <c:pt idx="622">
                  <c:v>39643</c:v>
                </c:pt>
                <c:pt idx="623">
                  <c:v>39644</c:v>
                </c:pt>
                <c:pt idx="624">
                  <c:v>39645</c:v>
                </c:pt>
                <c:pt idx="625">
                  <c:v>39646</c:v>
                </c:pt>
                <c:pt idx="626">
                  <c:v>39647</c:v>
                </c:pt>
                <c:pt idx="627">
                  <c:v>39650</c:v>
                </c:pt>
                <c:pt idx="628">
                  <c:v>39651</c:v>
                </c:pt>
                <c:pt idx="629">
                  <c:v>39652</c:v>
                </c:pt>
                <c:pt idx="630">
                  <c:v>39653</c:v>
                </c:pt>
                <c:pt idx="631">
                  <c:v>39654</c:v>
                </c:pt>
                <c:pt idx="632">
                  <c:v>39657</c:v>
                </c:pt>
                <c:pt idx="633">
                  <c:v>39658</c:v>
                </c:pt>
                <c:pt idx="634">
                  <c:v>39659</c:v>
                </c:pt>
                <c:pt idx="635">
                  <c:v>39660</c:v>
                </c:pt>
                <c:pt idx="636">
                  <c:v>39661</c:v>
                </c:pt>
                <c:pt idx="637">
                  <c:v>39664</c:v>
                </c:pt>
                <c:pt idx="638">
                  <c:v>39665</c:v>
                </c:pt>
                <c:pt idx="639">
                  <c:v>39666</c:v>
                </c:pt>
                <c:pt idx="640">
                  <c:v>39667</c:v>
                </c:pt>
                <c:pt idx="641">
                  <c:v>39668</c:v>
                </c:pt>
                <c:pt idx="642">
                  <c:v>39671</c:v>
                </c:pt>
                <c:pt idx="643">
                  <c:v>39672</c:v>
                </c:pt>
                <c:pt idx="644">
                  <c:v>39673</c:v>
                </c:pt>
                <c:pt idx="645">
                  <c:v>39674</c:v>
                </c:pt>
                <c:pt idx="646">
                  <c:v>39675</c:v>
                </c:pt>
                <c:pt idx="647">
                  <c:v>39678</c:v>
                </c:pt>
                <c:pt idx="648">
                  <c:v>39679</c:v>
                </c:pt>
                <c:pt idx="649">
                  <c:v>39680</c:v>
                </c:pt>
                <c:pt idx="650">
                  <c:v>39681</c:v>
                </c:pt>
                <c:pt idx="651">
                  <c:v>39682</c:v>
                </c:pt>
                <c:pt idx="652">
                  <c:v>39685</c:v>
                </c:pt>
                <c:pt idx="653">
                  <c:v>39686</c:v>
                </c:pt>
                <c:pt idx="654">
                  <c:v>39687</c:v>
                </c:pt>
                <c:pt idx="655">
                  <c:v>39688</c:v>
                </c:pt>
                <c:pt idx="656">
                  <c:v>39689</c:v>
                </c:pt>
                <c:pt idx="657">
                  <c:v>39692</c:v>
                </c:pt>
                <c:pt idx="658">
                  <c:v>39693</c:v>
                </c:pt>
                <c:pt idx="659">
                  <c:v>39694</c:v>
                </c:pt>
                <c:pt idx="660">
                  <c:v>39695</c:v>
                </c:pt>
                <c:pt idx="661">
                  <c:v>39696</c:v>
                </c:pt>
                <c:pt idx="662">
                  <c:v>39699</c:v>
                </c:pt>
                <c:pt idx="663">
                  <c:v>39700</c:v>
                </c:pt>
                <c:pt idx="664">
                  <c:v>39701</c:v>
                </c:pt>
                <c:pt idx="665">
                  <c:v>39702</c:v>
                </c:pt>
                <c:pt idx="666">
                  <c:v>39703</c:v>
                </c:pt>
                <c:pt idx="667">
                  <c:v>39706</c:v>
                </c:pt>
                <c:pt idx="668">
                  <c:v>39707</c:v>
                </c:pt>
                <c:pt idx="669">
                  <c:v>39708</c:v>
                </c:pt>
                <c:pt idx="670">
                  <c:v>39709</c:v>
                </c:pt>
                <c:pt idx="671">
                  <c:v>39710</c:v>
                </c:pt>
                <c:pt idx="672">
                  <c:v>39713</c:v>
                </c:pt>
                <c:pt idx="673">
                  <c:v>39714</c:v>
                </c:pt>
                <c:pt idx="674">
                  <c:v>39715</c:v>
                </c:pt>
                <c:pt idx="675">
                  <c:v>39716</c:v>
                </c:pt>
                <c:pt idx="676">
                  <c:v>39717</c:v>
                </c:pt>
                <c:pt idx="677">
                  <c:v>39720</c:v>
                </c:pt>
                <c:pt idx="678">
                  <c:v>39721</c:v>
                </c:pt>
                <c:pt idx="679">
                  <c:v>39722</c:v>
                </c:pt>
                <c:pt idx="680">
                  <c:v>39723</c:v>
                </c:pt>
                <c:pt idx="681">
                  <c:v>39724</c:v>
                </c:pt>
                <c:pt idx="682">
                  <c:v>39727</c:v>
                </c:pt>
                <c:pt idx="683">
                  <c:v>39728</c:v>
                </c:pt>
                <c:pt idx="684">
                  <c:v>39729</c:v>
                </c:pt>
                <c:pt idx="685">
                  <c:v>39730</c:v>
                </c:pt>
                <c:pt idx="686">
                  <c:v>39731</c:v>
                </c:pt>
                <c:pt idx="687">
                  <c:v>39734</c:v>
                </c:pt>
                <c:pt idx="688">
                  <c:v>39735</c:v>
                </c:pt>
                <c:pt idx="689">
                  <c:v>39736</c:v>
                </c:pt>
                <c:pt idx="690">
                  <c:v>39737</c:v>
                </c:pt>
                <c:pt idx="691">
                  <c:v>39738</c:v>
                </c:pt>
                <c:pt idx="692">
                  <c:v>39741</c:v>
                </c:pt>
                <c:pt idx="693">
                  <c:v>39742</c:v>
                </c:pt>
                <c:pt idx="694">
                  <c:v>39743</c:v>
                </c:pt>
                <c:pt idx="695">
                  <c:v>39744</c:v>
                </c:pt>
                <c:pt idx="696">
                  <c:v>39745</c:v>
                </c:pt>
                <c:pt idx="697">
                  <c:v>39748</c:v>
                </c:pt>
                <c:pt idx="698">
                  <c:v>39749</c:v>
                </c:pt>
                <c:pt idx="699">
                  <c:v>39750</c:v>
                </c:pt>
                <c:pt idx="700">
                  <c:v>39751</c:v>
                </c:pt>
                <c:pt idx="701">
                  <c:v>39752</c:v>
                </c:pt>
                <c:pt idx="702">
                  <c:v>39755</c:v>
                </c:pt>
                <c:pt idx="703">
                  <c:v>39756</c:v>
                </c:pt>
                <c:pt idx="704">
                  <c:v>39757</c:v>
                </c:pt>
                <c:pt idx="705">
                  <c:v>39758</c:v>
                </c:pt>
                <c:pt idx="706">
                  <c:v>39759</c:v>
                </c:pt>
                <c:pt idx="707">
                  <c:v>39762</c:v>
                </c:pt>
                <c:pt idx="708">
                  <c:v>39763</c:v>
                </c:pt>
                <c:pt idx="709">
                  <c:v>39764</c:v>
                </c:pt>
                <c:pt idx="710">
                  <c:v>39765</c:v>
                </c:pt>
                <c:pt idx="711">
                  <c:v>39766</c:v>
                </c:pt>
                <c:pt idx="712">
                  <c:v>39769</c:v>
                </c:pt>
                <c:pt idx="713">
                  <c:v>39770</c:v>
                </c:pt>
                <c:pt idx="714">
                  <c:v>39771</c:v>
                </c:pt>
                <c:pt idx="715">
                  <c:v>39773</c:v>
                </c:pt>
                <c:pt idx="716">
                  <c:v>39776</c:v>
                </c:pt>
                <c:pt idx="717">
                  <c:v>39777</c:v>
                </c:pt>
                <c:pt idx="718">
                  <c:v>39778</c:v>
                </c:pt>
                <c:pt idx="719">
                  <c:v>39779</c:v>
                </c:pt>
                <c:pt idx="720">
                  <c:v>39780</c:v>
                </c:pt>
                <c:pt idx="721">
                  <c:v>39783</c:v>
                </c:pt>
                <c:pt idx="722">
                  <c:v>39784</c:v>
                </c:pt>
                <c:pt idx="723">
                  <c:v>39785</c:v>
                </c:pt>
                <c:pt idx="724">
                  <c:v>39786</c:v>
                </c:pt>
                <c:pt idx="725">
                  <c:v>39787</c:v>
                </c:pt>
                <c:pt idx="726">
                  <c:v>39790</c:v>
                </c:pt>
                <c:pt idx="727">
                  <c:v>39791</c:v>
                </c:pt>
                <c:pt idx="728">
                  <c:v>39792</c:v>
                </c:pt>
                <c:pt idx="729">
                  <c:v>39793</c:v>
                </c:pt>
                <c:pt idx="730">
                  <c:v>39794</c:v>
                </c:pt>
                <c:pt idx="731">
                  <c:v>39797</c:v>
                </c:pt>
                <c:pt idx="732">
                  <c:v>39798</c:v>
                </c:pt>
                <c:pt idx="733">
                  <c:v>39799</c:v>
                </c:pt>
                <c:pt idx="734">
                  <c:v>39800</c:v>
                </c:pt>
                <c:pt idx="735">
                  <c:v>39801</c:v>
                </c:pt>
                <c:pt idx="736">
                  <c:v>39804</c:v>
                </c:pt>
                <c:pt idx="737">
                  <c:v>39805</c:v>
                </c:pt>
                <c:pt idx="738">
                  <c:v>39808</c:v>
                </c:pt>
                <c:pt idx="739">
                  <c:v>39811</c:v>
                </c:pt>
                <c:pt idx="740">
                  <c:v>39812</c:v>
                </c:pt>
                <c:pt idx="741">
                  <c:v>39815</c:v>
                </c:pt>
                <c:pt idx="742">
                  <c:v>39818</c:v>
                </c:pt>
                <c:pt idx="743">
                  <c:v>39819</c:v>
                </c:pt>
                <c:pt idx="744">
                  <c:v>39820</c:v>
                </c:pt>
                <c:pt idx="745">
                  <c:v>39821</c:v>
                </c:pt>
                <c:pt idx="746">
                  <c:v>39822</c:v>
                </c:pt>
                <c:pt idx="747">
                  <c:v>39825</c:v>
                </c:pt>
                <c:pt idx="748">
                  <c:v>39826</c:v>
                </c:pt>
                <c:pt idx="749">
                  <c:v>39827</c:v>
                </c:pt>
                <c:pt idx="750">
                  <c:v>39828</c:v>
                </c:pt>
                <c:pt idx="751">
                  <c:v>39829</c:v>
                </c:pt>
                <c:pt idx="752">
                  <c:v>39832</c:v>
                </c:pt>
                <c:pt idx="753">
                  <c:v>39833</c:v>
                </c:pt>
                <c:pt idx="754">
                  <c:v>39834</c:v>
                </c:pt>
                <c:pt idx="755">
                  <c:v>39835</c:v>
                </c:pt>
                <c:pt idx="756">
                  <c:v>39836</c:v>
                </c:pt>
                <c:pt idx="757">
                  <c:v>39839</c:v>
                </c:pt>
                <c:pt idx="758">
                  <c:v>39840</c:v>
                </c:pt>
                <c:pt idx="759">
                  <c:v>39841</c:v>
                </c:pt>
                <c:pt idx="760">
                  <c:v>39842</c:v>
                </c:pt>
                <c:pt idx="761">
                  <c:v>39843</c:v>
                </c:pt>
                <c:pt idx="762">
                  <c:v>39846</c:v>
                </c:pt>
                <c:pt idx="763">
                  <c:v>39847</c:v>
                </c:pt>
                <c:pt idx="764">
                  <c:v>39848</c:v>
                </c:pt>
                <c:pt idx="765">
                  <c:v>39849</c:v>
                </c:pt>
                <c:pt idx="766">
                  <c:v>39850</c:v>
                </c:pt>
                <c:pt idx="767">
                  <c:v>39853</c:v>
                </c:pt>
                <c:pt idx="768">
                  <c:v>39854</c:v>
                </c:pt>
                <c:pt idx="769">
                  <c:v>39855</c:v>
                </c:pt>
                <c:pt idx="770">
                  <c:v>39856</c:v>
                </c:pt>
                <c:pt idx="771">
                  <c:v>39857</c:v>
                </c:pt>
                <c:pt idx="772">
                  <c:v>39860</c:v>
                </c:pt>
                <c:pt idx="773">
                  <c:v>39861</c:v>
                </c:pt>
                <c:pt idx="774">
                  <c:v>39862</c:v>
                </c:pt>
                <c:pt idx="775">
                  <c:v>39863</c:v>
                </c:pt>
                <c:pt idx="776">
                  <c:v>39864</c:v>
                </c:pt>
                <c:pt idx="777">
                  <c:v>39869</c:v>
                </c:pt>
                <c:pt idx="778">
                  <c:v>39870</c:v>
                </c:pt>
                <c:pt idx="779">
                  <c:v>39871</c:v>
                </c:pt>
                <c:pt idx="780">
                  <c:v>39874</c:v>
                </c:pt>
                <c:pt idx="781">
                  <c:v>39875</c:v>
                </c:pt>
                <c:pt idx="782">
                  <c:v>39876</c:v>
                </c:pt>
                <c:pt idx="783">
                  <c:v>39877</c:v>
                </c:pt>
                <c:pt idx="784">
                  <c:v>39878</c:v>
                </c:pt>
                <c:pt idx="785">
                  <c:v>39881</c:v>
                </c:pt>
                <c:pt idx="786">
                  <c:v>39882</c:v>
                </c:pt>
                <c:pt idx="787">
                  <c:v>39883</c:v>
                </c:pt>
                <c:pt idx="788">
                  <c:v>39884</c:v>
                </c:pt>
                <c:pt idx="789">
                  <c:v>39885</c:v>
                </c:pt>
                <c:pt idx="790">
                  <c:v>39888</c:v>
                </c:pt>
                <c:pt idx="791">
                  <c:v>39889</c:v>
                </c:pt>
                <c:pt idx="792">
                  <c:v>39890</c:v>
                </c:pt>
                <c:pt idx="793">
                  <c:v>39891</c:v>
                </c:pt>
                <c:pt idx="794">
                  <c:v>39892</c:v>
                </c:pt>
                <c:pt idx="795">
                  <c:v>39895</c:v>
                </c:pt>
                <c:pt idx="796">
                  <c:v>39896</c:v>
                </c:pt>
                <c:pt idx="797">
                  <c:v>39897</c:v>
                </c:pt>
                <c:pt idx="798">
                  <c:v>39898</c:v>
                </c:pt>
                <c:pt idx="799">
                  <c:v>39899</c:v>
                </c:pt>
                <c:pt idx="800">
                  <c:v>39902</c:v>
                </c:pt>
                <c:pt idx="801">
                  <c:v>39903</c:v>
                </c:pt>
                <c:pt idx="802">
                  <c:v>39904</c:v>
                </c:pt>
                <c:pt idx="803">
                  <c:v>39905</c:v>
                </c:pt>
                <c:pt idx="804">
                  <c:v>39906</c:v>
                </c:pt>
                <c:pt idx="805">
                  <c:v>39909</c:v>
                </c:pt>
                <c:pt idx="806">
                  <c:v>39910</c:v>
                </c:pt>
                <c:pt idx="807">
                  <c:v>39911</c:v>
                </c:pt>
                <c:pt idx="808">
                  <c:v>39912</c:v>
                </c:pt>
                <c:pt idx="809">
                  <c:v>39916</c:v>
                </c:pt>
                <c:pt idx="810">
                  <c:v>39917</c:v>
                </c:pt>
                <c:pt idx="811">
                  <c:v>39918</c:v>
                </c:pt>
                <c:pt idx="812">
                  <c:v>39919</c:v>
                </c:pt>
                <c:pt idx="813">
                  <c:v>39920</c:v>
                </c:pt>
                <c:pt idx="814">
                  <c:v>39923</c:v>
                </c:pt>
                <c:pt idx="815">
                  <c:v>39925</c:v>
                </c:pt>
                <c:pt idx="816">
                  <c:v>39926</c:v>
                </c:pt>
                <c:pt idx="817">
                  <c:v>39927</c:v>
                </c:pt>
                <c:pt idx="818">
                  <c:v>39930</c:v>
                </c:pt>
                <c:pt idx="819">
                  <c:v>39931</c:v>
                </c:pt>
                <c:pt idx="820">
                  <c:v>39932</c:v>
                </c:pt>
                <c:pt idx="821">
                  <c:v>39933</c:v>
                </c:pt>
                <c:pt idx="822">
                  <c:v>39937</c:v>
                </c:pt>
                <c:pt idx="823">
                  <c:v>39938</c:v>
                </c:pt>
                <c:pt idx="824">
                  <c:v>39939</c:v>
                </c:pt>
                <c:pt idx="825">
                  <c:v>39940</c:v>
                </c:pt>
                <c:pt idx="826">
                  <c:v>39941</c:v>
                </c:pt>
                <c:pt idx="827">
                  <c:v>39944</c:v>
                </c:pt>
                <c:pt idx="828">
                  <c:v>39945</c:v>
                </c:pt>
                <c:pt idx="829">
                  <c:v>39946</c:v>
                </c:pt>
                <c:pt idx="830">
                  <c:v>39947</c:v>
                </c:pt>
                <c:pt idx="831">
                  <c:v>39948</c:v>
                </c:pt>
                <c:pt idx="832">
                  <c:v>39951</c:v>
                </c:pt>
                <c:pt idx="833">
                  <c:v>39952</c:v>
                </c:pt>
                <c:pt idx="834">
                  <c:v>39953</c:v>
                </c:pt>
                <c:pt idx="835">
                  <c:v>39954</c:v>
                </c:pt>
                <c:pt idx="836">
                  <c:v>39955</c:v>
                </c:pt>
                <c:pt idx="837">
                  <c:v>39958</c:v>
                </c:pt>
                <c:pt idx="838">
                  <c:v>39959</c:v>
                </c:pt>
                <c:pt idx="839">
                  <c:v>39960</c:v>
                </c:pt>
                <c:pt idx="840">
                  <c:v>39961</c:v>
                </c:pt>
                <c:pt idx="841">
                  <c:v>39962</c:v>
                </c:pt>
                <c:pt idx="842">
                  <c:v>39965</c:v>
                </c:pt>
                <c:pt idx="843">
                  <c:v>39966</c:v>
                </c:pt>
                <c:pt idx="844">
                  <c:v>39967</c:v>
                </c:pt>
                <c:pt idx="845">
                  <c:v>39968</c:v>
                </c:pt>
                <c:pt idx="846">
                  <c:v>39969</c:v>
                </c:pt>
                <c:pt idx="847">
                  <c:v>39972</c:v>
                </c:pt>
                <c:pt idx="848">
                  <c:v>39973</c:v>
                </c:pt>
                <c:pt idx="849">
                  <c:v>39974</c:v>
                </c:pt>
                <c:pt idx="850">
                  <c:v>39976</c:v>
                </c:pt>
                <c:pt idx="851">
                  <c:v>39979</c:v>
                </c:pt>
                <c:pt idx="852">
                  <c:v>39980</c:v>
                </c:pt>
                <c:pt idx="853">
                  <c:v>39981</c:v>
                </c:pt>
                <c:pt idx="854">
                  <c:v>39982</c:v>
                </c:pt>
                <c:pt idx="855">
                  <c:v>39983</c:v>
                </c:pt>
                <c:pt idx="856">
                  <c:v>39986</c:v>
                </c:pt>
                <c:pt idx="857">
                  <c:v>39987</c:v>
                </c:pt>
                <c:pt idx="858">
                  <c:v>39988</c:v>
                </c:pt>
                <c:pt idx="859">
                  <c:v>39989</c:v>
                </c:pt>
                <c:pt idx="860">
                  <c:v>39990</c:v>
                </c:pt>
                <c:pt idx="861">
                  <c:v>39993</c:v>
                </c:pt>
                <c:pt idx="862">
                  <c:v>39994</c:v>
                </c:pt>
                <c:pt idx="863">
                  <c:v>39995</c:v>
                </c:pt>
                <c:pt idx="864">
                  <c:v>39996</c:v>
                </c:pt>
                <c:pt idx="865">
                  <c:v>39997</c:v>
                </c:pt>
                <c:pt idx="866">
                  <c:v>40000</c:v>
                </c:pt>
                <c:pt idx="867">
                  <c:v>40001</c:v>
                </c:pt>
                <c:pt idx="868">
                  <c:v>40002</c:v>
                </c:pt>
                <c:pt idx="869">
                  <c:v>40004</c:v>
                </c:pt>
                <c:pt idx="870">
                  <c:v>40007</c:v>
                </c:pt>
                <c:pt idx="871">
                  <c:v>40008</c:v>
                </c:pt>
                <c:pt idx="872">
                  <c:v>40009</c:v>
                </c:pt>
                <c:pt idx="873">
                  <c:v>40010</c:v>
                </c:pt>
                <c:pt idx="874">
                  <c:v>40011</c:v>
                </c:pt>
                <c:pt idx="875">
                  <c:v>40014</c:v>
                </c:pt>
                <c:pt idx="876">
                  <c:v>40015</c:v>
                </c:pt>
                <c:pt idx="877">
                  <c:v>40016</c:v>
                </c:pt>
                <c:pt idx="878">
                  <c:v>40017</c:v>
                </c:pt>
                <c:pt idx="879">
                  <c:v>40018</c:v>
                </c:pt>
                <c:pt idx="880">
                  <c:v>40021</c:v>
                </c:pt>
                <c:pt idx="881">
                  <c:v>40022</c:v>
                </c:pt>
                <c:pt idx="882">
                  <c:v>40023</c:v>
                </c:pt>
                <c:pt idx="883">
                  <c:v>40024</c:v>
                </c:pt>
                <c:pt idx="884">
                  <c:v>40025</c:v>
                </c:pt>
                <c:pt idx="885">
                  <c:v>40028</c:v>
                </c:pt>
                <c:pt idx="886">
                  <c:v>40029</c:v>
                </c:pt>
                <c:pt idx="887">
                  <c:v>40030</c:v>
                </c:pt>
                <c:pt idx="888">
                  <c:v>40031</c:v>
                </c:pt>
                <c:pt idx="889">
                  <c:v>40032</c:v>
                </c:pt>
                <c:pt idx="890">
                  <c:v>40035</c:v>
                </c:pt>
                <c:pt idx="891">
                  <c:v>40036</c:v>
                </c:pt>
                <c:pt idx="892">
                  <c:v>40037</c:v>
                </c:pt>
                <c:pt idx="893">
                  <c:v>40038</c:v>
                </c:pt>
                <c:pt idx="894">
                  <c:v>40039</c:v>
                </c:pt>
                <c:pt idx="895">
                  <c:v>40042</c:v>
                </c:pt>
                <c:pt idx="896">
                  <c:v>40043</c:v>
                </c:pt>
                <c:pt idx="897">
                  <c:v>40044</c:v>
                </c:pt>
                <c:pt idx="898">
                  <c:v>40045</c:v>
                </c:pt>
                <c:pt idx="899">
                  <c:v>40046</c:v>
                </c:pt>
                <c:pt idx="900">
                  <c:v>40049</c:v>
                </c:pt>
                <c:pt idx="901">
                  <c:v>40050</c:v>
                </c:pt>
                <c:pt idx="902">
                  <c:v>40051</c:v>
                </c:pt>
                <c:pt idx="903">
                  <c:v>40052</c:v>
                </c:pt>
                <c:pt idx="904">
                  <c:v>40053</c:v>
                </c:pt>
                <c:pt idx="905">
                  <c:v>40056</c:v>
                </c:pt>
                <c:pt idx="906">
                  <c:v>40057</c:v>
                </c:pt>
                <c:pt idx="907">
                  <c:v>40058</c:v>
                </c:pt>
                <c:pt idx="908">
                  <c:v>40059</c:v>
                </c:pt>
                <c:pt idx="909">
                  <c:v>40060</c:v>
                </c:pt>
                <c:pt idx="910">
                  <c:v>40064</c:v>
                </c:pt>
                <c:pt idx="911">
                  <c:v>40065</c:v>
                </c:pt>
                <c:pt idx="912">
                  <c:v>40066</c:v>
                </c:pt>
                <c:pt idx="913">
                  <c:v>40067</c:v>
                </c:pt>
                <c:pt idx="914">
                  <c:v>40070</c:v>
                </c:pt>
                <c:pt idx="915">
                  <c:v>40071</c:v>
                </c:pt>
                <c:pt idx="916">
                  <c:v>40072</c:v>
                </c:pt>
                <c:pt idx="917">
                  <c:v>40073</c:v>
                </c:pt>
                <c:pt idx="918">
                  <c:v>40074</c:v>
                </c:pt>
                <c:pt idx="919">
                  <c:v>40077</c:v>
                </c:pt>
                <c:pt idx="920">
                  <c:v>40078</c:v>
                </c:pt>
                <c:pt idx="921">
                  <c:v>40079</c:v>
                </c:pt>
                <c:pt idx="922">
                  <c:v>40080</c:v>
                </c:pt>
                <c:pt idx="923">
                  <c:v>40081</c:v>
                </c:pt>
                <c:pt idx="924">
                  <c:v>40084</c:v>
                </c:pt>
                <c:pt idx="925">
                  <c:v>40085</c:v>
                </c:pt>
                <c:pt idx="926">
                  <c:v>40086</c:v>
                </c:pt>
                <c:pt idx="927">
                  <c:v>40087</c:v>
                </c:pt>
                <c:pt idx="928">
                  <c:v>40088</c:v>
                </c:pt>
                <c:pt idx="929">
                  <c:v>40091</c:v>
                </c:pt>
                <c:pt idx="930">
                  <c:v>40092</c:v>
                </c:pt>
                <c:pt idx="931">
                  <c:v>40093</c:v>
                </c:pt>
                <c:pt idx="932">
                  <c:v>40094</c:v>
                </c:pt>
                <c:pt idx="933">
                  <c:v>40095</c:v>
                </c:pt>
                <c:pt idx="934">
                  <c:v>40099</c:v>
                </c:pt>
                <c:pt idx="935">
                  <c:v>40100</c:v>
                </c:pt>
                <c:pt idx="936">
                  <c:v>40101</c:v>
                </c:pt>
                <c:pt idx="937">
                  <c:v>40102</c:v>
                </c:pt>
                <c:pt idx="938">
                  <c:v>40105</c:v>
                </c:pt>
                <c:pt idx="939">
                  <c:v>40106</c:v>
                </c:pt>
                <c:pt idx="940">
                  <c:v>40107</c:v>
                </c:pt>
                <c:pt idx="941">
                  <c:v>40108</c:v>
                </c:pt>
                <c:pt idx="942">
                  <c:v>40109</c:v>
                </c:pt>
                <c:pt idx="943">
                  <c:v>40112</c:v>
                </c:pt>
                <c:pt idx="944">
                  <c:v>40113</c:v>
                </c:pt>
                <c:pt idx="945">
                  <c:v>40114</c:v>
                </c:pt>
                <c:pt idx="946">
                  <c:v>40115</c:v>
                </c:pt>
                <c:pt idx="947">
                  <c:v>40116</c:v>
                </c:pt>
                <c:pt idx="948">
                  <c:v>40120</c:v>
                </c:pt>
                <c:pt idx="949">
                  <c:v>40121</c:v>
                </c:pt>
                <c:pt idx="950">
                  <c:v>40122</c:v>
                </c:pt>
                <c:pt idx="951">
                  <c:v>40123</c:v>
                </c:pt>
                <c:pt idx="952">
                  <c:v>40126</c:v>
                </c:pt>
                <c:pt idx="953">
                  <c:v>40127</c:v>
                </c:pt>
                <c:pt idx="954">
                  <c:v>40128</c:v>
                </c:pt>
                <c:pt idx="955">
                  <c:v>40129</c:v>
                </c:pt>
                <c:pt idx="956">
                  <c:v>40130</c:v>
                </c:pt>
                <c:pt idx="957">
                  <c:v>40133</c:v>
                </c:pt>
                <c:pt idx="958">
                  <c:v>40134</c:v>
                </c:pt>
                <c:pt idx="959">
                  <c:v>40135</c:v>
                </c:pt>
                <c:pt idx="960">
                  <c:v>40136</c:v>
                </c:pt>
                <c:pt idx="961">
                  <c:v>40140</c:v>
                </c:pt>
                <c:pt idx="962">
                  <c:v>40141</c:v>
                </c:pt>
                <c:pt idx="963">
                  <c:v>40142</c:v>
                </c:pt>
                <c:pt idx="964">
                  <c:v>40143</c:v>
                </c:pt>
                <c:pt idx="965">
                  <c:v>40144</c:v>
                </c:pt>
                <c:pt idx="966">
                  <c:v>40147</c:v>
                </c:pt>
                <c:pt idx="967">
                  <c:v>40148</c:v>
                </c:pt>
                <c:pt idx="968">
                  <c:v>40149</c:v>
                </c:pt>
                <c:pt idx="969">
                  <c:v>40150</c:v>
                </c:pt>
                <c:pt idx="970">
                  <c:v>40151</c:v>
                </c:pt>
                <c:pt idx="971">
                  <c:v>40154</c:v>
                </c:pt>
                <c:pt idx="972">
                  <c:v>40155</c:v>
                </c:pt>
                <c:pt idx="973">
                  <c:v>40156</c:v>
                </c:pt>
                <c:pt idx="974">
                  <c:v>40157</c:v>
                </c:pt>
                <c:pt idx="975">
                  <c:v>40158</c:v>
                </c:pt>
                <c:pt idx="976">
                  <c:v>40161</c:v>
                </c:pt>
                <c:pt idx="977">
                  <c:v>40162</c:v>
                </c:pt>
                <c:pt idx="978">
                  <c:v>40163</c:v>
                </c:pt>
                <c:pt idx="979">
                  <c:v>40164</c:v>
                </c:pt>
                <c:pt idx="980">
                  <c:v>40165</c:v>
                </c:pt>
                <c:pt idx="981">
                  <c:v>40168</c:v>
                </c:pt>
                <c:pt idx="982">
                  <c:v>40169</c:v>
                </c:pt>
                <c:pt idx="983">
                  <c:v>40170</c:v>
                </c:pt>
                <c:pt idx="984">
                  <c:v>40175</c:v>
                </c:pt>
                <c:pt idx="985">
                  <c:v>40176</c:v>
                </c:pt>
                <c:pt idx="986">
                  <c:v>40177</c:v>
                </c:pt>
                <c:pt idx="987">
                  <c:v>40182</c:v>
                </c:pt>
                <c:pt idx="988">
                  <c:v>40183</c:v>
                </c:pt>
                <c:pt idx="989">
                  <c:v>40184</c:v>
                </c:pt>
                <c:pt idx="990">
                  <c:v>40185</c:v>
                </c:pt>
                <c:pt idx="991">
                  <c:v>40186</c:v>
                </c:pt>
                <c:pt idx="992">
                  <c:v>40189</c:v>
                </c:pt>
                <c:pt idx="993">
                  <c:v>40190</c:v>
                </c:pt>
                <c:pt idx="994">
                  <c:v>40191</c:v>
                </c:pt>
                <c:pt idx="995">
                  <c:v>40192</c:v>
                </c:pt>
                <c:pt idx="996">
                  <c:v>40193</c:v>
                </c:pt>
                <c:pt idx="997">
                  <c:v>40196</c:v>
                </c:pt>
                <c:pt idx="998">
                  <c:v>40197</c:v>
                </c:pt>
                <c:pt idx="999">
                  <c:v>40198</c:v>
                </c:pt>
                <c:pt idx="1000">
                  <c:v>40199</c:v>
                </c:pt>
                <c:pt idx="1001">
                  <c:v>40200</c:v>
                </c:pt>
                <c:pt idx="1002">
                  <c:v>40204</c:v>
                </c:pt>
                <c:pt idx="1003">
                  <c:v>40205</c:v>
                </c:pt>
                <c:pt idx="1004">
                  <c:v>40206</c:v>
                </c:pt>
                <c:pt idx="1005">
                  <c:v>40207</c:v>
                </c:pt>
                <c:pt idx="1006">
                  <c:v>40210</c:v>
                </c:pt>
                <c:pt idx="1007">
                  <c:v>40211</c:v>
                </c:pt>
                <c:pt idx="1008">
                  <c:v>40212</c:v>
                </c:pt>
                <c:pt idx="1009">
                  <c:v>40213</c:v>
                </c:pt>
                <c:pt idx="1010">
                  <c:v>40214</c:v>
                </c:pt>
                <c:pt idx="1011">
                  <c:v>40217</c:v>
                </c:pt>
                <c:pt idx="1012">
                  <c:v>40218</c:v>
                </c:pt>
                <c:pt idx="1013">
                  <c:v>40219</c:v>
                </c:pt>
                <c:pt idx="1014">
                  <c:v>40220</c:v>
                </c:pt>
                <c:pt idx="1015">
                  <c:v>40221</c:v>
                </c:pt>
                <c:pt idx="1016">
                  <c:v>40226</c:v>
                </c:pt>
                <c:pt idx="1017">
                  <c:v>40227</c:v>
                </c:pt>
                <c:pt idx="1018">
                  <c:v>40228</c:v>
                </c:pt>
                <c:pt idx="1019">
                  <c:v>40231</c:v>
                </c:pt>
                <c:pt idx="1020">
                  <c:v>40232</c:v>
                </c:pt>
                <c:pt idx="1021">
                  <c:v>40233</c:v>
                </c:pt>
                <c:pt idx="1022">
                  <c:v>40234</c:v>
                </c:pt>
                <c:pt idx="1023">
                  <c:v>40235</c:v>
                </c:pt>
                <c:pt idx="1024">
                  <c:v>40238</c:v>
                </c:pt>
                <c:pt idx="1025">
                  <c:v>40239</c:v>
                </c:pt>
                <c:pt idx="1026">
                  <c:v>40240</c:v>
                </c:pt>
                <c:pt idx="1027">
                  <c:v>40241</c:v>
                </c:pt>
                <c:pt idx="1028">
                  <c:v>40242</c:v>
                </c:pt>
                <c:pt idx="1029">
                  <c:v>40245</c:v>
                </c:pt>
                <c:pt idx="1030">
                  <c:v>40246</c:v>
                </c:pt>
                <c:pt idx="1031">
                  <c:v>40247</c:v>
                </c:pt>
                <c:pt idx="1032">
                  <c:v>40248</c:v>
                </c:pt>
                <c:pt idx="1033">
                  <c:v>40249</c:v>
                </c:pt>
                <c:pt idx="1034">
                  <c:v>40252</c:v>
                </c:pt>
                <c:pt idx="1035">
                  <c:v>40253</c:v>
                </c:pt>
                <c:pt idx="1036">
                  <c:v>40254</c:v>
                </c:pt>
                <c:pt idx="1037">
                  <c:v>40255</c:v>
                </c:pt>
                <c:pt idx="1038">
                  <c:v>40256</c:v>
                </c:pt>
                <c:pt idx="1039">
                  <c:v>40259</c:v>
                </c:pt>
                <c:pt idx="1040">
                  <c:v>40260</c:v>
                </c:pt>
                <c:pt idx="1041">
                  <c:v>40261</c:v>
                </c:pt>
                <c:pt idx="1042">
                  <c:v>40262</c:v>
                </c:pt>
                <c:pt idx="1043">
                  <c:v>40263</c:v>
                </c:pt>
                <c:pt idx="1044">
                  <c:v>40266</c:v>
                </c:pt>
                <c:pt idx="1045">
                  <c:v>40267</c:v>
                </c:pt>
                <c:pt idx="1046">
                  <c:v>40268</c:v>
                </c:pt>
                <c:pt idx="1047">
                  <c:v>40269</c:v>
                </c:pt>
                <c:pt idx="1048">
                  <c:v>40273</c:v>
                </c:pt>
                <c:pt idx="1049">
                  <c:v>40274</c:v>
                </c:pt>
                <c:pt idx="1050">
                  <c:v>40275</c:v>
                </c:pt>
                <c:pt idx="1051">
                  <c:v>40276</c:v>
                </c:pt>
                <c:pt idx="1052">
                  <c:v>40277</c:v>
                </c:pt>
                <c:pt idx="1053">
                  <c:v>40280</c:v>
                </c:pt>
                <c:pt idx="1054">
                  <c:v>40281</c:v>
                </c:pt>
                <c:pt idx="1055">
                  <c:v>40282</c:v>
                </c:pt>
                <c:pt idx="1056">
                  <c:v>40283</c:v>
                </c:pt>
                <c:pt idx="1057">
                  <c:v>40284</c:v>
                </c:pt>
                <c:pt idx="1058">
                  <c:v>40287</c:v>
                </c:pt>
                <c:pt idx="1059">
                  <c:v>40288</c:v>
                </c:pt>
                <c:pt idx="1060">
                  <c:v>40290</c:v>
                </c:pt>
                <c:pt idx="1061">
                  <c:v>40291</c:v>
                </c:pt>
                <c:pt idx="1062">
                  <c:v>40294</c:v>
                </c:pt>
                <c:pt idx="1063">
                  <c:v>40295</c:v>
                </c:pt>
                <c:pt idx="1064">
                  <c:v>40296</c:v>
                </c:pt>
                <c:pt idx="1065">
                  <c:v>40297</c:v>
                </c:pt>
                <c:pt idx="1066">
                  <c:v>40298</c:v>
                </c:pt>
                <c:pt idx="1067">
                  <c:v>40301</c:v>
                </c:pt>
                <c:pt idx="1068">
                  <c:v>40302</c:v>
                </c:pt>
                <c:pt idx="1069">
                  <c:v>40303</c:v>
                </c:pt>
                <c:pt idx="1070">
                  <c:v>40304</c:v>
                </c:pt>
                <c:pt idx="1071">
                  <c:v>40305</c:v>
                </c:pt>
                <c:pt idx="1072">
                  <c:v>40308</c:v>
                </c:pt>
                <c:pt idx="1073">
                  <c:v>40309</c:v>
                </c:pt>
                <c:pt idx="1074">
                  <c:v>40310</c:v>
                </c:pt>
                <c:pt idx="1075">
                  <c:v>40311</c:v>
                </c:pt>
                <c:pt idx="1076">
                  <c:v>40312</c:v>
                </c:pt>
                <c:pt idx="1077">
                  <c:v>40315</c:v>
                </c:pt>
                <c:pt idx="1078">
                  <c:v>40316</c:v>
                </c:pt>
                <c:pt idx="1079">
                  <c:v>40317</c:v>
                </c:pt>
                <c:pt idx="1080">
                  <c:v>40318</c:v>
                </c:pt>
                <c:pt idx="1081">
                  <c:v>40319</c:v>
                </c:pt>
                <c:pt idx="1082">
                  <c:v>40322</c:v>
                </c:pt>
                <c:pt idx="1083">
                  <c:v>40323</c:v>
                </c:pt>
                <c:pt idx="1084">
                  <c:v>40324</c:v>
                </c:pt>
                <c:pt idx="1085">
                  <c:v>40325</c:v>
                </c:pt>
                <c:pt idx="1086">
                  <c:v>40326</c:v>
                </c:pt>
                <c:pt idx="1087">
                  <c:v>40329</c:v>
                </c:pt>
                <c:pt idx="1088">
                  <c:v>40330</c:v>
                </c:pt>
                <c:pt idx="1089">
                  <c:v>40331</c:v>
                </c:pt>
                <c:pt idx="1090">
                  <c:v>40333</c:v>
                </c:pt>
                <c:pt idx="1091">
                  <c:v>40336</c:v>
                </c:pt>
                <c:pt idx="1092">
                  <c:v>40337</c:v>
                </c:pt>
                <c:pt idx="1093">
                  <c:v>40338</c:v>
                </c:pt>
                <c:pt idx="1094">
                  <c:v>40339</c:v>
                </c:pt>
                <c:pt idx="1095">
                  <c:v>40340</c:v>
                </c:pt>
                <c:pt idx="1096">
                  <c:v>40343</c:v>
                </c:pt>
                <c:pt idx="1097">
                  <c:v>40344</c:v>
                </c:pt>
                <c:pt idx="1098">
                  <c:v>40345</c:v>
                </c:pt>
                <c:pt idx="1099">
                  <c:v>40346</c:v>
                </c:pt>
                <c:pt idx="1100">
                  <c:v>40347</c:v>
                </c:pt>
                <c:pt idx="1101">
                  <c:v>40350</c:v>
                </c:pt>
                <c:pt idx="1102">
                  <c:v>40351</c:v>
                </c:pt>
                <c:pt idx="1103">
                  <c:v>40352</c:v>
                </c:pt>
                <c:pt idx="1104">
                  <c:v>40353</c:v>
                </c:pt>
                <c:pt idx="1105">
                  <c:v>40354</c:v>
                </c:pt>
                <c:pt idx="1106">
                  <c:v>40357</c:v>
                </c:pt>
                <c:pt idx="1107">
                  <c:v>40358</c:v>
                </c:pt>
                <c:pt idx="1108">
                  <c:v>40359</c:v>
                </c:pt>
                <c:pt idx="1109">
                  <c:v>40360</c:v>
                </c:pt>
                <c:pt idx="1110">
                  <c:v>40361</c:v>
                </c:pt>
                <c:pt idx="1111">
                  <c:v>40364</c:v>
                </c:pt>
                <c:pt idx="1112">
                  <c:v>40365</c:v>
                </c:pt>
                <c:pt idx="1113">
                  <c:v>40366</c:v>
                </c:pt>
                <c:pt idx="1114">
                  <c:v>40367</c:v>
                </c:pt>
                <c:pt idx="1115">
                  <c:v>40371</c:v>
                </c:pt>
                <c:pt idx="1116">
                  <c:v>40372</c:v>
                </c:pt>
                <c:pt idx="1117">
                  <c:v>40373</c:v>
                </c:pt>
                <c:pt idx="1118">
                  <c:v>40374</c:v>
                </c:pt>
                <c:pt idx="1119">
                  <c:v>40375</c:v>
                </c:pt>
                <c:pt idx="1120">
                  <c:v>40378</c:v>
                </c:pt>
                <c:pt idx="1121">
                  <c:v>40379</c:v>
                </c:pt>
                <c:pt idx="1122">
                  <c:v>40380</c:v>
                </c:pt>
                <c:pt idx="1123">
                  <c:v>40381</c:v>
                </c:pt>
                <c:pt idx="1124">
                  <c:v>40382</c:v>
                </c:pt>
                <c:pt idx="1125">
                  <c:v>40385</c:v>
                </c:pt>
                <c:pt idx="1126">
                  <c:v>40386</c:v>
                </c:pt>
                <c:pt idx="1127">
                  <c:v>40387</c:v>
                </c:pt>
                <c:pt idx="1128">
                  <c:v>40388</c:v>
                </c:pt>
                <c:pt idx="1129">
                  <c:v>40389</c:v>
                </c:pt>
                <c:pt idx="1130">
                  <c:v>40392</c:v>
                </c:pt>
                <c:pt idx="1131">
                  <c:v>40393</c:v>
                </c:pt>
                <c:pt idx="1132">
                  <c:v>40394</c:v>
                </c:pt>
                <c:pt idx="1133">
                  <c:v>40395</c:v>
                </c:pt>
                <c:pt idx="1134">
                  <c:v>40396</c:v>
                </c:pt>
                <c:pt idx="1135">
                  <c:v>40399</c:v>
                </c:pt>
                <c:pt idx="1136">
                  <c:v>40400</c:v>
                </c:pt>
                <c:pt idx="1137">
                  <c:v>40401</c:v>
                </c:pt>
                <c:pt idx="1138">
                  <c:v>40402</c:v>
                </c:pt>
                <c:pt idx="1139">
                  <c:v>40403</c:v>
                </c:pt>
                <c:pt idx="1140">
                  <c:v>40406</c:v>
                </c:pt>
                <c:pt idx="1141">
                  <c:v>40407</c:v>
                </c:pt>
                <c:pt idx="1142">
                  <c:v>40408</c:v>
                </c:pt>
                <c:pt idx="1143">
                  <c:v>40409</c:v>
                </c:pt>
                <c:pt idx="1144">
                  <c:v>40410</c:v>
                </c:pt>
                <c:pt idx="1145">
                  <c:v>40413</c:v>
                </c:pt>
                <c:pt idx="1146">
                  <c:v>40414</c:v>
                </c:pt>
                <c:pt idx="1147">
                  <c:v>40415</c:v>
                </c:pt>
                <c:pt idx="1148">
                  <c:v>40416</c:v>
                </c:pt>
                <c:pt idx="1149">
                  <c:v>40417</c:v>
                </c:pt>
                <c:pt idx="1150">
                  <c:v>40420</c:v>
                </c:pt>
                <c:pt idx="1151">
                  <c:v>40421</c:v>
                </c:pt>
                <c:pt idx="1152">
                  <c:v>40422</c:v>
                </c:pt>
                <c:pt idx="1153">
                  <c:v>40423</c:v>
                </c:pt>
                <c:pt idx="1154">
                  <c:v>40424</c:v>
                </c:pt>
                <c:pt idx="1155">
                  <c:v>40427</c:v>
                </c:pt>
                <c:pt idx="1156">
                  <c:v>40429</c:v>
                </c:pt>
                <c:pt idx="1157">
                  <c:v>40430</c:v>
                </c:pt>
                <c:pt idx="1158">
                  <c:v>40431</c:v>
                </c:pt>
                <c:pt idx="1159">
                  <c:v>40434</c:v>
                </c:pt>
                <c:pt idx="1160">
                  <c:v>40435</c:v>
                </c:pt>
                <c:pt idx="1161">
                  <c:v>40436</c:v>
                </c:pt>
                <c:pt idx="1162">
                  <c:v>40437</c:v>
                </c:pt>
                <c:pt idx="1163">
                  <c:v>40438</c:v>
                </c:pt>
                <c:pt idx="1164">
                  <c:v>40441</c:v>
                </c:pt>
                <c:pt idx="1165">
                  <c:v>40442</c:v>
                </c:pt>
                <c:pt idx="1166">
                  <c:v>40443</c:v>
                </c:pt>
                <c:pt idx="1167">
                  <c:v>40444</c:v>
                </c:pt>
                <c:pt idx="1168">
                  <c:v>40445</c:v>
                </c:pt>
                <c:pt idx="1169">
                  <c:v>40448</c:v>
                </c:pt>
                <c:pt idx="1170">
                  <c:v>40449</c:v>
                </c:pt>
                <c:pt idx="1171">
                  <c:v>40450</c:v>
                </c:pt>
                <c:pt idx="1172">
                  <c:v>40451</c:v>
                </c:pt>
                <c:pt idx="1173">
                  <c:v>40452</c:v>
                </c:pt>
                <c:pt idx="1174">
                  <c:v>40455</c:v>
                </c:pt>
                <c:pt idx="1175">
                  <c:v>40456</c:v>
                </c:pt>
                <c:pt idx="1176">
                  <c:v>40457</c:v>
                </c:pt>
                <c:pt idx="1177">
                  <c:v>40458</c:v>
                </c:pt>
                <c:pt idx="1178">
                  <c:v>40459</c:v>
                </c:pt>
                <c:pt idx="1179">
                  <c:v>40462</c:v>
                </c:pt>
                <c:pt idx="1180">
                  <c:v>40464</c:v>
                </c:pt>
                <c:pt idx="1181">
                  <c:v>40465</c:v>
                </c:pt>
                <c:pt idx="1182">
                  <c:v>40466</c:v>
                </c:pt>
                <c:pt idx="1183">
                  <c:v>40469</c:v>
                </c:pt>
                <c:pt idx="1184">
                  <c:v>40470</c:v>
                </c:pt>
                <c:pt idx="1185">
                  <c:v>40471</c:v>
                </c:pt>
                <c:pt idx="1186">
                  <c:v>40472</c:v>
                </c:pt>
                <c:pt idx="1187">
                  <c:v>40473</c:v>
                </c:pt>
                <c:pt idx="1188">
                  <c:v>40476</c:v>
                </c:pt>
                <c:pt idx="1189">
                  <c:v>40477</c:v>
                </c:pt>
                <c:pt idx="1190">
                  <c:v>40478</c:v>
                </c:pt>
                <c:pt idx="1191">
                  <c:v>40479</c:v>
                </c:pt>
                <c:pt idx="1192">
                  <c:v>40480</c:v>
                </c:pt>
                <c:pt idx="1193">
                  <c:v>40483</c:v>
                </c:pt>
                <c:pt idx="1194">
                  <c:v>40485</c:v>
                </c:pt>
                <c:pt idx="1195">
                  <c:v>40486</c:v>
                </c:pt>
                <c:pt idx="1196">
                  <c:v>40487</c:v>
                </c:pt>
                <c:pt idx="1197">
                  <c:v>40490</c:v>
                </c:pt>
                <c:pt idx="1198">
                  <c:v>40491</c:v>
                </c:pt>
                <c:pt idx="1199">
                  <c:v>40492</c:v>
                </c:pt>
                <c:pt idx="1200">
                  <c:v>40493</c:v>
                </c:pt>
                <c:pt idx="1201">
                  <c:v>40494</c:v>
                </c:pt>
                <c:pt idx="1202">
                  <c:v>40498</c:v>
                </c:pt>
                <c:pt idx="1203">
                  <c:v>40499</c:v>
                </c:pt>
                <c:pt idx="1204">
                  <c:v>40500</c:v>
                </c:pt>
                <c:pt idx="1205">
                  <c:v>40501</c:v>
                </c:pt>
                <c:pt idx="1206">
                  <c:v>40504</c:v>
                </c:pt>
                <c:pt idx="1207">
                  <c:v>40505</c:v>
                </c:pt>
                <c:pt idx="1208">
                  <c:v>40506</c:v>
                </c:pt>
                <c:pt idx="1209">
                  <c:v>40507</c:v>
                </c:pt>
                <c:pt idx="1210">
                  <c:v>40508</c:v>
                </c:pt>
                <c:pt idx="1211">
                  <c:v>40511</c:v>
                </c:pt>
                <c:pt idx="1212">
                  <c:v>40512</c:v>
                </c:pt>
                <c:pt idx="1213">
                  <c:v>40513</c:v>
                </c:pt>
                <c:pt idx="1214">
                  <c:v>40514</c:v>
                </c:pt>
                <c:pt idx="1215">
                  <c:v>40515</c:v>
                </c:pt>
                <c:pt idx="1216">
                  <c:v>40518</c:v>
                </c:pt>
                <c:pt idx="1217">
                  <c:v>40519</c:v>
                </c:pt>
                <c:pt idx="1218">
                  <c:v>40520</c:v>
                </c:pt>
                <c:pt idx="1219">
                  <c:v>40521</c:v>
                </c:pt>
                <c:pt idx="1220">
                  <c:v>40522</c:v>
                </c:pt>
                <c:pt idx="1221">
                  <c:v>40525</c:v>
                </c:pt>
                <c:pt idx="1222">
                  <c:v>40526</c:v>
                </c:pt>
                <c:pt idx="1223">
                  <c:v>40527</c:v>
                </c:pt>
                <c:pt idx="1224">
                  <c:v>40528</c:v>
                </c:pt>
                <c:pt idx="1225">
                  <c:v>40529</c:v>
                </c:pt>
                <c:pt idx="1226">
                  <c:v>40532</c:v>
                </c:pt>
                <c:pt idx="1227">
                  <c:v>40533</c:v>
                </c:pt>
                <c:pt idx="1228">
                  <c:v>40534</c:v>
                </c:pt>
                <c:pt idx="1229">
                  <c:v>40535</c:v>
                </c:pt>
                <c:pt idx="1230">
                  <c:v>40539</c:v>
                </c:pt>
                <c:pt idx="1231">
                  <c:v>40540</c:v>
                </c:pt>
                <c:pt idx="1232">
                  <c:v>40541</c:v>
                </c:pt>
                <c:pt idx="1233">
                  <c:v>40542</c:v>
                </c:pt>
                <c:pt idx="1234">
                  <c:v>40546</c:v>
                </c:pt>
                <c:pt idx="1235">
                  <c:v>40547</c:v>
                </c:pt>
                <c:pt idx="1236">
                  <c:v>40548</c:v>
                </c:pt>
                <c:pt idx="1237">
                  <c:v>40549</c:v>
                </c:pt>
                <c:pt idx="1238">
                  <c:v>40550</c:v>
                </c:pt>
                <c:pt idx="1239">
                  <c:v>40553</c:v>
                </c:pt>
                <c:pt idx="1240">
                  <c:v>40554</c:v>
                </c:pt>
                <c:pt idx="1241">
                  <c:v>40555</c:v>
                </c:pt>
                <c:pt idx="1242">
                  <c:v>40556</c:v>
                </c:pt>
                <c:pt idx="1243">
                  <c:v>40557</c:v>
                </c:pt>
                <c:pt idx="1244">
                  <c:v>40560</c:v>
                </c:pt>
                <c:pt idx="1245">
                  <c:v>40561</c:v>
                </c:pt>
                <c:pt idx="1246">
                  <c:v>40562</c:v>
                </c:pt>
                <c:pt idx="1247">
                  <c:v>40563</c:v>
                </c:pt>
                <c:pt idx="1248">
                  <c:v>40564</c:v>
                </c:pt>
                <c:pt idx="1249">
                  <c:v>40567</c:v>
                </c:pt>
                <c:pt idx="1250">
                  <c:v>40569</c:v>
                </c:pt>
                <c:pt idx="1251">
                  <c:v>40570</c:v>
                </c:pt>
                <c:pt idx="1252">
                  <c:v>40571</c:v>
                </c:pt>
                <c:pt idx="1253">
                  <c:v>40574</c:v>
                </c:pt>
                <c:pt idx="1254">
                  <c:v>40575</c:v>
                </c:pt>
                <c:pt idx="1255">
                  <c:v>40576</c:v>
                </c:pt>
                <c:pt idx="1256">
                  <c:v>40577</c:v>
                </c:pt>
                <c:pt idx="1257">
                  <c:v>40578</c:v>
                </c:pt>
                <c:pt idx="1258">
                  <c:v>40581</c:v>
                </c:pt>
                <c:pt idx="1259">
                  <c:v>40582</c:v>
                </c:pt>
                <c:pt idx="1260">
                  <c:v>40583</c:v>
                </c:pt>
                <c:pt idx="1261">
                  <c:v>40584</c:v>
                </c:pt>
                <c:pt idx="1262">
                  <c:v>40585</c:v>
                </c:pt>
                <c:pt idx="1263">
                  <c:v>40588</c:v>
                </c:pt>
                <c:pt idx="1264">
                  <c:v>40589</c:v>
                </c:pt>
                <c:pt idx="1265">
                  <c:v>40590</c:v>
                </c:pt>
                <c:pt idx="1266">
                  <c:v>40591</c:v>
                </c:pt>
                <c:pt idx="1267">
                  <c:v>40592</c:v>
                </c:pt>
                <c:pt idx="1268">
                  <c:v>40595</c:v>
                </c:pt>
                <c:pt idx="1269">
                  <c:v>40596</c:v>
                </c:pt>
                <c:pt idx="1270">
                  <c:v>40597</c:v>
                </c:pt>
                <c:pt idx="1271">
                  <c:v>40598</c:v>
                </c:pt>
                <c:pt idx="1272">
                  <c:v>40599</c:v>
                </c:pt>
                <c:pt idx="1273">
                  <c:v>40602</c:v>
                </c:pt>
                <c:pt idx="1274">
                  <c:v>40603</c:v>
                </c:pt>
                <c:pt idx="1275">
                  <c:v>40604</c:v>
                </c:pt>
                <c:pt idx="1276">
                  <c:v>40605</c:v>
                </c:pt>
                <c:pt idx="1277">
                  <c:v>40606</c:v>
                </c:pt>
                <c:pt idx="1278">
                  <c:v>40611</c:v>
                </c:pt>
                <c:pt idx="1279">
                  <c:v>40612</c:v>
                </c:pt>
                <c:pt idx="1280">
                  <c:v>40613</c:v>
                </c:pt>
                <c:pt idx="1281">
                  <c:v>40616</c:v>
                </c:pt>
                <c:pt idx="1282">
                  <c:v>40617</c:v>
                </c:pt>
                <c:pt idx="1283">
                  <c:v>40618</c:v>
                </c:pt>
                <c:pt idx="1284">
                  <c:v>40619</c:v>
                </c:pt>
                <c:pt idx="1285">
                  <c:v>40620</c:v>
                </c:pt>
                <c:pt idx="1286">
                  <c:v>40623</c:v>
                </c:pt>
                <c:pt idx="1287">
                  <c:v>40624</c:v>
                </c:pt>
                <c:pt idx="1288">
                  <c:v>40625</c:v>
                </c:pt>
                <c:pt idx="1289">
                  <c:v>40626</c:v>
                </c:pt>
                <c:pt idx="1290">
                  <c:v>40627</c:v>
                </c:pt>
                <c:pt idx="1291">
                  <c:v>40630</c:v>
                </c:pt>
                <c:pt idx="1292">
                  <c:v>40631</c:v>
                </c:pt>
                <c:pt idx="1293">
                  <c:v>40632</c:v>
                </c:pt>
                <c:pt idx="1294">
                  <c:v>40633</c:v>
                </c:pt>
                <c:pt idx="1295">
                  <c:v>40634</c:v>
                </c:pt>
                <c:pt idx="1296">
                  <c:v>40637</c:v>
                </c:pt>
                <c:pt idx="1297">
                  <c:v>40638</c:v>
                </c:pt>
                <c:pt idx="1298">
                  <c:v>40639</c:v>
                </c:pt>
                <c:pt idx="1299">
                  <c:v>40640</c:v>
                </c:pt>
                <c:pt idx="1300">
                  <c:v>40641</c:v>
                </c:pt>
                <c:pt idx="1301">
                  <c:v>40644</c:v>
                </c:pt>
                <c:pt idx="1302">
                  <c:v>40645</c:v>
                </c:pt>
                <c:pt idx="1303">
                  <c:v>40646</c:v>
                </c:pt>
                <c:pt idx="1304">
                  <c:v>40647</c:v>
                </c:pt>
                <c:pt idx="1305">
                  <c:v>40648</c:v>
                </c:pt>
                <c:pt idx="1306">
                  <c:v>40651</c:v>
                </c:pt>
                <c:pt idx="1307">
                  <c:v>40652</c:v>
                </c:pt>
                <c:pt idx="1308">
                  <c:v>40653</c:v>
                </c:pt>
                <c:pt idx="1309">
                  <c:v>40658</c:v>
                </c:pt>
                <c:pt idx="1310">
                  <c:v>40659</c:v>
                </c:pt>
                <c:pt idx="1311">
                  <c:v>40660</c:v>
                </c:pt>
                <c:pt idx="1312">
                  <c:v>40661</c:v>
                </c:pt>
                <c:pt idx="1313">
                  <c:v>40662</c:v>
                </c:pt>
                <c:pt idx="1314">
                  <c:v>40665</c:v>
                </c:pt>
                <c:pt idx="1315">
                  <c:v>40666</c:v>
                </c:pt>
                <c:pt idx="1316">
                  <c:v>40667</c:v>
                </c:pt>
                <c:pt idx="1317">
                  <c:v>40668</c:v>
                </c:pt>
                <c:pt idx="1318">
                  <c:v>40669</c:v>
                </c:pt>
                <c:pt idx="1319">
                  <c:v>40672</c:v>
                </c:pt>
                <c:pt idx="1320">
                  <c:v>40673</c:v>
                </c:pt>
                <c:pt idx="1321">
                  <c:v>40674</c:v>
                </c:pt>
                <c:pt idx="1322">
                  <c:v>40675</c:v>
                </c:pt>
                <c:pt idx="1323">
                  <c:v>40676</c:v>
                </c:pt>
                <c:pt idx="1324">
                  <c:v>40679</c:v>
                </c:pt>
                <c:pt idx="1325">
                  <c:v>40680</c:v>
                </c:pt>
                <c:pt idx="1326">
                  <c:v>40681</c:v>
                </c:pt>
                <c:pt idx="1327">
                  <c:v>40682</c:v>
                </c:pt>
                <c:pt idx="1328">
                  <c:v>40683</c:v>
                </c:pt>
                <c:pt idx="1329">
                  <c:v>40686</c:v>
                </c:pt>
                <c:pt idx="1330">
                  <c:v>40687</c:v>
                </c:pt>
                <c:pt idx="1331">
                  <c:v>40688</c:v>
                </c:pt>
                <c:pt idx="1332">
                  <c:v>40689</c:v>
                </c:pt>
                <c:pt idx="1333">
                  <c:v>40690</c:v>
                </c:pt>
                <c:pt idx="1334">
                  <c:v>40693</c:v>
                </c:pt>
                <c:pt idx="1335">
                  <c:v>40694</c:v>
                </c:pt>
                <c:pt idx="1336">
                  <c:v>40695</c:v>
                </c:pt>
                <c:pt idx="1337">
                  <c:v>40696</c:v>
                </c:pt>
                <c:pt idx="1338">
                  <c:v>40697</c:v>
                </c:pt>
                <c:pt idx="1339">
                  <c:v>40700</c:v>
                </c:pt>
                <c:pt idx="1340">
                  <c:v>40701</c:v>
                </c:pt>
                <c:pt idx="1341">
                  <c:v>40702</c:v>
                </c:pt>
                <c:pt idx="1342">
                  <c:v>40703</c:v>
                </c:pt>
                <c:pt idx="1343">
                  <c:v>40704</c:v>
                </c:pt>
                <c:pt idx="1344">
                  <c:v>40707</c:v>
                </c:pt>
                <c:pt idx="1345">
                  <c:v>40708</c:v>
                </c:pt>
                <c:pt idx="1346">
                  <c:v>40709</c:v>
                </c:pt>
                <c:pt idx="1347">
                  <c:v>40710</c:v>
                </c:pt>
                <c:pt idx="1348">
                  <c:v>40711</c:v>
                </c:pt>
                <c:pt idx="1349">
                  <c:v>40714</c:v>
                </c:pt>
                <c:pt idx="1350">
                  <c:v>40715</c:v>
                </c:pt>
                <c:pt idx="1351">
                  <c:v>40716</c:v>
                </c:pt>
                <c:pt idx="1352">
                  <c:v>40718</c:v>
                </c:pt>
                <c:pt idx="1353">
                  <c:v>40721</c:v>
                </c:pt>
                <c:pt idx="1354">
                  <c:v>40722</c:v>
                </c:pt>
                <c:pt idx="1355">
                  <c:v>40723</c:v>
                </c:pt>
                <c:pt idx="1356">
                  <c:v>40724</c:v>
                </c:pt>
                <c:pt idx="1357">
                  <c:v>40725</c:v>
                </c:pt>
                <c:pt idx="1358">
                  <c:v>40728</c:v>
                </c:pt>
                <c:pt idx="1359">
                  <c:v>40729</c:v>
                </c:pt>
                <c:pt idx="1360">
                  <c:v>40730</c:v>
                </c:pt>
                <c:pt idx="1361">
                  <c:v>40731</c:v>
                </c:pt>
                <c:pt idx="1362">
                  <c:v>40732</c:v>
                </c:pt>
                <c:pt idx="1363">
                  <c:v>40735</c:v>
                </c:pt>
                <c:pt idx="1364">
                  <c:v>40736</c:v>
                </c:pt>
                <c:pt idx="1365">
                  <c:v>40737</c:v>
                </c:pt>
                <c:pt idx="1366">
                  <c:v>40738</c:v>
                </c:pt>
                <c:pt idx="1367">
                  <c:v>40739</c:v>
                </c:pt>
                <c:pt idx="1368">
                  <c:v>40742</c:v>
                </c:pt>
                <c:pt idx="1369">
                  <c:v>40743</c:v>
                </c:pt>
                <c:pt idx="1370">
                  <c:v>40744</c:v>
                </c:pt>
                <c:pt idx="1371">
                  <c:v>40745</c:v>
                </c:pt>
                <c:pt idx="1372">
                  <c:v>40746</c:v>
                </c:pt>
                <c:pt idx="1373">
                  <c:v>40749</c:v>
                </c:pt>
                <c:pt idx="1374">
                  <c:v>40750</c:v>
                </c:pt>
                <c:pt idx="1375">
                  <c:v>40751</c:v>
                </c:pt>
                <c:pt idx="1376">
                  <c:v>40752</c:v>
                </c:pt>
                <c:pt idx="1377">
                  <c:v>40753</c:v>
                </c:pt>
                <c:pt idx="1378">
                  <c:v>40756</c:v>
                </c:pt>
                <c:pt idx="1379">
                  <c:v>40757</c:v>
                </c:pt>
                <c:pt idx="1380">
                  <c:v>40758</c:v>
                </c:pt>
                <c:pt idx="1381">
                  <c:v>40759</c:v>
                </c:pt>
                <c:pt idx="1382">
                  <c:v>40760</c:v>
                </c:pt>
                <c:pt idx="1383">
                  <c:v>40763</c:v>
                </c:pt>
                <c:pt idx="1384">
                  <c:v>40764</c:v>
                </c:pt>
                <c:pt idx="1385">
                  <c:v>40765</c:v>
                </c:pt>
                <c:pt idx="1386">
                  <c:v>40766</c:v>
                </c:pt>
                <c:pt idx="1387">
                  <c:v>40767</c:v>
                </c:pt>
                <c:pt idx="1388">
                  <c:v>40770</c:v>
                </c:pt>
                <c:pt idx="1389">
                  <c:v>40771</c:v>
                </c:pt>
                <c:pt idx="1390">
                  <c:v>40772</c:v>
                </c:pt>
                <c:pt idx="1391">
                  <c:v>40773</c:v>
                </c:pt>
                <c:pt idx="1392">
                  <c:v>40774</c:v>
                </c:pt>
                <c:pt idx="1393">
                  <c:v>40777</c:v>
                </c:pt>
                <c:pt idx="1394">
                  <c:v>40778</c:v>
                </c:pt>
                <c:pt idx="1395">
                  <c:v>40779</c:v>
                </c:pt>
                <c:pt idx="1396">
                  <c:v>40780</c:v>
                </c:pt>
                <c:pt idx="1397">
                  <c:v>40781</c:v>
                </c:pt>
                <c:pt idx="1398">
                  <c:v>40784</c:v>
                </c:pt>
                <c:pt idx="1399">
                  <c:v>40785</c:v>
                </c:pt>
                <c:pt idx="1400">
                  <c:v>40786</c:v>
                </c:pt>
                <c:pt idx="1401">
                  <c:v>40787</c:v>
                </c:pt>
                <c:pt idx="1402">
                  <c:v>40788</c:v>
                </c:pt>
                <c:pt idx="1403">
                  <c:v>40791</c:v>
                </c:pt>
                <c:pt idx="1404">
                  <c:v>40792</c:v>
                </c:pt>
                <c:pt idx="1405">
                  <c:v>40794</c:v>
                </c:pt>
                <c:pt idx="1406">
                  <c:v>40795</c:v>
                </c:pt>
                <c:pt idx="1407">
                  <c:v>40798</c:v>
                </c:pt>
                <c:pt idx="1408">
                  <c:v>40799</c:v>
                </c:pt>
                <c:pt idx="1409">
                  <c:v>40800</c:v>
                </c:pt>
                <c:pt idx="1410">
                  <c:v>40801</c:v>
                </c:pt>
                <c:pt idx="1411">
                  <c:v>40802</c:v>
                </c:pt>
                <c:pt idx="1412">
                  <c:v>40805</c:v>
                </c:pt>
                <c:pt idx="1413">
                  <c:v>40806</c:v>
                </c:pt>
                <c:pt idx="1414">
                  <c:v>40807</c:v>
                </c:pt>
                <c:pt idx="1415">
                  <c:v>40808</c:v>
                </c:pt>
                <c:pt idx="1416">
                  <c:v>40809</c:v>
                </c:pt>
                <c:pt idx="1417">
                  <c:v>40812</c:v>
                </c:pt>
                <c:pt idx="1418">
                  <c:v>40813</c:v>
                </c:pt>
                <c:pt idx="1419">
                  <c:v>40814</c:v>
                </c:pt>
                <c:pt idx="1420">
                  <c:v>40815</c:v>
                </c:pt>
                <c:pt idx="1421">
                  <c:v>40816</c:v>
                </c:pt>
                <c:pt idx="1422">
                  <c:v>40819</c:v>
                </c:pt>
                <c:pt idx="1423">
                  <c:v>40820</c:v>
                </c:pt>
                <c:pt idx="1424">
                  <c:v>40821</c:v>
                </c:pt>
                <c:pt idx="1425">
                  <c:v>40822</c:v>
                </c:pt>
                <c:pt idx="1426">
                  <c:v>40823</c:v>
                </c:pt>
                <c:pt idx="1427">
                  <c:v>40826</c:v>
                </c:pt>
                <c:pt idx="1428">
                  <c:v>40827</c:v>
                </c:pt>
                <c:pt idx="1429">
                  <c:v>40829</c:v>
                </c:pt>
                <c:pt idx="1430">
                  <c:v>40830</c:v>
                </c:pt>
                <c:pt idx="1431">
                  <c:v>40833</c:v>
                </c:pt>
                <c:pt idx="1432">
                  <c:v>40834</c:v>
                </c:pt>
                <c:pt idx="1433">
                  <c:v>40835</c:v>
                </c:pt>
                <c:pt idx="1434">
                  <c:v>40836</c:v>
                </c:pt>
                <c:pt idx="1435">
                  <c:v>40837</c:v>
                </c:pt>
                <c:pt idx="1436">
                  <c:v>40840</c:v>
                </c:pt>
                <c:pt idx="1437">
                  <c:v>40841</c:v>
                </c:pt>
                <c:pt idx="1438">
                  <c:v>40842</c:v>
                </c:pt>
                <c:pt idx="1439">
                  <c:v>40843</c:v>
                </c:pt>
                <c:pt idx="1440">
                  <c:v>40844</c:v>
                </c:pt>
                <c:pt idx="1441">
                  <c:v>40847</c:v>
                </c:pt>
                <c:pt idx="1442">
                  <c:v>40848</c:v>
                </c:pt>
                <c:pt idx="1443">
                  <c:v>40850</c:v>
                </c:pt>
                <c:pt idx="1444">
                  <c:v>40851</c:v>
                </c:pt>
                <c:pt idx="1445">
                  <c:v>40854</c:v>
                </c:pt>
                <c:pt idx="1446">
                  <c:v>40855</c:v>
                </c:pt>
                <c:pt idx="1447">
                  <c:v>40856</c:v>
                </c:pt>
                <c:pt idx="1448">
                  <c:v>40857</c:v>
                </c:pt>
                <c:pt idx="1449">
                  <c:v>40858</c:v>
                </c:pt>
                <c:pt idx="1450">
                  <c:v>40861</c:v>
                </c:pt>
                <c:pt idx="1451">
                  <c:v>40863</c:v>
                </c:pt>
                <c:pt idx="1452">
                  <c:v>40864</c:v>
                </c:pt>
                <c:pt idx="1453">
                  <c:v>40865</c:v>
                </c:pt>
                <c:pt idx="1454">
                  <c:v>40868</c:v>
                </c:pt>
                <c:pt idx="1455">
                  <c:v>40869</c:v>
                </c:pt>
                <c:pt idx="1456">
                  <c:v>40870</c:v>
                </c:pt>
                <c:pt idx="1457">
                  <c:v>40871</c:v>
                </c:pt>
                <c:pt idx="1458">
                  <c:v>40872</c:v>
                </c:pt>
                <c:pt idx="1459">
                  <c:v>40875</c:v>
                </c:pt>
                <c:pt idx="1460">
                  <c:v>40876</c:v>
                </c:pt>
                <c:pt idx="1461">
                  <c:v>40877</c:v>
                </c:pt>
                <c:pt idx="1462">
                  <c:v>40878</c:v>
                </c:pt>
                <c:pt idx="1463">
                  <c:v>40879</c:v>
                </c:pt>
                <c:pt idx="1464">
                  <c:v>40882</c:v>
                </c:pt>
                <c:pt idx="1465">
                  <c:v>40883</c:v>
                </c:pt>
                <c:pt idx="1466">
                  <c:v>40884</c:v>
                </c:pt>
                <c:pt idx="1467">
                  <c:v>40885</c:v>
                </c:pt>
                <c:pt idx="1468">
                  <c:v>40886</c:v>
                </c:pt>
                <c:pt idx="1469">
                  <c:v>40889</c:v>
                </c:pt>
                <c:pt idx="1470">
                  <c:v>40890</c:v>
                </c:pt>
                <c:pt idx="1471">
                  <c:v>40891</c:v>
                </c:pt>
                <c:pt idx="1472">
                  <c:v>40892</c:v>
                </c:pt>
                <c:pt idx="1473">
                  <c:v>40893</c:v>
                </c:pt>
                <c:pt idx="1474">
                  <c:v>40896</c:v>
                </c:pt>
                <c:pt idx="1475">
                  <c:v>40897</c:v>
                </c:pt>
                <c:pt idx="1476">
                  <c:v>40898</c:v>
                </c:pt>
                <c:pt idx="1477">
                  <c:v>40899</c:v>
                </c:pt>
                <c:pt idx="1478">
                  <c:v>40900</c:v>
                </c:pt>
                <c:pt idx="1479">
                  <c:v>40903</c:v>
                </c:pt>
                <c:pt idx="1480">
                  <c:v>40904</c:v>
                </c:pt>
                <c:pt idx="1481">
                  <c:v>40905</c:v>
                </c:pt>
                <c:pt idx="1482">
                  <c:v>40906</c:v>
                </c:pt>
                <c:pt idx="1483">
                  <c:v>40910</c:v>
                </c:pt>
                <c:pt idx="1484">
                  <c:v>40911</c:v>
                </c:pt>
                <c:pt idx="1485">
                  <c:v>40912</c:v>
                </c:pt>
                <c:pt idx="1486">
                  <c:v>40913</c:v>
                </c:pt>
                <c:pt idx="1487">
                  <c:v>40914</c:v>
                </c:pt>
                <c:pt idx="1488">
                  <c:v>40917</c:v>
                </c:pt>
                <c:pt idx="1489">
                  <c:v>40918</c:v>
                </c:pt>
                <c:pt idx="1490">
                  <c:v>40919</c:v>
                </c:pt>
                <c:pt idx="1491">
                  <c:v>40920</c:v>
                </c:pt>
                <c:pt idx="1492">
                  <c:v>40921</c:v>
                </c:pt>
                <c:pt idx="1493">
                  <c:v>40924</c:v>
                </c:pt>
                <c:pt idx="1494">
                  <c:v>40925</c:v>
                </c:pt>
                <c:pt idx="1495">
                  <c:v>40926</c:v>
                </c:pt>
                <c:pt idx="1496">
                  <c:v>40927</c:v>
                </c:pt>
                <c:pt idx="1497">
                  <c:v>40928</c:v>
                </c:pt>
                <c:pt idx="1498">
                  <c:v>40931</c:v>
                </c:pt>
                <c:pt idx="1499">
                  <c:v>40932</c:v>
                </c:pt>
                <c:pt idx="1500">
                  <c:v>40934</c:v>
                </c:pt>
                <c:pt idx="1501">
                  <c:v>40935</c:v>
                </c:pt>
                <c:pt idx="1502">
                  <c:v>40938</c:v>
                </c:pt>
                <c:pt idx="1503">
                  <c:v>40939</c:v>
                </c:pt>
                <c:pt idx="1504">
                  <c:v>40940</c:v>
                </c:pt>
                <c:pt idx="1505">
                  <c:v>40941</c:v>
                </c:pt>
                <c:pt idx="1506">
                  <c:v>40942</c:v>
                </c:pt>
                <c:pt idx="1507">
                  <c:v>40945</c:v>
                </c:pt>
                <c:pt idx="1508">
                  <c:v>40946</c:v>
                </c:pt>
                <c:pt idx="1509">
                  <c:v>40947</c:v>
                </c:pt>
                <c:pt idx="1510">
                  <c:v>40948</c:v>
                </c:pt>
                <c:pt idx="1511">
                  <c:v>40949</c:v>
                </c:pt>
                <c:pt idx="1512">
                  <c:v>40952</c:v>
                </c:pt>
                <c:pt idx="1513">
                  <c:v>40953</c:v>
                </c:pt>
                <c:pt idx="1514">
                  <c:v>40954</c:v>
                </c:pt>
                <c:pt idx="1515">
                  <c:v>40955</c:v>
                </c:pt>
                <c:pt idx="1516">
                  <c:v>40956</c:v>
                </c:pt>
                <c:pt idx="1517">
                  <c:v>40961</c:v>
                </c:pt>
                <c:pt idx="1518">
                  <c:v>40962</c:v>
                </c:pt>
                <c:pt idx="1519">
                  <c:v>40963</c:v>
                </c:pt>
                <c:pt idx="1520">
                  <c:v>40966</c:v>
                </c:pt>
                <c:pt idx="1521">
                  <c:v>40967</c:v>
                </c:pt>
                <c:pt idx="1522">
                  <c:v>40968</c:v>
                </c:pt>
                <c:pt idx="1523">
                  <c:v>40969</c:v>
                </c:pt>
                <c:pt idx="1524">
                  <c:v>40970</c:v>
                </c:pt>
                <c:pt idx="1525">
                  <c:v>40973</c:v>
                </c:pt>
                <c:pt idx="1526">
                  <c:v>40974</c:v>
                </c:pt>
                <c:pt idx="1527">
                  <c:v>40975</c:v>
                </c:pt>
                <c:pt idx="1528">
                  <c:v>40976</c:v>
                </c:pt>
                <c:pt idx="1529">
                  <c:v>40977</c:v>
                </c:pt>
                <c:pt idx="1530">
                  <c:v>40980</c:v>
                </c:pt>
                <c:pt idx="1531">
                  <c:v>40981</c:v>
                </c:pt>
                <c:pt idx="1532">
                  <c:v>40982</c:v>
                </c:pt>
                <c:pt idx="1533">
                  <c:v>40983</c:v>
                </c:pt>
                <c:pt idx="1534">
                  <c:v>40984</c:v>
                </c:pt>
                <c:pt idx="1535">
                  <c:v>40987</c:v>
                </c:pt>
                <c:pt idx="1536">
                  <c:v>40988</c:v>
                </c:pt>
                <c:pt idx="1537">
                  <c:v>40989</c:v>
                </c:pt>
                <c:pt idx="1538">
                  <c:v>40990</c:v>
                </c:pt>
                <c:pt idx="1539">
                  <c:v>40991</c:v>
                </c:pt>
                <c:pt idx="1540">
                  <c:v>40994</c:v>
                </c:pt>
                <c:pt idx="1541">
                  <c:v>40995</c:v>
                </c:pt>
                <c:pt idx="1542">
                  <c:v>40996</c:v>
                </c:pt>
                <c:pt idx="1543">
                  <c:v>40997</c:v>
                </c:pt>
                <c:pt idx="1544">
                  <c:v>40998</c:v>
                </c:pt>
                <c:pt idx="1545">
                  <c:v>41001</c:v>
                </c:pt>
                <c:pt idx="1546">
                  <c:v>41002</c:v>
                </c:pt>
                <c:pt idx="1547">
                  <c:v>41003</c:v>
                </c:pt>
                <c:pt idx="1548">
                  <c:v>41004</c:v>
                </c:pt>
                <c:pt idx="1549">
                  <c:v>41008</c:v>
                </c:pt>
                <c:pt idx="1550">
                  <c:v>41009</c:v>
                </c:pt>
                <c:pt idx="1551">
                  <c:v>41010</c:v>
                </c:pt>
                <c:pt idx="1552">
                  <c:v>41011</c:v>
                </c:pt>
                <c:pt idx="1553">
                  <c:v>41012</c:v>
                </c:pt>
                <c:pt idx="1554">
                  <c:v>41015</c:v>
                </c:pt>
                <c:pt idx="1555">
                  <c:v>41016</c:v>
                </c:pt>
                <c:pt idx="1556">
                  <c:v>41017</c:v>
                </c:pt>
                <c:pt idx="1557">
                  <c:v>41018</c:v>
                </c:pt>
                <c:pt idx="1558">
                  <c:v>41019</c:v>
                </c:pt>
                <c:pt idx="1559">
                  <c:v>41022</c:v>
                </c:pt>
                <c:pt idx="1560">
                  <c:v>41023</c:v>
                </c:pt>
                <c:pt idx="1561">
                  <c:v>41024</c:v>
                </c:pt>
                <c:pt idx="1562">
                  <c:v>41025</c:v>
                </c:pt>
                <c:pt idx="1563">
                  <c:v>41026</c:v>
                </c:pt>
                <c:pt idx="1564">
                  <c:v>41029</c:v>
                </c:pt>
                <c:pt idx="1565">
                  <c:v>41031</c:v>
                </c:pt>
                <c:pt idx="1566">
                  <c:v>41032</c:v>
                </c:pt>
                <c:pt idx="1567">
                  <c:v>41033</c:v>
                </c:pt>
                <c:pt idx="1568">
                  <c:v>41036</c:v>
                </c:pt>
                <c:pt idx="1569">
                  <c:v>41037</c:v>
                </c:pt>
                <c:pt idx="1570">
                  <c:v>41038</c:v>
                </c:pt>
                <c:pt idx="1571">
                  <c:v>41039</c:v>
                </c:pt>
                <c:pt idx="1572">
                  <c:v>41040</c:v>
                </c:pt>
                <c:pt idx="1573">
                  <c:v>41043</c:v>
                </c:pt>
                <c:pt idx="1574">
                  <c:v>41044</c:v>
                </c:pt>
                <c:pt idx="1575">
                  <c:v>41045</c:v>
                </c:pt>
                <c:pt idx="1576">
                  <c:v>41046</c:v>
                </c:pt>
                <c:pt idx="1577">
                  <c:v>41047</c:v>
                </c:pt>
                <c:pt idx="1578">
                  <c:v>41050</c:v>
                </c:pt>
                <c:pt idx="1579">
                  <c:v>41051</c:v>
                </c:pt>
                <c:pt idx="1580">
                  <c:v>41052</c:v>
                </c:pt>
                <c:pt idx="1581">
                  <c:v>41053</c:v>
                </c:pt>
                <c:pt idx="1582">
                  <c:v>41054</c:v>
                </c:pt>
                <c:pt idx="1583">
                  <c:v>41057</c:v>
                </c:pt>
                <c:pt idx="1584">
                  <c:v>41058</c:v>
                </c:pt>
                <c:pt idx="1585">
                  <c:v>41059</c:v>
                </c:pt>
                <c:pt idx="1586">
                  <c:v>41060</c:v>
                </c:pt>
                <c:pt idx="1587">
                  <c:v>41061</c:v>
                </c:pt>
                <c:pt idx="1588">
                  <c:v>41064</c:v>
                </c:pt>
                <c:pt idx="1589">
                  <c:v>41065</c:v>
                </c:pt>
                <c:pt idx="1590">
                  <c:v>41066</c:v>
                </c:pt>
                <c:pt idx="1591">
                  <c:v>41068</c:v>
                </c:pt>
                <c:pt idx="1592">
                  <c:v>41071</c:v>
                </c:pt>
                <c:pt idx="1593">
                  <c:v>41072</c:v>
                </c:pt>
                <c:pt idx="1594">
                  <c:v>41073</c:v>
                </c:pt>
                <c:pt idx="1595">
                  <c:v>41074</c:v>
                </c:pt>
                <c:pt idx="1596">
                  <c:v>41075</c:v>
                </c:pt>
                <c:pt idx="1597">
                  <c:v>41078</c:v>
                </c:pt>
                <c:pt idx="1598">
                  <c:v>41079</c:v>
                </c:pt>
                <c:pt idx="1599">
                  <c:v>41080</c:v>
                </c:pt>
                <c:pt idx="1600">
                  <c:v>41081</c:v>
                </c:pt>
                <c:pt idx="1601">
                  <c:v>41082</c:v>
                </c:pt>
                <c:pt idx="1602">
                  <c:v>41085</c:v>
                </c:pt>
                <c:pt idx="1603">
                  <c:v>41086</c:v>
                </c:pt>
                <c:pt idx="1604">
                  <c:v>41087</c:v>
                </c:pt>
                <c:pt idx="1605">
                  <c:v>41088</c:v>
                </c:pt>
                <c:pt idx="1606">
                  <c:v>41089</c:v>
                </c:pt>
                <c:pt idx="1607">
                  <c:v>41092</c:v>
                </c:pt>
                <c:pt idx="1608">
                  <c:v>41093</c:v>
                </c:pt>
                <c:pt idx="1609">
                  <c:v>41094</c:v>
                </c:pt>
                <c:pt idx="1610">
                  <c:v>41095</c:v>
                </c:pt>
                <c:pt idx="1611">
                  <c:v>41096</c:v>
                </c:pt>
                <c:pt idx="1612">
                  <c:v>41100</c:v>
                </c:pt>
                <c:pt idx="1613">
                  <c:v>41101</c:v>
                </c:pt>
                <c:pt idx="1614">
                  <c:v>41102</c:v>
                </c:pt>
                <c:pt idx="1615">
                  <c:v>41103</c:v>
                </c:pt>
                <c:pt idx="1616">
                  <c:v>41106</c:v>
                </c:pt>
                <c:pt idx="1617">
                  <c:v>41107</c:v>
                </c:pt>
                <c:pt idx="1618">
                  <c:v>41108</c:v>
                </c:pt>
                <c:pt idx="1619">
                  <c:v>41109</c:v>
                </c:pt>
                <c:pt idx="1620">
                  <c:v>41110</c:v>
                </c:pt>
                <c:pt idx="1621">
                  <c:v>41113</c:v>
                </c:pt>
                <c:pt idx="1622">
                  <c:v>41114</c:v>
                </c:pt>
                <c:pt idx="1623">
                  <c:v>41115</c:v>
                </c:pt>
                <c:pt idx="1624">
                  <c:v>41116</c:v>
                </c:pt>
                <c:pt idx="1625">
                  <c:v>41117</c:v>
                </c:pt>
                <c:pt idx="1626">
                  <c:v>41120</c:v>
                </c:pt>
                <c:pt idx="1627">
                  <c:v>41121</c:v>
                </c:pt>
                <c:pt idx="1628">
                  <c:v>41122</c:v>
                </c:pt>
                <c:pt idx="1629">
                  <c:v>41123</c:v>
                </c:pt>
                <c:pt idx="1630">
                  <c:v>41124</c:v>
                </c:pt>
                <c:pt idx="1631">
                  <c:v>41127</c:v>
                </c:pt>
                <c:pt idx="1632">
                  <c:v>41128</c:v>
                </c:pt>
                <c:pt idx="1633">
                  <c:v>41129</c:v>
                </c:pt>
                <c:pt idx="1634">
                  <c:v>41130</c:v>
                </c:pt>
                <c:pt idx="1635">
                  <c:v>41131</c:v>
                </c:pt>
                <c:pt idx="1636">
                  <c:v>41134</c:v>
                </c:pt>
                <c:pt idx="1637">
                  <c:v>41135</c:v>
                </c:pt>
                <c:pt idx="1638">
                  <c:v>41136</c:v>
                </c:pt>
                <c:pt idx="1639">
                  <c:v>41137</c:v>
                </c:pt>
                <c:pt idx="1640">
                  <c:v>41138</c:v>
                </c:pt>
                <c:pt idx="1641">
                  <c:v>41141</c:v>
                </c:pt>
                <c:pt idx="1642">
                  <c:v>41142</c:v>
                </c:pt>
                <c:pt idx="1643">
                  <c:v>41143</c:v>
                </c:pt>
                <c:pt idx="1644">
                  <c:v>41144</c:v>
                </c:pt>
                <c:pt idx="1645">
                  <c:v>41145</c:v>
                </c:pt>
                <c:pt idx="1646">
                  <c:v>41148</c:v>
                </c:pt>
                <c:pt idx="1647">
                  <c:v>41149</c:v>
                </c:pt>
                <c:pt idx="1648">
                  <c:v>41150</c:v>
                </c:pt>
                <c:pt idx="1649">
                  <c:v>41151</c:v>
                </c:pt>
                <c:pt idx="1650">
                  <c:v>41152</c:v>
                </c:pt>
                <c:pt idx="1651">
                  <c:v>41155</c:v>
                </c:pt>
                <c:pt idx="1652">
                  <c:v>41156</c:v>
                </c:pt>
                <c:pt idx="1653">
                  <c:v>41157</c:v>
                </c:pt>
                <c:pt idx="1654">
                  <c:v>41158</c:v>
                </c:pt>
                <c:pt idx="1655">
                  <c:v>41162</c:v>
                </c:pt>
                <c:pt idx="1656">
                  <c:v>41163</c:v>
                </c:pt>
                <c:pt idx="1657">
                  <c:v>41164</c:v>
                </c:pt>
                <c:pt idx="1658">
                  <c:v>41165</c:v>
                </c:pt>
                <c:pt idx="1659">
                  <c:v>41166</c:v>
                </c:pt>
                <c:pt idx="1660">
                  <c:v>41169</c:v>
                </c:pt>
                <c:pt idx="1661">
                  <c:v>41170</c:v>
                </c:pt>
                <c:pt idx="1662">
                  <c:v>41171</c:v>
                </c:pt>
                <c:pt idx="1663">
                  <c:v>41172</c:v>
                </c:pt>
                <c:pt idx="1664">
                  <c:v>41173</c:v>
                </c:pt>
                <c:pt idx="1665">
                  <c:v>41176</c:v>
                </c:pt>
                <c:pt idx="1666">
                  <c:v>41177</c:v>
                </c:pt>
                <c:pt idx="1667">
                  <c:v>41178</c:v>
                </c:pt>
                <c:pt idx="1668">
                  <c:v>41179</c:v>
                </c:pt>
                <c:pt idx="1669">
                  <c:v>41180</c:v>
                </c:pt>
                <c:pt idx="1670">
                  <c:v>41183</c:v>
                </c:pt>
                <c:pt idx="1671">
                  <c:v>41184</c:v>
                </c:pt>
                <c:pt idx="1672">
                  <c:v>41185</c:v>
                </c:pt>
                <c:pt idx="1673">
                  <c:v>41186</c:v>
                </c:pt>
                <c:pt idx="1674">
                  <c:v>41187</c:v>
                </c:pt>
                <c:pt idx="1675">
                  <c:v>41190</c:v>
                </c:pt>
                <c:pt idx="1676">
                  <c:v>41191</c:v>
                </c:pt>
                <c:pt idx="1677">
                  <c:v>41192</c:v>
                </c:pt>
                <c:pt idx="1678">
                  <c:v>41193</c:v>
                </c:pt>
                <c:pt idx="1679">
                  <c:v>41197</c:v>
                </c:pt>
                <c:pt idx="1680">
                  <c:v>41198</c:v>
                </c:pt>
                <c:pt idx="1681">
                  <c:v>41199</c:v>
                </c:pt>
                <c:pt idx="1682">
                  <c:v>41200</c:v>
                </c:pt>
                <c:pt idx="1683">
                  <c:v>41201</c:v>
                </c:pt>
                <c:pt idx="1684">
                  <c:v>41204</c:v>
                </c:pt>
                <c:pt idx="1685">
                  <c:v>41205</c:v>
                </c:pt>
                <c:pt idx="1686">
                  <c:v>41206</c:v>
                </c:pt>
                <c:pt idx="1687">
                  <c:v>41207</c:v>
                </c:pt>
                <c:pt idx="1688">
                  <c:v>41208</c:v>
                </c:pt>
                <c:pt idx="1689">
                  <c:v>41211</c:v>
                </c:pt>
                <c:pt idx="1690">
                  <c:v>41212</c:v>
                </c:pt>
                <c:pt idx="1691">
                  <c:v>41213</c:v>
                </c:pt>
                <c:pt idx="1692">
                  <c:v>41214</c:v>
                </c:pt>
                <c:pt idx="1693">
                  <c:v>41218</c:v>
                </c:pt>
                <c:pt idx="1694">
                  <c:v>41219</c:v>
                </c:pt>
                <c:pt idx="1695">
                  <c:v>41220</c:v>
                </c:pt>
                <c:pt idx="1696">
                  <c:v>41221</c:v>
                </c:pt>
                <c:pt idx="1697">
                  <c:v>41222</c:v>
                </c:pt>
                <c:pt idx="1698">
                  <c:v>41225</c:v>
                </c:pt>
                <c:pt idx="1699">
                  <c:v>41226</c:v>
                </c:pt>
                <c:pt idx="1700">
                  <c:v>41227</c:v>
                </c:pt>
                <c:pt idx="1701">
                  <c:v>41229</c:v>
                </c:pt>
                <c:pt idx="1702">
                  <c:v>41232</c:v>
                </c:pt>
                <c:pt idx="1703">
                  <c:v>41234</c:v>
                </c:pt>
                <c:pt idx="1704">
                  <c:v>41235</c:v>
                </c:pt>
                <c:pt idx="1705">
                  <c:v>41236</c:v>
                </c:pt>
                <c:pt idx="1706">
                  <c:v>41239</c:v>
                </c:pt>
                <c:pt idx="1707">
                  <c:v>41240</c:v>
                </c:pt>
                <c:pt idx="1708">
                  <c:v>41241</c:v>
                </c:pt>
                <c:pt idx="1709">
                  <c:v>41242</c:v>
                </c:pt>
                <c:pt idx="1710">
                  <c:v>41243</c:v>
                </c:pt>
                <c:pt idx="1711">
                  <c:v>41246</c:v>
                </c:pt>
                <c:pt idx="1712">
                  <c:v>41247</c:v>
                </c:pt>
                <c:pt idx="1713">
                  <c:v>41248</c:v>
                </c:pt>
                <c:pt idx="1714">
                  <c:v>41249</c:v>
                </c:pt>
                <c:pt idx="1715">
                  <c:v>41250</c:v>
                </c:pt>
                <c:pt idx="1716">
                  <c:v>41253</c:v>
                </c:pt>
                <c:pt idx="1717">
                  <c:v>41254</c:v>
                </c:pt>
                <c:pt idx="1718">
                  <c:v>41255</c:v>
                </c:pt>
                <c:pt idx="1719">
                  <c:v>41256</c:v>
                </c:pt>
                <c:pt idx="1720">
                  <c:v>41257</c:v>
                </c:pt>
                <c:pt idx="1721">
                  <c:v>41260</c:v>
                </c:pt>
                <c:pt idx="1722">
                  <c:v>41261</c:v>
                </c:pt>
                <c:pt idx="1723">
                  <c:v>41262</c:v>
                </c:pt>
                <c:pt idx="1724">
                  <c:v>41263</c:v>
                </c:pt>
                <c:pt idx="1725">
                  <c:v>41264</c:v>
                </c:pt>
                <c:pt idx="1726">
                  <c:v>41269</c:v>
                </c:pt>
                <c:pt idx="1727">
                  <c:v>41270</c:v>
                </c:pt>
                <c:pt idx="1728">
                  <c:v>41271</c:v>
                </c:pt>
                <c:pt idx="1729">
                  <c:v>41276</c:v>
                </c:pt>
                <c:pt idx="1730">
                  <c:v>41277</c:v>
                </c:pt>
                <c:pt idx="1731">
                  <c:v>41278</c:v>
                </c:pt>
                <c:pt idx="1732">
                  <c:v>41281</c:v>
                </c:pt>
                <c:pt idx="1733">
                  <c:v>41282</c:v>
                </c:pt>
                <c:pt idx="1734">
                  <c:v>41283</c:v>
                </c:pt>
                <c:pt idx="1735">
                  <c:v>41284</c:v>
                </c:pt>
                <c:pt idx="1736">
                  <c:v>41285</c:v>
                </c:pt>
                <c:pt idx="1737">
                  <c:v>41288</c:v>
                </c:pt>
                <c:pt idx="1738">
                  <c:v>41289</c:v>
                </c:pt>
                <c:pt idx="1739">
                  <c:v>41290</c:v>
                </c:pt>
                <c:pt idx="1740">
                  <c:v>41291</c:v>
                </c:pt>
                <c:pt idx="1741">
                  <c:v>41292</c:v>
                </c:pt>
                <c:pt idx="1742">
                  <c:v>41295</c:v>
                </c:pt>
                <c:pt idx="1743">
                  <c:v>41296</c:v>
                </c:pt>
                <c:pt idx="1744">
                  <c:v>41297</c:v>
                </c:pt>
                <c:pt idx="1745">
                  <c:v>41298</c:v>
                </c:pt>
                <c:pt idx="1746">
                  <c:v>41302</c:v>
                </c:pt>
                <c:pt idx="1747">
                  <c:v>41303</c:v>
                </c:pt>
                <c:pt idx="1748">
                  <c:v>41304</c:v>
                </c:pt>
                <c:pt idx="1749">
                  <c:v>41305</c:v>
                </c:pt>
                <c:pt idx="1750">
                  <c:v>41306</c:v>
                </c:pt>
                <c:pt idx="1751">
                  <c:v>41309</c:v>
                </c:pt>
                <c:pt idx="1752">
                  <c:v>41310</c:v>
                </c:pt>
                <c:pt idx="1753">
                  <c:v>41311</c:v>
                </c:pt>
                <c:pt idx="1754">
                  <c:v>41312</c:v>
                </c:pt>
                <c:pt idx="1755">
                  <c:v>41313</c:v>
                </c:pt>
                <c:pt idx="1756">
                  <c:v>41318</c:v>
                </c:pt>
                <c:pt idx="1757">
                  <c:v>41319</c:v>
                </c:pt>
                <c:pt idx="1758">
                  <c:v>41320</c:v>
                </c:pt>
                <c:pt idx="1759">
                  <c:v>41323</c:v>
                </c:pt>
                <c:pt idx="1760">
                  <c:v>41324</c:v>
                </c:pt>
                <c:pt idx="1761">
                  <c:v>41325</c:v>
                </c:pt>
                <c:pt idx="1762">
                  <c:v>41326</c:v>
                </c:pt>
                <c:pt idx="1763">
                  <c:v>41327</c:v>
                </c:pt>
                <c:pt idx="1764">
                  <c:v>41330</c:v>
                </c:pt>
                <c:pt idx="1765">
                  <c:v>41331</c:v>
                </c:pt>
                <c:pt idx="1766">
                  <c:v>41332</c:v>
                </c:pt>
                <c:pt idx="1767">
                  <c:v>41333</c:v>
                </c:pt>
                <c:pt idx="1768">
                  <c:v>41334</c:v>
                </c:pt>
                <c:pt idx="1769">
                  <c:v>41337</c:v>
                </c:pt>
                <c:pt idx="1770">
                  <c:v>41338</c:v>
                </c:pt>
                <c:pt idx="1771">
                  <c:v>41339</c:v>
                </c:pt>
                <c:pt idx="1772">
                  <c:v>41340</c:v>
                </c:pt>
                <c:pt idx="1773">
                  <c:v>41341</c:v>
                </c:pt>
                <c:pt idx="1774">
                  <c:v>41344</c:v>
                </c:pt>
                <c:pt idx="1775">
                  <c:v>41345</c:v>
                </c:pt>
                <c:pt idx="1776">
                  <c:v>41346</c:v>
                </c:pt>
                <c:pt idx="1777">
                  <c:v>41347</c:v>
                </c:pt>
                <c:pt idx="1778">
                  <c:v>41348</c:v>
                </c:pt>
                <c:pt idx="1779">
                  <c:v>41351</c:v>
                </c:pt>
                <c:pt idx="1780">
                  <c:v>41352</c:v>
                </c:pt>
                <c:pt idx="1781">
                  <c:v>41353</c:v>
                </c:pt>
                <c:pt idx="1782">
                  <c:v>41354</c:v>
                </c:pt>
                <c:pt idx="1783">
                  <c:v>41355</c:v>
                </c:pt>
                <c:pt idx="1784">
                  <c:v>41358</c:v>
                </c:pt>
                <c:pt idx="1785">
                  <c:v>41359</c:v>
                </c:pt>
                <c:pt idx="1786">
                  <c:v>41360</c:v>
                </c:pt>
                <c:pt idx="1787">
                  <c:v>41361</c:v>
                </c:pt>
                <c:pt idx="1788">
                  <c:v>41365</c:v>
                </c:pt>
                <c:pt idx="1789">
                  <c:v>41366</c:v>
                </c:pt>
                <c:pt idx="1790">
                  <c:v>41367</c:v>
                </c:pt>
                <c:pt idx="1791">
                  <c:v>41368</c:v>
                </c:pt>
                <c:pt idx="1792">
                  <c:v>41369</c:v>
                </c:pt>
                <c:pt idx="1793">
                  <c:v>41372</c:v>
                </c:pt>
                <c:pt idx="1794">
                  <c:v>41373</c:v>
                </c:pt>
                <c:pt idx="1795">
                  <c:v>41374</c:v>
                </c:pt>
                <c:pt idx="1796">
                  <c:v>41375</c:v>
                </c:pt>
                <c:pt idx="1797">
                  <c:v>41376</c:v>
                </c:pt>
                <c:pt idx="1798">
                  <c:v>41379</c:v>
                </c:pt>
                <c:pt idx="1799">
                  <c:v>41380</c:v>
                </c:pt>
                <c:pt idx="1800">
                  <c:v>41381</c:v>
                </c:pt>
                <c:pt idx="1801">
                  <c:v>41382</c:v>
                </c:pt>
                <c:pt idx="1802">
                  <c:v>41383</c:v>
                </c:pt>
                <c:pt idx="1803">
                  <c:v>41386</c:v>
                </c:pt>
                <c:pt idx="1804">
                  <c:v>41387</c:v>
                </c:pt>
                <c:pt idx="1805">
                  <c:v>41388</c:v>
                </c:pt>
                <c:pt idx="1806">
                  <c:v>41389</c:v>
                </c:pt>
                <c:pt idx="1807">
                  <c:v>41390</c:v>
                </c:pt>
                <c:pt idx="1808">
                  <c:v>41393</c:v>
                </c:pt>
                <c:pt idx="1809">
                  <c:v>41394</c:v>
                </c:pt>
                <c:pt idx="1810">
                  <c:v>41396</c:v>
                </c:pt>
                <c:pt idx="1811">
                  <c:v>41397</c:v>
                </c:pt>
                <c:pt idx="1812">
                  <c:v>41400</c:v>
                </c:pt>
                <c:pt idx="1813">
                  <c:v>41401</c:v>
                </c:pt>
                <c:pt idx="1814">
                  <c:v>41402</c:v>
                </c:pt>
                <c:pt idx="1815">
                  <c:v>41403</c:v>
                </c:pt>
                <c:pt idx="1816">
                  <c:v>41404</c:v>
                </c:pt>
                <c:pt idx="1817">
                  <c:v>41407</c:v>
                </c:pt>
                <c:pt idx="1818">
                  <c:v>41408</c:v>
                </c:pt>
                <c:pt idx="1819">
                  <c:v>41409</c:v>
                </c:pt>
                <c:pt idx="1820">
                  <c:v>41410</c:v>
                </c:pt>
                <c:pt idx="1821">
                  <c:v>41411</c:v>
                </c:pt>
                <c:pt idx="1822">
                  <c:v>41414</c:v>
                </c:pt>
                <c:pt idx="1823">
                  <c:v>41415</c:v>
                </c:pt>
                <c:pt idx="1824">
                  <c:v>41416</c:v>
                </c:pt>
                <c:pt idx="1825">
                  <c:v>41417</c:v>
                </c:pt>
                <c:pt idx="1826">
                  <c:v>41418</c:v>
                </c:pt>
                <c:pt idx="1827">
                  <c:v>41421</c:v>
                </c:pt>
                <c:pt idx="1828">
                  <c:v>41422</c:v>
                </c:pt>
                <c:pt idx="1829">
                  <c:v>41423</c:v>
                </c:pt>
                <c:pt idx="1830">
                  <c:v>41425</c:v>
                </c:pt>
                <c:pt idx="1831">
                  <c:v>41428</c:v>
                </c:pt>
                <c:pt idx="1832">
                  <c:v>41429</c:v>
                </c:pt>
                <c:pt idx="1833">
                  <c:v>41430</c:v>
                </c:pt>
                <c:pt idx="1834">
                  <c:v>41431</c:v>
                </c:pt>
                <c:pt idx="1835">
                  <c:v>41432</c:v>
                </c:pt>
                <c:pt idx="1836">
                  <c:v>41435</c:v>
                </c:pt>
                <c:pt idx="1837">
                  <c:v>41436</c:v>
                </c:pt>
                <c:pt idx="1838">
                  <c:v>41437</c:v>
                </c:pt>
                <c:pt idx="1839">
                  <c:v>41438</c:v>
                </c:pt>
                <c:pt idx="1840">
                  <c:v>41439</c:v>
                </c:pt>
                <c:pt idx="1841">
                  <c:v>41442</c:v>
                </c:pt>
                <c:pt idx="1842">
                  <c:v>41443</c:v>
                </c:pt>
                <c:pt idx="1843">
                  <c:v>41444</c:v>
                </c:pt>
                <c:pt idx="1844">
                  <c:v>41445</c:v>
                </c:pt>
                <c:pt idx="1845">
                  <c:v>41446</c:v>
                </c:pt>
                <c:pt idx="1846">
                  <c:v>41449</c:v>
                </c:pt>
                <c:pt idx="1847">
                  <c:v>41450</c:v>
                </c:pt>
                <c:pt idx="1848">
                  <c:v>41451</c:v>
                </c:pt>
                <c:pt idx="1849">
                  <c:v>41452</c:v>
                </c:pt>
                <c:pt idx="1850">
                  <c:v>41453</c:v>
                </c:pt>
                <c:pt idx="1851">
                  <c:v>41456</c:v>
                </c:pt>
                <c:pt idx="1852">
                  <c:v>41457</c:v>
                </c:pt>
                <c:pt idx="1853">
                  <c:v>41458</c:v>
                </c:pt>
                <c:pt idx="1854">
                  <c:v>41459</c:v>
                </c:pt>
                <c:pt idx="1855">
                  <c:v>41460</c:v>
                </c:pt>
                <c:pt idx="1856">
                  <c:v>41463</c:v>
                </c:pt>
                <c:pt idx="1857">
                  <c:v>41465</c:v>
                </c:pt>
                <c:pt idx="1858">
                  <c:v>41466</c:v>
                </c:pt>
                <c:pt idx="1859">
                  <c:v>41467</c:v>
                </c:pt>
                <c:pt idx="1860">
                  <c:v>41470</c:v>
                </c:pt>
                <c:pt idx="1861">
                  <c:v>41471</c:v>
                </c:pt>
                <c:pt idx="1862">
                  <c:v>41472</c:v>
                </c:pt>
                <c:pt idx="1863">
                  <c:v>41473</c:v>
                </c:pt>
                <c:pt idx="1864">
                  <c:v>41474</c:v>
                </c:pt>
                <c:pt idx="1865">
                  <c:v>41477</c:v>
                </c:pt>
                <c:pt idx="1866">
                  <c:v>41478</c:v>
                </c:pt>
                <c:pt idx="1867">
                  <c:v>41479</c:v>
                </c:pt>
                <c:pt idx="1868">
                  <c:v>41480</c:v>
                </c:pt>
                <c:pt idx="1869">
                  <c:v>41481</c:v>
                </c:pt>
                <c:pt idx="1870">
                  <c:v>41484</c:v>
                </c:pt>
                <c:pt idx="1871">
                  <c:v>41485</c:v>
                </c:pt>
                <c:pt idx="1872">
                  <c:v>41486</c:v>
                </c:pt>
                <c:pt idx="1873">
                  <c:v>41487</c:v>
                </c:pt>
                <c:pt idx="1874">
                  <c:v>41488</c:v>
                </c:pt>
                <c:pt idx="1875">
                  <c:v>41491</c:v>
                </c:pt>
                <c:pt idx="1876">
                  <c:v>41492</c:v>
                </c:pt>
                <c:pt idx="1877">
                  <c:v>41493</c:v>
                </c:pt>
                <c:pt idx="1878">
                  <c:v>41494</c:v>
                </c:pt>
                <c:pt idx="1879">
                  <c:v>41495</c:v>
                </c:pt>
                <c:pt idx="1880">
                  <c:v>41498</c:v>
                </c:pt>
                <c:pt idx="1881">
                  <c:v>41499</c:v>
                </c:pt>
                <c:pt idx="1882">
                  <c:v>41500</c:v>
                </c:pt>
                <c:pt idx="1883">
                  <c:v>41501</c:v>
                </c:pt>
                <c:pt idx="1884">
                  <c:v>41502</c:v>
                </c:pt>
                <c:pt idx="1885">
                  <c:v>41505</c:v>
                </c:pt>
                <c:pt idx="1886">
                  <c:v>41506</c:v>
                </c:pt>
                <c:pt idx="1887">
                  <c:v>41507</c:v>
                </c:pt>
                <c:pt idx="1888">
                  <c:v>41508</c:v>
                </c:pt>
                <c:pt idx="1889">
                  <c:v>41509</c:v>
                </c:pt>
                <c:pt idx="1890">
                  <c:v>41512</c:v>
                </c:pt>
                <c:pt idx="1891">
                  <c:v>41513</c:v>
                </c:pt>
                <c:pt idx="1892">
                  <c:v>41514</c:v>
                </c:pt>
                <c:pt idx="1893">
                  <c:v>41515</c:v>
                </c:pt>
                <c:pt idx="1894">
                  <c:v>41516</c:v>
                </c:pt>
                <c:pt idx="1895">
                  <c:v>41519</c:v>
                </c:pt>
                <c:pt idx="1896">
                  <c:v>41520</c:v>
                </c:pt>
                <c:pt idx="1897">
                  <c:v>41521</c:v>
                </c:pt>
                <c:pt idx="1898">
                  <c:v>41522</c:v>
                </c:pt>
                <c:pt idx="1899">
                  <c:v>41523</c:v>
                </c:pt>
                <c:pt idx="1900">
                  <c:v>41526</c:v>
                </c:pt>
                <c:pt idx="1901">
                  <c:v>41527</c:v>
                </c:pt>
                <c:pt idx="1902">
                  <c:v>41528</c:v>
                </c:pt>
                <c:pt idx="1903">
                  <c:v>41529</c:v>
                </c:pt>
                <c:pt idx="1904">
                  <c:v>41530</c:v>
                </c:pt>
                <c:pt idx="1905">
                  <c:v>41533</c:v>
                </c:pt>
                <c:pt idx="1906">
                  <c:v>41534</c:v>
                </c:pt>
                <c:pt idx="1907">
                  <c:v>41535</c:v>
                </c:pt>
                <c:pt idx="1908">
                  <c:v>41536</c:v>
                </c:pt>
                <c:pt idx="1909">
                  <c:v>41537</c:v>
                </c:pt>
                <c:pt idx="1910">
                  <c:v>41540</c:v>
                </c:pt>
                <c:pt idx="1911">
                  <c:v>41541</c:v>
                </c:pt>
                <c:pt idx="1912">
                  <c:v>41542</c:v>
                </c:pt>
                <c:pt idx="1913">
                  <c:v>41543</c:v>
                </c:pt>
                <c:pt idx="1914">
                  <c:v>41544</c:v>
                </c:pt>
                <c:pt idx="1915">
                  <c:v>41547</c:v>
                </c:pt>
                <c:pt idx="1916">
                  <c:v>41548</c:v>
                </c:pt>
                <c:pt idx="1917">
                  <c:v>41549</c:v>
                </c:pt>
                <c:pt idx="1918">
                  <c:v>41550</c:v>
                </c:pt>
                <c:pt idx="1919">
                  <c:v>41551</c:v>
                </c:pt>
                <c:pt idx="1920">
                  <c:v>41554</c:v>
                </c:pt>
                <c:pt idx="1921">
                  <c:v>41555</c:v>
                </c:pt>
                <c:pt idx="1922">
                  <c:v>41556</c:v>
                </c:pt>
                <c:pt idx="1923">
                  <c:v>41557</c:v>
                </c:pt>
                <c:pt idx="1924">
                  <c:v>41558</c:v>
                </c:pt>
                <c:pt idx="1925">
                  <c:v>41561</c:v>
                </c:pt>
                <c:pt idx="1926">
                  <c:v>41562</c:v>
                </c:pt>
                <c:pt idx="1927">
                  <c:v>41563</c:v>
                </c:pt>
                <c:pt idx="1928">
                  <c:v>41564</c:v>
                </c:pt>
                <c:pt idx="1929">
                  <c:v>41565</c:v>
                </c:pt>
                <c:pt idx="1930">
                  <c:v>41568</c:v>
                </c:pt>
                <c:pt idx="1931">
                  <c:v>41569</c:v>
                </c:pt>
                <c:pt idx="1932">
                  <c:v>41570</c:v>
                </c:pt>
                <c:pt idx="1933">
                  <c:v>41571</c:v>
                </c:pt>
                <c:pt idx="1934">
                  <c:v>41572</c:v>
                </c:pt>
                <c:pt idx="1935">
                  <c:v>41575</c:v>
                </c:pt>
                <c:pt idx="1936">
                  <c:v>41576</c:v>
                </c:pt>
                <c:pt idx="1937">
                  <c:v>41577</c:v>
                </c:pt>
                <c:pt idx="1938">
                  <c:v>41578</c:v>
                </c:pt>
                <c:pt idx="1939">
                  <c:v>41579</c:v>
                </c:pt>
                <c:pt idx="1940">
                  <c:v>41582</c:v>
                </c:pt>
                <c:pt idx="1941">
                  <c:v>41583</c:v>
                </c:pt>
                <c:pt idx="1942">
                  <c:v>41584</c:v>
                </c:pt>
                <c:pt idx="1943">
                  <c:v>41585</c:v>
                </c:pt>
                <c:pt idx="1944">
                  <c:v>41586</c:v>
                </c:pt>
                <c:pt idx="1945">
                  <c:v>41589</c:v>
                </c:pt>
                <c:pt idx="1946">
                  <c:v>41590</c:v>
                </c:pt>
                <c:pt idx="1947">
                  <c:v>41591</c:v>
                </c:pt>
                <c:pt idx="1948">
                  <c:v>41592</c:v>
                </c:pt>
                <c:pt idx="1949">
                  <c:v>41596</c:v>
                </c:pt>
                <c:pt idx="1950">
                  <c:v>41597</c:v>
                </c:pt>
                <c:pt idx="1951">
                  <c:v>41599</c:v>
                </c:pt>
                <c:pt idx="1952">
                  <c:v>41600</c:v>
                </c:pt>
                <c:pt idx="1953">
                  <c:v>41603</c:v>
                </c:pt>
                <c:pt idx="1954">
                  <c:v>41604</c:v>
                </c:pt>
                <c:pt idx="1955">
                  <c:v>41605</c:v>
                </c:pt>
                <c:pt idx="1956">
                  <c:v>41606</c:v>
                </c:pt>
                <c:pt idx="1957">
                  <c:v>41607</c:v>
                </c:pt>
                <c:pt idx="1958">
                  <c:v>41610</c:v>
                </c:pt>
                <c:pt idx="1959">
                  <c:v>41611</c:v>
                </c:pt>
                <c:pt idx="1960">
                  <c:v>41612</c:v>
                </c:pt>
                <c:pt idx="1961">
                  <c:v>41613</c:v>
                </c:pt>
                <c:pt idx="1962">
                  <c:v>41614</c:v>
                </c:pt>
                <c:pt idx="1963">
                  <c:v>41617</c:v>
                </c:pt>
                <c:pt idx="1964">
                  <c:v>41618</c:v>
                </c:pt>
                <c:pt idx="1965">
                  <c:v>41619</c:v>
                </c:pt>
                <c:pt idx="1966">
                  <c:v>41620</c:v>
                </c:pt>
                <c:pt idx="1967">
                  <c:v>41621</c:v>
                </c:pt>
                <c:pt idx="1968">
                  <c:v>41624</c:v>
                </c:pt>
                <c:pt idx="1969">
                  <c:v>41625</c:v>
                </c:pt>
                <c:pt idx="1970">
                  <c:v>41626</c:v>
                </c:pt>
                <c:pt idx="1971">
                  <c:v>41627</c:v>
                </c:pt>
                <c:pt idx="1972">
                  <c:v>41628</c:v>
                </c:pt>
                <c:pt idx="1973">
                  <c:v>41631</c:v>
                </c:pt>
                <c:pt idx="1974">
                  <c:v>41634</c:v>
                </c:pt>
                <c:pt idx="1975">
                  <c:v>41635</c:v>
                </c:pt>
                <c:pt idx="1976">
                  <c:v>41638</c:v>
                </c:pt>
                <c:pt idx="1977">
                  <c:v>41641</c:v>
                </c:pt>
                <c:pt idx="1978">
                  <c:v>41642</c:v>
                </c:pt>
                <c:pt idx="1979">
                  <c:v>41645</c:v>
                </c:pt>
                <c:pt idx="1980">
                  <c:v>41646</c:v>
                </c:pt>
                <c:pt idx="1981">
                  <c:v>41647</c:v>
                </c:pt>
                <c:pt idx="1982">
                  <c:v>41648</c:v>
                </c:pt>
                <c:pt idx="1983">
                  <c:v>41649</c:v>
                </c:pt>
                <c:pt idx="1984">
                  <c:v>41652</c:v>
                </c:pt>
                <c:pt idx="1985">
                  <c:v>41653</c:v>
                </c:pt>
                <c:pt idx="1986">
                  <c:v>41654</c:v>
                </c:pt>
                <c:pt idx="1987">
                  <c:v>41655</c:v>
                </c:pt>
                <c:pt idx="1988">
                  <c:v>41656</c:v>
                </c:pt>
                <c:pt idx="1989">
                  <c:v>41659</c:v>
                </c:pt>
                <c:pt idx="1990">
                  <c:v>41660</c:v>
                </c:pt>
                <c:pt idx="1991">
                  <c:v>41661</c:v>
                </c:pt>
                <c:pt idx="1992">
                  <c:v>41662</c:v>
                </c:pt>
                <c:pt idx="1993">
                  <c:v>41663</c:v>
                </c:pt>
                <c:pt idx="1994">
                  <c:v>41666</c:v>
                </c:pt>
                <c:pt idx="1995">
                  <c:v>41667</c:v>
                </c:pt>
                <c:pt idx="1996">
                  <c:v>41668</c:v>
                </c:pt>
                <c:pt idx="1997">
                  <c:v>41669</c:v>
                </c:pt>
                <c:pt idx="1998">
                  <c:v>41670</c:v>
                </c:pt>
                <c:pt idx="1999">
                  <c:v>41673</c:v>
                </c:pt>
                <c:pt idx="2000">
                  <c:v>41674</c:v>
                </c:pt>
                <c:pt idx="2001">
                  <c:v>41675</c:v>
                </c:pt>
                <c:pt idx="2002">
                  <c:v>41676</c:v>
                </c:pt>
                <c:pt idx="2003">
                  <c:v>41677</c:v>
                </c:pt>
                <c:pt idx="2004">
                  <c:v>41680</c:v>
                </c:pt>
                <c:pt idx="2005">
                  <c:v>41681</c:v>
                </c:pt>
                <c:pt idx="2006">
                  <c:v>41682</c:v>
                </c:pt>
                <c:pt idx="2007">
                  <c:v>41683</c:v>
                </c:pt>
                <c:pt idx="2008">
                  <c:v>41684</c:v>
                </c:pt>
                <c:pt idx="2009">
                  <c:v>41687</c:v>
                </c:pt>
                <c:pt idx="2010">
                  <c:v>41688</c:v>
                </c:pt>
                <c:pt idx="2011">
                  <c:v>41689</c:v>
                </c:pt>
                <c:pt idx="2012">
                  <c:v>41690</c:v>
                </c:pt>
                <c:pt idx="2013">
                  <c:v>41691</c:v>
                </c:pt>
                <c:pt idx="2014">
                  <c:v>41694</c:v>
                </c:pt>
                <c:pt idx="2015">
                  <c:v>41695</c:v>
                </c:pt>
                <c:pt idx="2016">
                  <c:v>41696</c:v>
                </c:pt>
                <c:pt idx="2017">
                  <c:v>41697</c:v>
                </c:pt>
                <c:pt idx="2018">
                  <c:v>41698</c:v>
                </c:pt>
                <c:pt idx="2019">
                  <c:v>41703</c:v>
                </c:pt>
                <c:pt idx="2020">
                  <c:v>41704</c:v>
                </c:pt>
                <c:pt idx="2021">
                  <c:v>41705</c:v>
                </c:pt>
                <c:pt idx="2022">
                  <c:v>41708</c:v>
                </c:pt>
                <c:pt idx="2023">
                  <c:v>41709</c:v>
                </c:pt>
                <c:pt idx="2024">
                  <c:v>41710</c:v>
                </c:pt>
                <c:pt idx="2025">
                  <c:v>41711</c:v>
                </c:pt>
                <c:pt idx="2026">
                  <c:v>41712</c:v>
                </c:pt>
                <c:pt idx="2027">
                  <c:v>41715</c:v>
                </c:pt>
                <c:pt idx="2028">
                  <c:v>41716</c:v>
                </c:pt>
                <c:pt idx="2029">
                  <c:v>41717</c:v>
                </c:pt>
                <c:pt idx="2030">
                  <c:v>41718</c:v>
                </c:pt>
                <c:pt idx="2031">
                  <c:v>41719</c:v>
                </c:pt>
                <c:pt idx="2032">
                  <c:v>41722</c:v>
                </c:pt>
                <c:pt idx="2033">
                  <c:v>41723</c:v>
                </c:pt>
                <c:pt idx="2034">
                  <c:v>41724</c:v>
                </c:pt>
                <c:pt idx="2035">
                  <c:v>41725</c:v>
                </c:pt>
                <c:pt idx="2036">
                  <c:v>41726</c:v>
                </c:pt>
                <c:pt idx="2037">
                  <c:v>41729</c:v>
                </c:pt>
                <c:pt idx="2038">
                  <c:v>41730</c:v>
                </c:pt>
                <c:pt idx="2039">
                  <c:v>41731</c:v>
                </c:pt>
                <c:pt idx="2040">
                  <c:v>41732</c:v>
                </c:pt>
                <c:pt idx="2041">
                  <c:v>41733</c:v>
                </c:pt>
                <c:pt idx="2042">
                  <c:v>41736</c:v>
                </c:pt>
                <c:pt idx="2043">
                  <c:v>41737</c:v>
                </c:pt>
                <c:pt idx="2044">
                  <c:v>41738</c:v>
                </c:pt>
                <c:pt idx="2045">
                  <c:v>41739</c:v>
                </c:pt>
                <c:pt idx="2046">
                  <c:v>41740</c:v>
                </c:pt>
                <c:pt idx="2047">
                  <c:v>41743</c:v>
                </c:pt>
                <c:pt idx="2048">
                  <c:v>41744</c:v>
                </c:pt>
                <c:pt idx="2049">
                  <c:v>41745</c:v>
                </c:pt>
                <c:pt idx="2050">
                  <c:v>41746</c:v>
                </c:pt>
                <c:pt idx="2051">
                  <c:v>41751</c:v>
                </c:pt>
                <c:pt idx="2052">
                  <c:v>41752</c:v>
                </c:pt>
                <c:pt idx="2053">
                  <c:v>41753</c:v>
                </c:pt>
                <c:pt idx="2054">
                  <c:v>41754</c:v>
                </c:pt>
                <c:pt idx="2055">
                  <c:v>41757</c:v>
                </c:pt>
                <c:pt idx="2056">
                  <c:v>41758</c:v>
                </c:pt>
                <c:pt idx="2057">
                  <c:v>41759</c:v>
                </c:pt>
                <c:pt idx="2058">
                  <c:v>41761</c:v>
                </c:pt>
                <c:pt idx="2059">
                  <c:v>41764</c:v>
                </c:pt>
                <c:pt idx="2060">
                  <c:v>41765</c:v>
                </c:pt>
                <c:pt idx="2061">
                  <c:v>41766</c:v>
                </c:pt>
                <c:pt idx="2062">
                  <c:v>41767</c:v>
                </c:pt>
                <c:pt idx="2063">
                  <c:v>41768</c:v>
                </c:pt>
                <c:pt idx="2064">
                  <c:v>41771</c:v>
                </c:pt>
                <c:pt idx="2065">
                  <c:v>41772</c:v>
                </c:pt>
                <c:pt idx="2066">
                  <c:v>41773</c:v>
                </c:pt>
                <c:pt idx="2067">
                  <c:v>41774</c:v>
                </c:pt>
                <c:pt idx="2068">
                  <c:v>41775</c:v>
                </c:pt>
                <c:pt idx="2069">
                  <c:v>41778</c:v>
                </c:pt>
                <c:pt idx="2070">
                  <c:v>41779</c:v>
                </c:pt>
                <c:pt idx="2071">
                  <c:v>41780</c:v>
                </c:pt>
                <c:pt idx="2072">
                  <c:v>41781</c:v>
                </c:pt>
                <c:pt idx="2073">
                  <c:v>41782</c:v>
                </c:pt>
                <c:pt idx="2074">
                  <c:v>41785</c:v>
                </c:pt>
                <c:pt idx="2075">
                  <c:v>41786</c:v>
                </c:pt>
                <c:pt idx="2076">
                  <c:v>41787</c:v>
                </c:pt>
                <c:pt idx="2077">
                  <c:v>41788</c:v>
                </c:pt>
                <c:pt idx="2078">
                  <c:v>41789</c:v>
                </c:pt>
                <c:pt idx="2079">
                  <c:v>41792</c:v>
                </c:pt>
                <c:pt idx="2080">
                  <c:v>41793</c:v>
                </c:pt>
                <c:pt idx="2081">
                  <c:v>41794</c:v>
                </c:pt>
                <c:pt idx="2082">
                  <c:v>41795</c:v>
                </c:pt>
                <c:pt idx="2083">
                  <c:v>41796</c:v>
                </c:pt>
                <c:pt idx="2084">
                  <c:v>41799</c:v>
                </c:pt>
                <c:pt idx="2085">
                  <c:v>41800</c:v>
                </c:pt>
                <c:pt idx="2086">
                  <c:v>41801</c:v>
                </c:pt>
                <c:pt idx="2087">
                  <c:v>41803</c:v>
                </c:pt>
                <c:pt idx="2088">
                  <c:v>41806</c:v>
                </c:pt>
                <c:pt idx="2089">
                  <c:v>41807</c:v>
                </c:pt>
                <c:pt idx="2090">
                  <c:v>41808</c:v>
                </c:pt>
                <c:pt idx="2091">
                  <c:v>41810</c:v>
                </c:pt>
                <c:pt idx="2092">
                  <c:v>41813</c:v>
                </c:pt>
                <c:pt idx="2093">
                  <c:v>41814</c:v>
                </c:pt>
                <c:pt idx="2094">
                  <c:v>41815</c:v>
                </c:pt>
                <c:pt idx="2095">
                  <c:v>41816</c:v>
                </c:pt>
                <c:pt idx="2096">
                  <c:v>41817</c:v>
                </c:pt>
                <c:pt idx="2097">
                  <c:v>41820</c:v>
                </c:pt>
                <c:pt idx="2098">
                  <c:v>41821</c:v>
                </c:pt>
                <c:pt idx="2099">
                  <c:v>41822</c:v>
                </c:pt>
                <c:pt idx="2100">
                  <c:v>41823</c:v>
                </c:pt>
                <c:pt idx="2101">
                  <c:v>41824</c:v>
                </c:pt>
                <c:pt idx="2102">
                  <c:v>41827</c:v>
                </c:pt>
                <c:pt idx="2103">
                  <c:v>41828</c:v>
                </c:pt>
                <c:pt idx="2104">
                  <c:v>41830</c:v>
                </c:pt>
                <c:pt idx="2105">
                  <c:v>41831</c:v>
                </c:pt>
                <c:pt idx="2106">
                  <c:v>41834</c:v>
                </c:pt>
                <c:pt idx="2107">
                  <c:v>41835</c:v>
                </c:pt>
                <c:pt idx="2108">
                  <c:v>41836</c:v>
                </c:pt>
                <c:pt idx="2109">
                  <c:v>41837</c:v>
                </c:pt>
                <c:pt idx="2110">
                  <c:v>41838</c:v>
                </c:pt>
                <c:pt idx="2111">
                  <c:v>41841</c:v>
                </c:pt>
                <c:pt idx="2112">
                  <c:v>41842</c:v>
                </c:pt>
                <c:pt idx="2113">
                  <c:v>41843</c:v>
                </c:pt>
                <c:pt idx="2114">
                  <c:v>41844</c:v>
                </c:pt>
                <c:pt idx="2115">
                  <c:v>41845</c:v>
                </c:pt>
                <c:pt idx="2116">
                  <c:v>41848</c:v>
                </c:pt>
                <c:pt idx="2117">
                  <c:v>41849</c:v>
                </c:pt>
                <c:pt idx="2118">
                  <c:v>41850</c:v>
                </c:pt>
                <c:pt idx="2119">
                  <c:v>41851</c:v>
                </c:pt>
                <c:pt idx="2120">
                  <c:v>41852</c:v>
                </c:pt>
                <c:pt idx="2121">
                  <c:v>41855</c:v>
                </c:pt>
                <c:pt idx="2122">
                  <c:v>41856</c:v>
                </c:pt>
                <c:pt idx="2123">
                  <c:v>41857</c:v>
                </c:pt>
                <c:pt idx="2124">
                  <c:v>41858</c:v>
                </c:pt>
                <c:pt idx="2125">
                  <c:v>41859</c:v>
                </c:pt>
                <c:pt idx="2126">
                  <c:v>41862</c:v>
                </c:pt>
                <c:pt idx="2127">
                  <c:v>41863</c:v>
                </c:pt>
                <c:pt idx="2128">
                  <c:v>41864</c:v>
                </c:pt>
                <c:pt idx="2129">
                  <c:v>41865</c:v>
                </c:pt>
                <c:pt idx="2130">
                  <c:v>41866</c:v>
                </c:pt>
                <c:pt idx="2131">
                  <c:v>41869</c:v>
                </c:pt>
                <c:pt idx="2132">
                  <c:v>41870</c:v>
                </c:pt>
                <c:pt idx="2133">
                  <c:v>41871</c:v>
                </c:pt>
                <c:pt idx="2134">
                  <c:v>41872</c:v>
                </c:pt>
                <c:pt idx="2135">
                  <c:v>41873</c:v>
                </c:pt>
                <c:pt idx="2136">
                  <c:v>41876</c:v>
                </c:pt>
                <c:pt idx="2137">
                  <c:v>41877</c:v>
                </c:pt>
                <c:pt idx="2138">
                  <c:v>41878</c:v>
                </c:pt>
                <c:pt idx="2139">
                  <c:v>41879</c:v>
                </c:pt>
                <c:pt idx="2140">
                  <c:v>41880</c:v>
                </c:pt>
                <c:pt idx="2141">
                  <c:v>41883</c:v>
                </c:pt>
                <c:pt idx="2142">
                  <c:v>41884</c:v>
                </c:pt>
                <c:pt idx="2143">
                  <c:v>41885</c:v>
                </c:pt>
                <c:pt idx="2144">
                  <c:v>41886</c:v>
                </c:pt>
                <c:pt idx="2145">
                  <c:v>41887</c:v>
                </c:pt>
                <c:pt idx="2146">
                  <c:v>41890</c:v>
                </c:pt>
                <c:pt idx="2147">
                  <c:v>41891</c:v>
                </c:pt>
                <c:pt idx="2148">
                  <c:v>41892</c:v>
                </c:pt>
                <c:pt idx="2149">
                  <c:v>41893</c:v>
                </c:pt>
                <c:pt idx="2150">
                  <c:v>41894</c:v>
                </c:pt>
                <c:pt idx="2151">
                  <c:v>41897</c:v>
                </c:pt>
                <c:pt idx="2152">
                  <c:v>41898</c:v>
                </c:pt>
                <c:pt idx="2153">
                  <c:v>41899</c:v>
                </c:pt>
                <c:pt idx="2154">
                  <c:v>41900</c:v>
                </c:pt>
                <c:pt idx="2155">
                  <c:v>41901</c:v>
                </c:pt>
                <c:pt idx="2156">
                  <c:v>41904</c:v>
                </c:pt>
                <c:pt idx="2157">
                  <c:v>41905</c:v>
                </c:pt>
                <c:pt idx="2158">
                  <c:v>41906</c:v>
                </c:pt>
                <c:pt idx="2159">
                  <c:v>41907</c:v>
                </c:pt>
                <c:pt idx="2160">
                  <c:v>41908</c:v>
                </c:pt>
                <c:pt idx="2161">
                  <c:v>41911</c:v>
                </c:pt>
                <c:pt idx="2162">
                  <c:v>41912</c:v>
                </c:pt>
                <c:pt idx="2163">
                  <c:v>41913</c:v>
                </c:pt>
                <c:pt idx="2164">
                  <c:v>41914</c:v>
                </c:pt>
                <c:pt idx="2165">
                  <c:v>41915</c:v>
                </c:pt>
                <c:pt idx="2166">
                  <c:v>41918</c:v>
                </c:pt>
                <c:pt idx="2167">
                  <c:v>41919</c:v>
                </c:pt>
                <c:pt idx="2168">
                  <c:v>41920</c:v>
                </c:pt>
                <c:pt idx="2169">
                  <c:v>41921</c:v>
                </c:pt>
                <c:pt idx="2170">
                  <c:v>41922</c:v>
                </c:pt>
                <c:pt idx="2171">
                  <c:v>41925</c:v>
                </c:pt>
                <c:pt idx="2172">
                  <c:v>41926</c:v>
                </c:pt>
                <c:pt idx="2173">
                  <c:v>41927</c:v>
                </c:pt>
                <c:pt idx="2174">
                  <c:v>41928</c:v>
                </c:pt>
                <c:pt idx="2175">
                  <c:v>41929</c:v>
                </c:pt>
                <c:pt idx="2176">
                  <c:v>41932</c:v>
                </c:pt>
                <c:pt idx="2177">
                  <c:v>41933</c:v>
                </c:pt>
                <c:pt idx="2178">
                  <c:v>41934</c:v>
                </c:pt>
                <c:pt idx="2179">
                  <c:v>41935</c:v>
                </c:pt>
                <c:pt idx="2180">
                  <c:v>41936</c:v>
                </c:pt>
                <c:pt idx="2181">
                  <c:v>41939</c:v>
                </c:pt>
                <c:pt idx="2182">
                  <c:v>41940</c:v>
                </c:pt>
                <c:pt idx="2183">
                  <c:v>41941</c:v>
                </c:pt>
                <c:pt idx="2184">
                  <c:v>41942</c:v>
                </c:pt>
                <c:pt idx="2185">
                  <c:v>41943</c:v>
                </c:pt>
                <c:pt idx="2186">
                  <c:v>41946</c:v>
                </c:pt>
                <c:pt idx="2187">
                  <c:v>41947</c:v>
                </c:pt>
                <c:pt idx="2188">
                  <c:v>41948</c:v>
                </c:pt>
                <c:pt idx="2189">
                  <c:v>41949</c:v>
                </c:pt>
                <c:pt idx="2190">
                  <c:v>41950</c:v>
                </c:pt>
                <c:pt idx="2191">
                  <c:v>41953</c:v>
                </c:pt>
                <c:pt idx="2192">
                  <c:v>41954</c:v>
                </c:pt>
                <c:pt idx="2193">
                  <c:v>41955</c:v>
                </c:pt>
                <c:pt idx="2194">
                  <c:v>41956</c:v>
                </c:pt>
                <c:pt idx="2195">
                  <c:v>41957</c:v>
                </c:pt>
                <c:pt idx="2196">
                  <c:v>41960</c:v>
                </c:pt>
                <c:pt idx="2197">
                  <c:v>41961</c:v>
                </c:pt>
                <c:pt idx="2198">
                  <c:v>41962</c:v>
                </c:pt>
                <c:pt idx="2199">
                  <c:v>41964</c:v>
                </c:pt>
                <c:pt idx="2200">
                  <c:v>41967</c:v>
                </c:pt>
                <c:pt idx="2201">
                  <c:v>41968</c:v>
                </c:pt>
                <c:pt idx="2202">
                  <c:v>41969</c:v>
                </c:pt>
                <c:pt idx="2203">
                  <c:v>41970</c:v>
                </c:pt>
                <c:pt idx="2204">
                  <c:v>41971</c:v>
                </c:pt>
                <c:pt idx="2205">
                  <c:v>41974</c:v>
                </c:pt>
                <c:pt idx="2206">
                  <c:v>41975</c:v>
                </c:pt>
                <c:pt idx="2207">
                  <c:v>41976</c:v>
                </c:pt>
                <c:pt idx="2208">
                  <c:v>41977</c:v>
                </c:pt>
                <c:pt idx="2209">
                  <c:v>41978</c:v>
                </c:pt>
                <c:pt idx="2210">
                  <c:v>41981</c:v>
                </c:pt>
                <c:pt idx="2211">
                  <c:v>41982</c:v>
                </c:pt>
                <c:pt idx="2212">
                  <c:v>41983</c:v>
                </c:pt>
                <c:pt idx="2213">
                  <c:v>41984</c:v>
                </c:pt>
                <c:pt idx="2214">
                  <c:v>41985</c:v>
                </c:pt>
                <c:pt idx="2215">
                  <c:v>41988</c:v>
                </c:pt>
                <c:pt idx="2216">
                  <c:v>41989</c:v>
                </c:pt>
                <c:pt idx="2217">
                  <c:v>41990</c:v>
                </c:pt>
                <c:pt idx="2218">
                  <c:v>41991</c:v>
                </c:pt>
                <c:pt idx="2219">
                  <c:v>41992</c:v>
                </c:pt>
                <c:pt idx="2220">
                  <c:v>41995</c:v>
                </c:pt>
                <c:pt idx="2221">
                  <c:v>41996</c:v>
                </c:pt>
                <c:pt idx="2222">
                  <c:v>41999</c:v>
                </c:pt>
                <c:pt idx="2223">
                  <c:v>42002</c:v>
                </c:pt>
                <c:pt idx="2224">
                  <c:v>42003</c:v>
                </c:pt>
                <c:pt idx="2225">
                  <c:v>42006</c:v>
                </c:pt>
                <c:pt idx="2226">
                  <c:v>42009</c:v>
                </c:pt>
                <c:pt idx="2227">
                  <c:v>42010</c:v>
                </c:pt>
                <c:pt idx="2228">
                  <c:v>42011</c:v>
                </c:pt>
                <c:pt idx="2229">
                  <c:v>42012</c:v>
                </c:pt>
                <c:pt idx="2230">
                  <c:v>42013</c:v>
                </c:pt>
                <c:pt idx="2231">
                  <c:v>42016</c:v>
                </c:pt>
                <c:pt idx="2232">
                  <c:v>42017</c:v>
                </c:pt>
                <c:pt idx="2233">
                  <c:v>42018</c:v>
                </c:pt>
                <c:pt idx="2234">
                  <c:v>42019</c:v>
                </c:pt>
                <c:pt idx="2235">
                  <c:v>42020</c:v>
                </c:pt>
                <c:pt idx="2236">
                  <c:v>42023</c:v>
                </c:pt>
                <c:pt idx="2237">
                  <c:v>42024</c:v>
                </c:pt>
                <c:pt idx="2238">
                  <c:v>42025</c:v>
                </c:pt>
                <c:pt idx="2239">
                  <c:v>42026</c:v>
                </c:pt>
                <c:pt idx="2240">
                  <c:v>42027</c:v>
                </c:pt>
                <c:pt idx="2241">
                  <c:v>42030</c:v>
                </c:pt>
                <c:pt idx="2242">
                  <c:v>42031</c:v>
                </c:pt>
                <c:pt idx="2243">
                  <c:v>42032</c:v>
                </c:pt>
                <c:pt idx="2244">
                  <c:v>42033</c:v>
                </c:pt>
                <c:pt idx="2245">
                  <c:v>42034</c:v>
                </c:pt>
                <c:pt idx="2246">
                  <c:v>42037</c:v>
                </c:pt>
                <c:pt idx="2247">
                  <c:v>42038</c:v>
                </c:pt>
                <c:pt idx="2248">
                  <c:v>42039</c:v>
                </c:pt>
                <c:pt idx="2249">
                  <c:v>42040</c:v>
                </c:pt>
                <c:pt idx="2250">
                  <c:v>42041</c:v>
                </c:pt>
                <c:pt idx="2251">
                  <c:v>42044</c:v>
                </c:pt>
                <c:pt idx="2252">
                  <c:v>42045</c:v>
                </c:pt>
                <c:pt idx="2253">
                  <c:v>42046</c:v>
                </c:pt>
                <c:pt idx="2254">
                  <c:v>42047</c:v>
                </c:pt>
                <c:pt idx="2255">
                  <c:v>42048</c:v>
                </c:pt>
                <c:pt idx="2256">
                  <c:v>42053</c:v>
                </c:pt>
                <c:pt idx="2257">
                  <c:v>42054</c:v>
                </c:pt>
                <c:pt idx="2258">
                  <c:v>42055</c:v>
                </c:pt>
                <c:pt idx="2259">
                  <c:v>42058</c:v>
                </c:pt>
                <c:pt idx="2260">
                  <c:v>42059</c:v>
                </c:pt>
                <c:pt idx="2261">
                  <c:v>42060</c:v>
                </c:pt>
                <c:pt idx="2262">
                  <c:v>42061</c:v>
                </c:pt>
                <c:pt idx="2263">
                  <c:v>42062</c:v>
                </c:pt>
                <c:pt idx="2264">
                  <c:v>42065</c:v>
                </c:pt>
                <c:pt idx="2265">
                  <c:v>42066</c:v>
                </c:pt>
                <c:pt idx="2266">
                  <c:v>42067</c:v>
                </c:pt>
                <c:pt idx="2267">
                  <c:v>42068</c:v>
                </c:pt>
                <c:pt idx="2268">
                  <c:v>42069</c:v>
                </c:pt>
                <c:pt idx="2269">
                  <c:v>42072</c:v>
                </c:pt>
                <c:pt idx="2270">
                  <c:v>42073</c:v>
                </c:pt>
                <c:pt idx="2271">
                  <c:v>42074</c:v>
                </c:pt>
                <c:pt idx="2272">
                  <c:v>42075</c:v>
                </c:pt>
                <c:pt idx="2273">
                  <c:v>42076</c:v>
                </c:pt>
                <c:pt idx="2274">
                  <c:v>42079</c:v>
                </c:pt>
                <c:pt idx="2275">
                  <c:v>42080</c:v>
                </c:pt>
                <c:pt idx="2276">
                  <c:v>42081</c:v>
                </c:pt>
                <c:pt idx="2277">
                  <c:v>42082</c:v>
                </c:pt>
                <c:pt idx="2278">
                  <c:v>42083</c:v>
                </c:pt>
                <c:pt idx="2279">
                  <c:v>42086</c:v>
                </c:pt>
                <c:pt idx="2280">
                  <c:v>42087</c:v>
                </c:pt>
                <c:pt idx="2281">
                  <c:v>42088</c:v>
                </c:pt>
                <c:pt idx="2282">
                  <c:v>42089</c:v>
                </c:pt>
                <c:pt idx="2283">
                  <c:v>42090</c:v>
                </c:pt>
                <c:pt idx="2284">
                  <c:v>42093</c:v>
                </c:pt>
                <c:pt idx="2285">
                  <c:v>42094</c:v>
                </c:pt>
                <c:pt idx="2286">
                  <c:v>42095</c:v>
                </c:pt>
                <c:pt idx="2287">
                  <c:v>42096</c:v>
                </c:pt>
                <c:pt idx="2288">
                  <c:v>42100</c:v>
                </c:pt>
                <c:pt idx="2289">
                  <c:v>42101</c:v>
                </c:pt>
                <c:pt idx="2290">
                  <c:v>42102</c:v>
                </c:pt>
                <c:pt idx="2291">
                  <c:v>42103</c:v>
                </c:pt>
                <c:pt idx="2292">
                  <c:v>42104</c:v>
                </c:pt>
                <c:pt idx="2293">
                  <c:v>42107</c:v>
                </c:pt>
                <c:pt idx="2294">
                  <c:v>42108</c:v>
                </c:pt>
                <c:pt idx="2295">
                  <c:v>42109</c:v>
                </c:pt>
                <c:pt idx="2296">
                  <c:v>42110</c:v>
                </c:pt>
                <c:pt idx="2297">
                  <c:v>42111</c:v>
                </c:pt>
                <c:pt idx="2298">
                  <c:v>42114</c:v>
                </c:pt>
                <c:pt idx="2299">
                  <c:v>42116</c:v>
                </c:pt>
                <c:pt idx="2300">
                  <c:v>42117</c:v>
                </c:pt>
                <c:pt idx="2301">
                  <c:v>42118</c:v>
                </c:pt>
                <c:pt idx="2302">
                  <c:v>42121</c:v>
                </c:pt>
                <c:pt idx="2303">
                  <c:v>42122</c:v>
                </c:pt>
                <c:pt idx="2304">
                  <c:v>42123</c:v>
                </c:pt>
                <c:pt idx="2305">
                  <c:v>42124</c:v>
                </c:pt>
                <c:pt idx="2306">
                  <c:v>42128</c:v>
                </c:pt>
                <c:pt idx="2307">
                  <c:v>42129</c:v>
                </c:pt>
                <c:pt idx="2308">
                  <c:v>42130</c:v>
                </c:pt>
                <c:pt idx="2309">
                  <c:v>42131</c:v>
                </c:pt>
                <c:pt idx="2310">
                  <c:v>42132</c:v>
                </c:pt>
                <c:pt idx="2311">
                  <c:v>42135</c:v>
                </c:pt>
                <c:pt idx="2312">
                  <c:v>42136</c:v>
                </c:pt>
                <c:pt idx="2313">
                  <c:v>42137</c:v>
                </c:pt>
                <c:pt idx="2314">
                  <c:v>42138</c:v>
                </c:pt>
                <c:pt idx="2315">
                  <c:v>42139</c:v>
                </c:pt>
                <c:pt idx="2316">
                  <c:v>42142</c:v>
                </c:pt>
                <c:pt idx="2317">
                  <c:v>42143</c:v>
                </c:pt>
                <c:pt idx="2318">
                  <c:v>42144</c:v>
                </c:pt>
                <c:pt idx="2319">
                  <c:v>42145</c:v>
                </c:pt>
                <c:pt idx="2320">
                  <c:v>42146</c:v>
                </c:pt>
                <c:pt idx="2321">
                  <c:v>42149</c:v>
                </c:pt>
                <c:pt idx="2322">
                  <c:v>42150</c:v>
                </c:pt>
                <c:pt idx="2323">
                  <c:v>42151</c:v>
                </c:pt>
                <c:pt idx="2324">
                  <c:v>42152</c:v>
                </c:pt>
                <c:pt idx="2325">
                  <c:v>42153</c:v>
                </c:pt>
                <c:pt idx="2326">
                  <c:v>42156</c:v>
                </c:pt>
                <c:pt idx="2327">
                  <c:v>42157</c:v>
                </c:pt>
                <c:pt idx="2328">
                  <c:v>42158</c:v>
                </c:pt>
                <c:pt idx="2329">
                  <c:v>42160</c:v>
                </c:pt>
                <c:pt idx="2330">
                  <c:v>42163</c:v>
                </c:pt>
                <c:pt idx="2331">
                  <c:v>42164</c:v>
                </c:pt>
                <c:pt idx="2332">
                  <c:v>42165</c:v>
                </c:pt>
                <c:pt idx="2333">
                  <c:v>42166</c:v>
                </c:pt>
                <c:pt idx="2334">
                  <c:v>42167</c:v>
                </c:pt>
                <c:pt idx="2335">
                  <c:v>42170</c:v>
                </c:pt>
                <c:pt idx="2336">
                  <c:v>42171</c:v>
                </c:pt>
                <c:pt idx="2337">
                  <c:v>42172</c:v>
                </c:pt>
                <c:pt idx="2338">
                  <c:v>42173</c:v>
                </c:pt>
                <c:pt idx="2339">
                  <c:v>42174</c:v>
                </c:pt>
                <c:pt idx="2340">
                  <c:v>42177</c:v>
                </c:pt>
                <c:pt idx="2341">
                  <c:v>42178</c:v>
                </c:pt>
                <c:pt idx="2342">
                  <c:v>42179</c:v>
                </c:pt>
                <c:pt idx="2343">
                  <c:v>42180</c:v>
                </c:pt>
                <c:pt idx="2344">
                  <c:v>42181</c:v>
                </c:pt>
                <c:pt idx="2345">
                  <c:v>42184</c:v>
                </c:pt>
                <c:pt idx="2346">
                  <c:v>42185</c:v>
                </c:pt>
                <c:pt idx="2347">
                  <c:v>42186</c:v>
                </c:pt>
                <c:pt idx="2348">
                  <c:v>42187</c:v>
                </c:pt>
                <c:pt idx="2349">
                  <c:v>42188</c:v>
                </c:pt>
                <c:pt idx="2350">
                  <c:v>42191</c:v>
                </c:pt>
                <c:pt idx="2351">
                  <c:v>42192</c:v>
                </c:pt>
                <c:pt idx="2352">
                  <c:v>42193</c:v>
                </c:pt>
                <c:pt idx="2353">
                  <c:v>42195</c:v>
                </c:pt>
                <c:pt idx="2354">
                  <c:v>42198</c:v>
                </c:pt>
                <c:pt idx="2355">
                  <c:v>42199</c:v>
                </c:pt>
                <c:pt idx="2356">
                  <c:v>42200</c:v>
                </c:pt>
                <c:pt idx="2357">
                  <c:v>42201</c:v>
                </c:pt>
                <c:pt idx="2358">
                  <c:v>42202</c:v>
                </c:pt>
                <c:pt idx="2359">
                  <c:v>42205</c:v>
                </c:pt>
                <c:pt idx="2360">
                  <c:v>42206</c:v>
                </c:pt>
                <c:pt idx="2361">
                  <c:v>42207</c:v>
                </c:pt>
                <c:pt idx="2362">
                  <c:v>42208</c:v>
                </c:pt>
                <c:pt idx="2363">
                  <c:v>42209</c:v>
                </c:pt>
                <c:pt idx="2364">
                  <c:v>42212</c:v>
                </c:pt>
                <c:pt idx="2365">
                  <c:v>42213</c:v>
                </c:pt>
                <c:pt idx="2366">
                  <c:v>42214</c:v>
                </c:pt>
                <c:pt idx="2367">
                  <c:v>42215</c:v>
                </c:pt>
                <c:pt idx="2368">
                  <c:v>42216</c:v>
                </c:pt>
                <c:pt idx="2369">
                  <c:v>42219</c:v>
                </c:pt>
                <c:pt idx="2370">
                  <c:v>42220</c:v>
                </c:pt>
                <c:pt idx="2371">
                  <c:v>42221</c:v>
                </c:pt>
                <c:pt idx="2372">
                  <c:v>42222</c:v>
                </c:pt>
                <c:pt idx="2373">
                  <c:v>42223</c:v>
                </c:pt>
                <c:pt idx="2374">
                  <c:v>42226</c:v>
                </c:pt>
                <c:pt idx="2375">
                  <c:v>42227</c:v>
                </c:pt>
                <c:pt idx="2376">
                  <c:v>42228</c:v>
                </c:pt>
                <c:pt idx="2377">
                  <c:v>42229</c:v>
                </c:pt>
                <c:pt idx="2378">
                  <c:v>42230</c:v>
                </c:pt>
                <c:pt idx="2379">
                  <c:v>42233</c:v>
                </c:pt>
                <c:pt idx="2380">
                  <c:v>42234</c:v>
                </c:pt>
                <c:pt idx="2381">
                  <c:v>42235</c:v>
                </c:pt>
                <c:pt idx="2382">
                  <c:v>42236</c:v>
                </c:pt>
                <c:pt idx="2383">
                  <c:v>42237</c:v>
                </c:pt>
                <c:pt idx="2384">
                  <c:v>42240</c:v>
                </c:pt>
                <c:pt idx="2385">
                  <c:v>42241</c:v>
                </c:pt>
                <c:pt idx="2386">
                  <c:v>42242</c:v>
                </c:pt>
                <c:pt idx="2387">
                  <c:v>42243</c:v>
                </c:pt>
                <c:pt idx="2388">
                  <c:v>42244</c:v>
                </c:pt>
                <c:pt idx="2389">
                  <c:v>42247</c:v>
                </c:pt>
                <c:pt idx="2390">
                  <c:v>42248</c:v>
                </c:pt>
                <c:pt idx="2391">
                  <c:v>42249</c:v>
                </c:pt>
                <c:pt idx="2392">
                  <c:v>42250</c:v>
                </c:pt>
                <c:pt idx="2393">
                  <c:v>42251</c:v>
                </c:pt>
                <c:pt idx="2394">
                  <c:v>42255</c:v>
                </c:pt>
                <c:pt idx="2395">
                  <c:v>42256</c:v>
                </c:pt>
                <c:pt idx="2396">
                  <c:v>42257</c:v>
                </c:pt>
                <c:pt idx="2397">
                  <c:v>42258</c:v>
                </c:pt>
                <c:pt idx="2398">
                  <c:v>42261</c:v>
                </c:pt>
                <c:pt idx="2399">
                  <c:v>42262</c:v>
                </c:pt>
                <c:pt idx="2400">
                  <c:v>42263</c:v>
                </c:pt>
                <c:pt idx="2401">
                  <c:v>42264</c:v>
                </c:pt>
                <c:pt idx="2402">
                  <c:v>42265</c:v>
                </c:pt>
                <c:pt idx="2403">
                  <c:v>42268</c:v>
                </c:pt>
                <c:pt idx="2404">
                  <c:v>42269</c:v>
                </c:pt>
                <c:pt idx="2405">
                  <c:v>42270</c:v>
                </c:pt>
                <c:pt idx="2406">
                  <c:v>42271</c:v>
                </c:pt>
                <c:pt idx="2407">
                  <c:v>42272</c:v>
                </c:pt>
                <c:pt idx="2408">
                  <c:v>42275</c:v>
                </c:pt>
                <c:pt idx="2409">
                  <c:v>42276</c:v>
                </c:pt>
                <c:pt idx="2410">
                  <c:v>42277</c:v>
                </c:pt>
                <c:pt idx="2411">
                  <c:v>42278</c:v>
                </c:pt>
                <c:pt idx="2412">
                  <c:v>42279</c:v>
                </c:pt>
                <c:pt idx="2413">
                  <c:v>42282</c:v>
                </c:pt>
                <c:pt idx="2414">
                  <c:v>42283</c:v>
                </c:pt>
                <c:pt idx="2415">
                  <c:v>42284</c:v>
                </c:pt>
                <c:pt idx="2416">
                  <c:v>42285</c:v>
                </c:pt>
                <c:pt idx="2417">
                  <c:v>42286</c:v>
                </c:pt>
                <c:pt idx="2418">
                  <c:v>42290</c:v>
                </c:pt>
                <c:pt idx="2419">
                  <c:v>42291</c:v>
                </c:pt>
                <c:pt idx="2420">
                  <c:v>42292</c:v>
                </c:pt>
                <c:pt idx="2421">
                  <c:v>42293</c:v>
                </c:pt>
                <c:pt idx="2422">
                  <c:v>42296</c:v>
                </c:pt>
                <c:pt idx="2423">
                  <c:v>42297</c:v>
                </c:pt>
                <c:pt idx="2424">
                  <c:v>42298</c:v>
                </c:pt>
                <c:pt idx="2425">
                  <c:v>42299</c:v>
                </c:pt>
                <c:pt idx="2426">
                  <c:v>42300</c:v>
                </c:pt>
                <c:pt idx="2427">
                  <c:v>42303</c:v>
                </c:pt>
                <c:pt idx="2428">
                  <c:v>42304</c:v>
                </c:pt>
                <c:pt idx="2429">
                  <c:v>42305</c:v>
                </c:pt>
                <c:pt idx="2430">
                  <c:v>42306</c:v>
                </c:pt>
                <c:pt idx="2431">
                  <c:v>42307</c:v>
                </c:pt>
                <c:pt idx="2432">
                  <c:v>42311</c:v>
                </c:pt>
                <c:pt idx="2433">
                  <c:v>42312</c:v>
                </c:pt>
                <c:pt idx="2434">
                  <c:v>42313</c:v>
                </c:pt>
                <c:pt idx="2435">
                  <c:v>42314</c:v>
                </c:pt>
                <c:pt idx="2436">
                  <c:v>42317</c:v>
                </c:pt>
                <c:pt idx="2437">
                  <c:v>42318</c:v>
                </c:pt>
                <c:pt idx="2438">
                  <c:v>42319</c:v>
                </c:pt>
                <c:pt idx="2439">
                  <c:v>42320</c:v>
                </c:pt>
                <c:pt idx="2440">
                  <c:v>42321</c:v>
                </c:pt>
                <c:pt idx="2441">
                  <c:v>42324</c:v>
                </c:pt>
                <c:pt idx="2442">
                  <c:v>42325</c:v>
                </c:pt>
                <c:pt idx="2443">
                  <c:v>42326</c:v>
                </c:pt>
                <c:pt idx="2444">
                  <c:v>42327</c:v>
                </c:pt>
                <c:pt idx="2445">
                  <c:v>42331</c:v>
                </c:pt>
                <c:pt idx="2446">
                  <c:v>42332</c:v>
                </c:pt>
                <c:pt idx="2447">
                  <c:v>42333</c:v>
                </c:pt>
                <c:pt idx="2448">
                  <c:v>42334</c:v>
                </c:pt>
                <c:pt idx="2449">
                  <c:v>42335</c:v>
                </c:pt>
                <c:pt idx="2450">
                  <c:v>42338</c:v>
                </c:pt>
                <c:pt idx="2451">
                  <c:v>42339</c:v>
                </c:pt>
                <c:pt idx="2452">
                  <c:v>42340</c:v>
                </c:pt>
                <c:pt idx="2453">
                  <c:v>42341</c:v>
                </c:pt>
                <c:pt idx="2454">
                  <c:v>42342</c:v>
                </c:pt>
                <c:pt idx="2455">
                  <c:v>42345</c:v>
                </c:pt>
                <c:pt idx="2456">
                  <c:v>42346</c:v>
                </c:pt>
                <c:pt idx="2457">
                  <c:v>42347</c:v>
                </c:pt>
                <c:pt idx="2458">
                  <c:v>42348</c:v>
                </c:pt>
                <c:pt idx="2459">
                  <c:v>42349</c:v>
                </c:pt>
                <c:pt idx="2460">
                  <c:v>42352</c:v>
                </c:pt>
                <c:pt idx="2461">
                  <c:v>42353</c:v>
                </c:pt>
                <c:pt idx="2462">
                  <c:v>42354</c:v>
                </c:pt>
                <c:pt idx="2463">
                  <c:v>42355</c:v>
                </c:pt>
                <c:pt idx="2464">
                  <c:v>42356</c:v>
                </c:pt>
                <c:pt idx="2465">
                  <c:v>42359</c:v>
                </c:pt>
                <c:pt idx="2466">
                  <c:v>42360</c:v>
                </c:pt>
                <c:pt idx="2467">
                  <c:v>42361</c:v>
                </c:pt>
                <c:pt idx="2468">
                  <c:v>42366</c:v>
                </c:pt>
                <c:pt idx="2469">
                  <c:v>42367</c:v>
                </c:pt>
                <c:pt idx="2470">
                  <c:v>42368</c:v>
                </c:pt>
                <c:pt idx="2471">
                  <c:v>42373</c:v>
                </c:pt>
                <c:pt idx="2472">
                  <c:v>42374</c:v>
                </c:pt>
                <c:pt idx="2473">
                  <c:v>42375</c:v>
                </c:pt>
                <c:pt idx="2474">
                  <c:v>42376</c:v>
                </c:pt>
                <c:pt idx="2475">
                  <c:v>42377</c:v>
                </c:pt>
                <c:pt idx="2476">
                  <c:v>42380</c:v>
                </c:pt>
                <c:pt idx="2477">
                  <c:v>42381</c:v>
                </c:pt>
                <c:pt idx="2478">
                  <c:v>42382</c:v>
                </c:pt>
                <c:pt idx="2479">
                  <c:v>42383</c:v>
                </c:pt>
                <c:pt idx="2480">
                  <c:v>42384</c:v>
                </c:pt>
                <c:pt idx="2481">
                  <c:v>42387</c:v>
                </c:pt>
                <c:pt idx="2482">
                  <c:v>42388</c:v>
                </c:pt>
                <c:pt idx="2483">
                  <c:v>42389</c:v>
                </c:pt>
                <c:pt idx="2484">
                  <c:v>42390</c:v>
                </c:pt>
                <c:pt idx="2485">
                  <c:v>42391</c:v>
                </c:pt>
                <c:pt idx="2486">
                  <c:v>42395</c:v>
                </c:pt>
                <c:pt idx="2487">
                  <c:v>42396</c:v>
                </c:pt>
                <c:pt idx="2488">
                  <c:v>42397</c:v>
                </c:pt>
                <c:pt idx="2489">
                  <c:v>42398</c:v>
                </c:pt>
                <c:pt idx="2490">
                  <c:v>42401</c:v>
                </c:pt>
                <c:pt idx="2491">
                  <c:v>42402</c:v>
                </c:pt>
                <c:pt idx="2492">
                  <c:v>42403</c:v>
                </c:pt>
                <c:pt idx="2493">
                  <c:v>42404</c:v>
                </c:pt>
                <c:pt idx="2494">
                  <c:v>42405</c:v>
                </c:pt>
                <c:pt idx="2495">
                  <c:v>42410</c:v>
                </c:pt>
                <c:pt idx="2496">
                  <c:v>42411</c:v>
                </c:pt>
                <c:pt idx="2497">
                  <c:v>42412</c:v>
                </c:pt>
                <c:pt idx="2498">
                  <c:v>42415</c:v>
                </c:pt>
                <c:pt idx="2499">
                  <c:v>42416</c:v>
                </c:pt>
                <c:pt idx="2500">
                  <c:v>42417</c:v>
                </c:pt>
                <c:pt idx="2501">
                  <c:v>42418</c:v>
                </c:pt>
                <c:pt idx="2502">
                  <c:v>42419</c:v>
                </c:pt>
                <c:pt idx="2503">
                  <c:v>42422</c:v>
                </c:pt>
                <c:pt idx="2504">
                  <c:v>42423</c:v>
                </c:pt>
                <c:pt idx="2505">
                  <c:v>42424</c:v>
                </c:pt>
                <c:pt idx="2506">
                  <c:v>42425</c:v>
                </c:pt>
                <c:pt idx="2507">
                  <c:v>42426</c:v>
                </c:pt>
                <c:pt idx="2508">
                  <c:v>42429</c:v>
                </c:pt>
                <c:pt idx="2509">
                  <c:v>42430</c:v>
                </c:pt>
                <c:pt idx="2510">
                  <c:v>42431</c:v>
                </c:pt>
                <c:pt idx="2511">
                  <c:v>42432</c:v>
                </c:pt>
                <c:pt idx="2512">
                  <c:v>42433</c:v>
                </c:pt>
                <c:pt idx="2513">
                  <c:v>42436</c:v>
                </c:pt>
                <c:pt idx="2514">
                  <c:v>42437</c:v>
                </c:pt>
                <c:pt idx="2515">
                  <c:v>42438</c:v>
                </c:pt>
                <c:pt idx="2516">
                  <c:v>42439</c:v>
                </c:pt>
                <c:pt idx="2517">
                  <c:v>42440</c:v>
                </c:pt>
                <c:pt idx="2518">
                  <c:v>42443</c:v>
                </c:pt>
                <c:pt idx="2519">
                  <c:v>42444</c:v>
                </c:pt>
                <c:pt idx="2520">
                  <c:v>42445</c:v>
                </c:pt>
                <c:pt idx="2521">
                  <c:v>42446</c:v>
                </c:pt>
                <c:pt idx="2522">
                  <c:v>42447</c:v>
                </c:pt>
                <c:pt idx="2523">
                  <c:v>42450</c:v>
                </c:pt>
                <c:pt idx="2524">
                  <c:v>42451</c:v>
                </c:pt>
                <c:pt idx="2525">
                  <c:v>42452</c:v>
                </c:pt>
                <c:pt idx="2526">
                  <c:v>42453</c:v>
                </c:pt>
                <c:pt idx="2527">
                  <c:v>42457</c:v>
                </c:pt>
                <c:pt idx="2528">
                  <c:v>42458</c:v>
                </c:pt>
                <c:pt idx="2529">
                  <c:v>42459</c:v>
                </c:pt>
                <c:pt idx="2530">
                  <c:v>42460</c:v>
                </c:pt>
                <c:pt idx="2531">
                  <c:v>42461</c:v>
                </c:pt>
                <c:pt idx="2532">
                  <c:v>42464</c:v>
                </c:pt>
                <c:pt idx="2533">
                  <c:v>42465</c:v>
                </c:pt>
                <c:pt idx="2534">
                  <c:v>42466</c:v>
                </c:pt>
                <c:pt idx="2535">
                  <c:v>42467</c:v>
                </c:pt>
                <c:pt idx="2536">
                  <c:v>42468</c:v>
                </c:pt>
                <c:pt idx="2537">
                  <c:v>42471</c:v>
                </c:pt>
                <c:pt idx="2538">
                  <c:v>42472</c:v>
                </c:pt>
                <c:pt idx="2539">
                  <c:v>42473</c:v>
                </c:pt>
                <c:pt idx="2540">
                  <c:v>42474</c:v>
                </c:pt>
                <c:pt idx="2541">
                  <c:v>42475</c:v>
                </c:pt>
                <c:pt idx="2542">
                  <c:v>42478</c:v>
                </c:pt>
                <c:pt idx="2543">
                  <c:v>42479</c:v>
                </c:pt>
                <c:pt idx="2544">
                  <c:v>42480</c:v>
                </c:pt>
                <c:pt idx="2545">
                  <c:v>42482</c:v>
                </c:pt>
                <c:pt idx="2546">
                  <c:v>42485</c:v>
                </c:pt>
                <c:pt idx="2547">
                  <c:v>42486</c:v>
                </c:pt>
                <c:pt idx="2548">
                  <c:v>42487</c:v>
                </c:pt>
                <c:pt idx="2549">
                  <c:v>42488</c:v>
                </c:pt>
                <c:pt idx="2550">
                  <c:v>42489</c:v>
                </c:pt>
                <c:pt idx="2551">
                  <c:v>42492</c:v>
                </c:pt>
                <c:pt idx="2552">
                  <c:v>42493</c:v>
                </c:pt>
                <c:pt idx="2553">
                  <c:v>42494</c:v>
                </c:pt>
                <c:pt idx="2554">
                  <c:v>42495</c:v>
                </c:pt>
                <c:pt idx="2555">
                  <c:v>42496</c:v>
                </c:pt>
                <c:pt idx="2556">
                  <c:v>42499</c:v>
                </c:pt>
                <c:pt idx="2557">
                  <c:v>42500</c:v>
                </c:pt>
                <c:pt idx="2558">
                  <c:v>42501</c:v>
                </c:pt>
                <c:pt idx="2559">
                  <c:v>42502</c:v>
                </c:pt>
                <c:pt idx="2560">
                  <c:v>42503</c:v>
                </c:pt>
                <c:pt idx="2561">
                  <c:v>42506</c:v>
                </c:pt>
                <c:pt idx="2562">
                  <c:v>42507</c:v>
                </c:pt>
                <c:pt idx="2563">
                  <c:v>42508</c:v>
                </c:pt>
                <c:pt idx="2564">
                  <c:v>42509</c:v>
                </c:pt>
                <c:pt idx="2565">
                  <c:v>42510</c:v>
                </c:pt>
                <c:pt idx="2566">
                  <c:v>42513</c:v>
                </c:pt>
                <c:pt idx="2567">
                  <c:v>42514</c:v>
                </c:pt>
                <c:pt idx="2568">
                  <c:v>42515</c:v>
                </c:pt>
                <c:pt idx="2569">
                  <c:v>42517</c:v>
                </c:pt>
                <c:pt idx="2570">
                  <c:v>42520</c:v>
                </c:pt>
                <c:pt idx="2571">
                  <c:v>42521</c:v>
                </c:pt>
                <c:pt idx="2572">
                  <c:v>42522</c:v>
                </c:pt>
                <c:pt idx="2573">
                  <c:v>42523</c:v>
                </c:pt>
                <c:pt idx="2574">
                  <c:v>42524</c:v>
                </c:pt>
                <c:pt idx="2575">
                  <c:v>42527</c:v>
                </c:pt>
                <c:pt idx="2576">
                  <c:v>42528</c:v>
                </c:pt>
                <c:pt idx="2577">
                  <c:v>42529</c:v>
                </c:pt>
                <c:pt idx="2578">
                  <c:v>42530</c:v>
                </c:pt>
                <c:pt idx="2579">
                  <c:v>42531</c:v>
                </c:pt>
                <c:pt idx="2580">
                  <c:v>42534</c:v>
                </c:pt>
                <c:pt idx="2581">
                  <c:v>42535</c:v>
                </c:pt>
                <c:pt idx="2582">
                  <c:v>42536</c:v>
                </c:pt>
                <c:pt idx="2583">
                  <c:v>42537</c:v>
                </c:pt>
                <c:pt idx="2584">
                  <c:v>42538</c:v>
                </c:pt>
                <c:pt idx="2585">
                  <c:v>42541</c:v>
                </c:pt>
                <c:pt idx="2586">
                  <c:v>42542</c:v>
                </c:pt>
                <c:pt idx="2587">
                  <c:v>42543</c:v>
                </c:pt>
                <c:pt idx="2588">
                  <c:v>42544</c:v>
                </c:pt>
                <c:pt idx="2589">
                  <c:v>42545</c:v>
                </c:pt>
                <c:pt idx="2590">
                  <c:v>42548</c:v>
                </c:pt>
                <c:pt idx="2591">
                  <c:v>42549</c:v>
                </c:pt>
                <c:pt idx="2592">
                  <c:v>42550</c:v>
                </c:pt>
                <c:pt idx="2593">
                  <c:v>42551</c:v>
                </c:pt>
                <c:pt idx="2594">
                  <c:v>42552</c:v>
                </c:pt>
                <c:pt idx="2595">
                  <c:v>42555</c:v>
                </c:pt>
                <c:pt idx="2596">
                  <c:v>42556</c:v>
                </c:pt>
                <c:pt idx="2597">
                  <c:v>42557</c:v>
                </c:pt>
                <c:pt idx="2598">
                  <c:v>42558</c:v>
                </c:pt>
                <c:pt idx="2599">
                  <c:v>42559</c:v>
                </c:pt>
                <c:pt idx="2600">
                  <c:v>42562</c:v>
                </c:pt>
                <c:pt idx="2601">
                  <c:v>42563</c:v>
                </c:pt>
                <c:pt idx="2602">
                  <c:v>42564</c:v>
                </c:pt>
                <c:pt idx="2603">
                  <c:v>42565</c:v>
                </c:pt>
                <c:pt idx="2604">
                  <c:v>42566</c:v>
                </c:pt>
                <c:pt idx="2605">
                  <c:v>42569</c:v>
                </c:pt>
                <c:pt idx="2606">
                  <c:v>42570</c:v>
                </c:pt>
                <c:pt idx="2607">
                  <c:v>42571</c:v>
                </c:pt>
                <c:pt idx="2608">
                  <c:v>42572</c:v>
                </c:pt>
                <c:pt idx="2609">
                  <c:v>42573</c:v>
                </c:pt>
                <c:pt idx="2610">
                  <c:v>42576</c:v>
                </c:pt>
                <c:pt idx="2611">
                  <c:v>42577</c:v>
                </c:pt>
                <c:pt idx="2612">
                  <c:v>42578</c:v>
                </c:pt>
                <c:pt idx="2613">
                  <c:v>42579</c:v>
                </c:pt>
                <c:pt idx="2614">
                  <c:v>42580</c:v>
                </c:pt>
                <c:pt idx="2615">
                  <c:v>42583</c:v>
                </c:pt>
                <c:pt idx="2616">
                  <c:v>42584</c:v>
                </c:pt>
                <c:pt idx="2617">
                  <c:v>42585</c:v>
                </c:pt>
                <c:pt idx="2618">
                  <c:v>42586</c:v>
                </c:pt>
                <c:pt idx="2619">
                  <c:v>42587</c:v>
                </c:pt>
                <c:pt idx="2620">
                  <c:v>42590</c:v>
                </c:pt>
                <c:pt idx="2621">
                  <c:v>42591</c:v>
                </c:pt>
                <c:pt idx="2622">
                  <c:v>42592</c:v>
                </c:pt>
                <c:pt idx="2623">
                  <c:v>42593</c:v>
                </c:pt>
                <c:pt idx="2624">
                  <c:v>42594</c:v>
                </c:pt>
                <c:pt idx="2625">
                  <c:v>42597</c:v>
                </c:pt>
                <c:pt idx="2626">
                  <c:v>42598</c:v>
                </c:pt>
                <c:pt idx="2627">
                  <c:v>42599</c:v>
                </c:pt>
                <c:pt idx="2628">
                  <c:v>42600</c:v>
                </c:pt>
                <c:pt idx="2629">
                  <c:v>42601</c:v>
                </c:pt>
                <c:pt idx="2630">
                  <c:v>42604</c:v>
                </c:pt>
                <c:pt idx="2631">
                  <c:v>42605</c:v>
                </c:pt>
                <c:pt idx="2632">
                  <c:v>42606</c:v>
                </c:pt>
                <c:pt idx="2633">
                  <c:v>42607</c:v>
                </c:pt>
                <c:pt idx="2634">
                  <c:v>42608</c:v>
                </c:pt>
                <c:pt idx="2635">
                  <c:v>42611</c:v>
                </c:pt>
                <c:pt idx="2636">
                  <c:v>42612</c:v>
                </c:pt>
                <c:pt idx="2637">
                  <c:v>42613</c:v>
                </c:pt>
                <c:pt idx="2638">
                  <c:v>42614</c:v>
                </c:pt>
                <c:pt idx="2639">
                  <c:v>42615</c:v>
                </c:pt>
                <c:pt idx="2640">
                  <c:v>42618</c:v>
                </c:pt>
                <c:pt idx="2641">
                  <c:v>42619</c:v>
                </c:pt>
                <c:pt idx="2642">
                  <c:v>42621</c:v>
                </c:pt>
                <c:pt idx="2643">
                  <c:v>42622</c:v>
                </c:pt>
                <c:pt idx="2644">
                  <c:v>42625</c:v>
                </c:pt>
                <c:pt idx="2645">
                  <c:v>42626</c:v>
                </c:pt>
                <c:pt idx="2646">
                  <c:v>42627</c:v>
                </c:pt>
                <c:pt idx="2647">
                  <c:v>42628</c:v>
                </c:pt>
                <c:pt idx="2648">
                  <c:v>42629</c:v>
                </c:pt>
                <c:pt idx="2649">
                  <c:v>42632</c:v>
                </c:pt>
                <c:pt idx="2650">
                  <c:v>42633</c:v>
                </c:pt>
                <c:pt idx="2651">
                  <c:v>42634</c:v>
                </c:pt>
                <c:pt idx="2652">
                  <c:v>42635</c:v>
                </c:pt>
                <c:pt idx="2653">
                  <c:v>42636</c:v>
                </c:pt>
                <c:pt idx="2654">
                  <c:v>42639</c:v>
                </c:pt>
                <c:pt idx="2655">
                  <c:v>42640</c:v>
                </c:pt>
                <c:pt idx="2656">
                  <c:v>42641</c:v>
                </c:pt>
                <c:pt idx="2657">
                  <c:v>42642</c:v>
                </c:pt>
                <c:pt idx="2658">
                  <c:v>42643</c:v>
                </c:pt>
                <c:pt idx="2659">
                  <c:v>42646</c:v>
                </c:pt>
                <c:pt idx="2660">
                  <c:v>42647</c:v>
                </c:pt>
                <c:pt idx="2661">
                  <c:v>42648</c:v>
                </c:pt>
                <c:pt idx="2662">
                  <c:v>42649</c:v>
                </c:pt>
                <c:pt idx="2663">
                  <c:v>42650</c:v>
                </c:pt>
                <c:pt idx="2664">
                  <c:v>42653</c:v>
                </c:pt>
                <c:pt idx="2665">
                  <c:v>42654</c:v>
                </c:pt>
                <c:pt idx="2666">
                  <c:v>42656</c:v>
                </c:pt>
                <c:pt idx="2667">
                  <c:v>42657</c:v>
                </c:pt>
                <c:pt idx="2668">
                  <c:v>42660</c:v>
                </c:pt>
                <c:pt idx="2669">
                  <c:v>42661</c:v>
                </c:pt>
                <c:pt idx="2670">
                  <c:v>42662</c:v>
                </c:pt>
                <c:pt idx="2671">
                  <c:v>42663</c:v>
                </c:pt>
                <c:pt idx="2672">
                  <c:v>42664</c:v>
                </c:pt>
                <c:pt idx="2673">
                  <c:v>42667</c:v>
                </c:pt>
                <c:pt idx="2674">
                  <c:v>42668</c:v>
                </c:pt>
                <c:pt idx="2675">
                  <c:v>42669</c:v>
                </c:pt>
                <c:pt idx="2676">
                  <c:v>42670</c:v>
                </c:pt>
                <c:pt idx="2677">
                  <c:v>42671</c:v>
                </c:pt>
                <c:pt idx="2678">
                  <c:v>42674</c:v>
                </c:pt>
                <c:pt idx="2679">
                  <c:v>42675</c:v>
                </c:pt>
                <c:pt idx="2680">
                  <c:v>42677</c:v>
                </c:pt>
                <c:pt idx="2681">
                  <c:v>42678</c:v>
                </c:pt>
                <c:pt idx="2682">
                  <c:v>42681</c:v>
                </c:pt>
                <c:pt idx="2683">
                  <c:v>42682</c:v>
                </c:pt>
                <c:pt idx="2684">
                  <c:v>42683</c:v>
                </c:pt>
                <c:pt idx="2685">
                  <c:v>42684</c:v>
                </c:pt>
                <c:pt idx="2686">
                  <c:v>42685</c:v>
                </c:pt>
                <c:pt idx="2687">
                  <c:v>42688</c:v>
                </c:pt>
                <c:pt idx="2688">
                  <c:v>42690</c:v>
                </c:pt>
                <c:pt idx="2689">
                  <c:v>42691</c:v>
                </c:pt>
                <c:pt idx="2690">
                  <c:v>42692</c:v>
                </c:pt>
                <c:pt idx="2691">
                  <c:v>42695</c:v>
                </c:pt>
                <c:pt idx="2692">
                  <c:v>42696</c:v>
                </c:pt>
                <c:pt idx="2693">
                  <c:v>42697</c:v>
                </c:pt>
                <c:pt idx="2694">
                  <c:v>42698</c:v>
                </c:pt>
                <c:pt idx="2695">
                  <c:v>42699</c:v>
                </c:pt>
                <c:pt idx="2696">
                  <c:v>42702</c:v>
                </c:pt>
                <c:pt idx="2697">
                  <c:v>42703</c:v>
                </c:pt>
                <c:pt idx="2698">
                  <c:v>42704</c:v>
                </c:pt>
                <c:pt idx="2699">
                  <c:v>42705</c:v>
                </c:pt>
                <c:pt idx="2700">
                  <c:v>42706</c:v>
                </c:pt>
                <c:pt idx="2701">
                  <c:v>42709</c:v>
                </c:pt>
                <c:pt idx="2702">
                  <c:v>42710</c:v>
                </c:pt>
                <c:pt idx="2703">
                  <c:v>42711</c:v>
                </c:pt>
                <c:pt idx="2704">
                  <c:v>42712</c:v>
                </c:pt>
                <c:pt idx="2705">
                  <c:v>42713</c:v>
                </c:pt>
                <c:pt idx="2706">
                  <c:v>42716</c:v>
                </c:pt>
                <c:pt idx="2707">
                  <c:v>42717</c:v>
                </c:pt>
                <c:pt idx="2708">
                  <c:v>42718</c:v>
                </c:pt>
                <c:pt idx="2709">
                  <c:v>42719</c:v>
                </c:pt>
                <c:pt idx="2710">
                  <c:v>42720</c:v>
                </c:pt>
                <c:pt idx="2711">
                  <c:v>42723</c:v>
                </c:pt>
                <c:pt idx="2712">
                  <c:v>42724</c:v>
                </c:pt>
                <c:pt idx="2713">
                  <c:v>42725</c:v>
                </c:pt>
                <c:pt idx="2714">
                  <c:v>42726</c:v>
                </c:pt>
                <c:pt idx="2715">
                  <c:v>42727</c:v>
                </c:pt>
                <c:pt idx="2716">
                  <c:v>42730</c:v>
                </c:pt>
                <c:pt idx="2717">
                  <c:v>42731</c:v>
                </c:pt>
                <c:pt idx="2718">
                  <c:v>42732</c:v>
                </c:pt>
                <c:pt idx="2719">
                  <c:v>42733</c:v>
                </c:pt>
                <c:pt idx="2720">
                  <c:v>42737</c:v>
                </c:pt>
                <c:pt idx="2721">
                  <c:v>42738</c:v>
                </c:pt>
                <c:pt idx="2722">
                  <c:v>42739</c:v>
                </c:pt>
                <c:pt idx="2723">
                  <c:v>42740</c:v>
                </c:pt>
                <c:pt idx="2724">
                  <c:v>42741</c:v>
                </c:pt>
                <c:pt idx="2725">
                  <c:v>42744</c:v>
                </c:pt>
                <c:pt idx="2726">
                  <c:v>42745</c:v>
                </c:pt>
                <c:pt idx="2727">
                  <c:v>42746</c:v>
                </c:pt>
                <c:pt idx="2728">
                  <c:v>42747</c:v>
                </c:pt>
                <c:pt idx="2729">
                  <c:v>42748</c:v>
                </c:pt>
                <c:pt idx="2730">
                  <c:v>42751</c:v>
                </c:pt>
                <c:pt idx="2731">
                  <c:v>42752</c:v>
                </c:pt>
                <c:pt idx="2732">
                  <c:v>42753</c:v>
                </c:pt>
                <c:pt idx="2733">
                  <c:v>42754</c:v>
                </c:pt>
                <c:pt idx="2734">
                  <c:v>42755</c:v>
                </c:pt>
                <c:pt idx="2735">
                  <c:v>42758</c:v>
                </c:pt>
                <c:pt idx="2736">
                  <c:v>42759</c:v>
                </c:pt>
                <c:pt idx="2737">
                  <c:v>42761</c:v>
                </c:pt>
                <c:pt idx="2738">
                  <c:v>42762</c:v>
                </c:pt>
                <c:pt idx="2739">
                  <c:v>42765</c:v>
                </c:pt>
                <c:pt idx="2740">
                  <c:v>42766</c:v>
                </c:pt>
                <c:pt idx="2741">
                  <c:v>42767</c:v>
                </c:pt>
                <c:pt idx="2742">
                  <c:v>42768</c:v>
                </c:pt>
                <c:pt idx="2743">
                  <c:v>42769</c:v>
                </c:pt>
                <c:pt idx="2744">
                  <c:v>42772</c:v>
                </c:pt>
                <c:pt idx="2745">
                  <c:v>42773</c:v>
                </c:pt>
                <c:pt idx="2746">
                  <c:v>42774</c:v>
                </c:pt>
                <c:pt idx="2747">
                  <c:v>42775</c:v>
                </c:pt>
                <c:pt idx="2748">
                  <c:v>42776</c:v>
                </c:pt>
                <c:pt idx="2749">
                  <c:v>42779</c:v>
                </c:pt>
                <c:pt idx="2750">
                  <c:v>42780</c:v>
                </c:pt>
                <c:pt idx="2751">
                  <c:v>42781</c:v>
                </c:pt>
                <c:pt idx="2752">
                  <c:v>42782</c:v>
                </c:pt>
                <c:pt idx="2753">
                  <c:v>42783</c:v>
                </c:pt>
                <c:pt idx="2754">
                  <c:v>42786</c:v>
                </c:pt>
                <c:pt idx="2755">
                  <c:v>42787</c:v>
                </c:pt>
                <c:pt idx="2756">
                  <c:v>42788</c:v>
                </c:pt>
                <c:pt idx="2757">
                  <c:v>42789</c:v>
                </c:pt>
                <c:pt idx="2758">
                  <c:v>42790</c:v>
                </c:pt>
                <c:pt idx="2759">
                  <c:v>42795</c:v>
                </c:pt>
                <c:pt idx="2760">
                  <c:v>42796</c:v>
                </c:pt>
                <c:pt idx="2761">
                  <c:v>42797</c:v>
                </c:pt>
                <c:pt idx="2762">
                  <c:v>42800</c:v>
                </c:pt>
                <c:pt idx="2763">
                  <c:v>42801</c:v>
                </c:pt>
                <c:pt idx="2764">
                  <c:v>42802</c:v>
                </c:pt>
                <c:pt idx="2765">
                  <c:v>42803</c:v>
                </c:pt>
                <c:pt idx="2766">
                  <c:v>42804</c:v>
                </c:pt>
                <c:pt idx="2767">
                  <c:v>42807</c:v>
                </c:pt>
                <c:pt idx="2768">
                  <c:v>42808</c:v>
                </c:pt>
                <c:pt idx="2769">
                  <c:v>42809</c:v>
                </c:pt>
                <c:pt idx="2770">
                  <c:v>42810</c:v>
                </c:pt>
                <c:pt idx="2771">
                  <c:v>42811</c:v>
                </c:pt>
                <c:pt idx="2772">
                  <c:v>42814</c:v>
                </c:pt>
                <c:pt idx="2773">
                  <c:v>42815</c:v>
                </c:pt>
                <c:pt idx="2774">
                  <c:v>42816</c:v>
                </c:pt>
                <c:pt idx="2775">
                  <c:v>42817</c:v>
                </c:pt>
                <c:pt idx="2776">
                  <c:v>42818</c:v>
                </c:pt>
                <c:pt idx="2777">
                  <c:v>42821</c:v>
                </c:pt>
                <c:pt idx="2778">
                  <c:v>42822</c:v>
                </c:pt>
                <c:pt idx="2779">
                  <c:v>42823</c:v>
                </c:pt>
                <c:pt idx="2780">
                  <c:v>42824</c:v>
                </c:pt>
                <c:pt idx="2781">
                  <c:v>42825</c:v>
                </c:pt>
                <c:pt idx="2782">
                  <c:v>42828</c:v>
                </c:pt>
                <c:pt idx="2783">
                  <c:v>42829</c:v>
                </c:pt>
                <c:pt idx="2784">
                  <c:v>42830</c:v>
                </c:pt>
                <c:pt idx="2785">
                  <c:v>42831</c:v>
                </c:pt>
                <c:pt idx="2786">
                  <c:v>42832</c:v>
                </c:pt>
                <c:pt idx="2787">
                  <c:v>42835</c:v>
                </c:pt>
                <c:pt idx="2788">
                  <c:v>42836</c:v>
                </c:pt>
                <c:pt idx="2789">
                  <c:v>42837</c:v>
                </c:pt>
                <c:pt idx="2790">
                  <c:v>42838</c:v>
                </c:pt>
                <c:pt idx="2791">
                  <c:v>42842</c:v>
                </c:pt>
                <c:pt idx="2792">
                  <c:v>42843</c:v>
                </c:pt>
                <c:pt idx="2793">
                  <c:v>42844</c:v>
                </c:pt>
                <c:pt idx="2794">
                  <c:v>42845</c:v>
                </c:pt>
                <c:pt idx="2795">
                  <c:v>42849</c:v>
                </c:pt>
                <c:pt idx="2796">
                  <c:v>42850</c:v>
                </c:pt>
                <c:pt idx="2797">
                  <c:v>42851</c:v>
                </c:pt>
                <c:pt idx="2798">
                  <c:v>42852</c:v>
                </c:pt>
                <c:pt idx="2799">
                  <c:v>42853</c:v>
                </c:pt>
                <c:pt idx="2800">
                  <c:v>42857</c:v>
                </c:pt>
                <c:pt idx="2801">
                  <c:v>42858</c:v>
                </c:pt>
                <c:pt idx="2802">
                  <c:v>42859</c:v>
                </c:pt>
                <c:pt idx="2803">
                  <c:v>42860</c:v>
                </c:pt>
                <c:pt idx="2804">
                  <c:v>42863</c:v>
                </c:pt>
                <c:pt idx="2805">
                  <c:v>42864</c:v>
                </c:pt>
                <c:pt idx="2806">
                  <c:v>42865</c:v>
                </c:pt>
                <c:pt idx="2807">
                  <c:v>42866</c:v>
                </c:pt>
                <c:pt idx="2808">
                  <c:v>42867</c:v>
                </c:pt>
                <c:pt idx="2809">
                  <c:v>42870</c:v>
                </c:pt>
                <c:pt idx="2810">
                  <c:v>42871</c:v>
                </c:pt>
                <c:pt idx="2811">
                  <c:v>42872</c:v>
                </c:pt>
                <c:pt idx="2812">
                  <c:v>42873</c:v>
                </c:pt>
                <c:pt idx="2813">
                  <c:v>42874</c:v>
                </c:pt>
                <c:pt idx="2814">
                  <c:v>42877</c:v>
                </c:pt>
                <c:pt idx="2815">
                  <c:v>42878</c:v>
                </c:pt>
                <c:pt idx="2816">
                  <c:v>42879</c:v>
                </c:pt>
                <c:pt idx="2817">
                  <c:v>42880</c:v>
                </c:pt>
                <c:pt idx="2818">
                  <c:v>42881</c:v>
                </c:pt>
                <c:pt idx="2819">
                  <c:v>42884</c:v>
                </c:pt>
                <c:pt idx="2820">
                  <c:v>42885</c:v>
                </c:pt>
                <c:pt idx="2821">
                  <c:v>42886</c:v>
                </c:pt>
                <c:pt idx="2822">
                  <c:v>42887</c:v>
                </c:pt>
                <c:pt idx="2823">
                  <c:v>42888</c:v>
                </c:pt>
                <c:pt idx="2824">
                  <c:v>42891</c:v>
                </c:pt>
                <c:pt idx="2825">
                  <c:v>42892</c:v>
                </c:pt>
                <c:pt idx="2826">
                  <c:v>42893</c:v>
                </c:pt>
                <c:pt idx="2827">
                  <c:v>42894</c:v>
                </c:pt>
                <c:pt idx="2828">
                  <c:v>42895</c:v>
                </c:pt>
                <c:pt idx="2829">
                  <c:v>42898</c:v>
                </c:pt>
                <c:pt idx="2830">
                  <c:v>42899</c:v>
                </c:pt>
                <c:pt idx="2831">
                  <c:v>42900</c:v>
                </c:pt>
                <c:pt idx="2832">
                  <c:v>42902</c:v>
                </c:pt>
                <c:pt idx="2833">
                  <c:v>42905</c:v>
                </c:pt>
                <c:pt idx="2834">
                  <c:v>42906</c:v>
                </c:pt>
                <c:pt idx="2835">
                  <c:v>42907</c:v>
                </c:pt>
                <c:pt idx="2836">
                  <c:v>42908</c:v>
                </c:pt>
                <c:pt idx="2837">
                  <c:v>42909</c:v>
                </c:pt>
                <c:pt idx="2838">
                  <c:v>42912</c:v>
                </c:pt>
                <c:pt idx="2839">
                  <c:v>42913</c:v>
                </c:pt>
                <c:pt idx="2840">
                  <c:v>42914</c:v>
                </c:pt>
                <c:pt idx="2841">
                  <c:v>42915</c:v>
                </c:pt>
                <c:pt idx="2842">
                  <c:v>42916</c:v>
                </c:pt>
                <c:pt idx="2843">
                  <c:v>42919</c:v>
                </c:pt>
                <c:pt idx="2844">
                  <c:v>42920</c:v>
                </c:pt>
                <c:pt idx="2845">
                  <c:v>42921</c:v>
                </c:pt>
                <c:pt idx="2846">
                  <c:v>42922</c:v>
                </c:pt>
                <c:pt idx="2847">
                  <c:v>42923</c:v>
                </c:pt>
                <c:pt idx="2848">
                  <c:v>42926</c:v>
                </c:pt>
                <c:pt idx="2849">
                  <c:v>42927</c:v>
                </c:pt>
                <c:pt idx="2850">
                  <c:v>42928</c:v>
                </c:pt>
                <c:pt idx="2851">
                  <c:v>42929</c:v>
                </c:pt>
                <c:pt idx="2852">
                  <c:v>42930</c:v>
                </c:pt>
                <c:pt idx="2853">
                  <c:v>42933</c:v>
                </c:pt>
                <c:pt idx="2854">
                  <c:v>42934</c:v>
                </c:pt>
                <c:pt idx="2855">
                  <c:v>42935</c:v>
                </c:pt>
                <c:pt idx="2856">
                  <c:v>42936</c:v>
                </c:pt>
                <c:pt idx="2857">
                  <c:v>42937</c:v>
                </c:pt>
                <c:pt idx="2858">
                  <c:v>42940</c:v>
                </c:pt>
                <c:pt idx="2859">
                  <c:v>42941</c:v>
                </c:pt>
                <c:pt idx="2860">
                  <c:v>42942</c:v>
                </c:pt>
                <c:pt idx="2861">
                  <c:v>42943</c:v>
                </c:pt>
                <c:pt idx="2862">
                  <c:v>42944</c:v>
                </c:pt>
                <c:pt idx="2863">
                  <c:v>42947</c:v>
                </c:pt>
                <c:pt idx="2864">
                  <c:v>42948</c:v>
                </c:pt>
                <c:pt idx="2865">
                  <c:v>42949</c:v>
                </c:pt>
                <c:pt idx="2866">
                  <c:v>42950</c:v>
                </c:pt>
                <c:pt idx="2867">
                  <c:v>42951</c:v>
                </c:pt>
                <c:pt idx="2868">
                  <c:v>42954</c:v>
                </c:pt>
                <c:pt idx="2869">
                  <c:v>42955</c:v>
                </c:pt>
                <c:pt idx="2870">
                  <c:v>42956</c:v>
                </c:pt>
                <c:pt idx="2871">
                  <c:v>42957</c:v>
                </c:pt>
                <c:pt idx="2872">
                  <c:v>42958</c:v>
                </c:pt>
                <c:pt idx="2873">
                  <c:v>42961</c:v>
                </c:pt>
                <c:pt idx="2874">
                  <c:v>42962</c:v>
                </c:pt>
                <c:pt idx="2875">
                  <c:v>42963</c:v>
                </c:pt>
                <c:pt idx="2876">
                  <c:v>42964</c:v>
                </c:pt>
                <c:pt idx="2877">
                  <c:v>42965</c:v>
                </c:pt>
                <c:pt idx="2878">
                  <c:v>42968</c:v>
                </c:pt>
                <c:pt idx="2879">
                  <c:v>42969</c:v>
                </c:pt>
                <c:pt idx="2880">
                  <c:v>42970</c:v>
                </c:pt>
                <c:pt idx="2881">
                  <c:v>42971</c:v>
                </c:pt>
                <c:pt idx="2882">
                  <c:v>42972</c:v>
                </c:pt>
                <c:pt idx="2883">
                  <c:v>42975</c:v>
                </c:pt>
                <c:pt idx="2884">
                  <c:v>42976</c:v>
                </c:pt>
                <c:pt idx="2885">
                  <c:v>42977</c:v>
                </c:pt>
                <c:pt idx="2886">
                  <c:v>42978</c:v>
                </c:pt>
                <c:pt idx="2887">
                  <c:v>42979</c:v>
                </c:pt>
                <c:pt idx="2888">
                  <c:v>42982</c:v>
                </c:pt>
                <c:pt idx="2889">
                  <c:v>42983</c:v>
                </c:pt>
                <c:pt idx="2890">
                  <c:v>42984</c:v>
                </c:pt>
                <c:pt idx="2891">
                  <c:v>42986</c:v>
                </c:pt>
                <c:pt idx="2892">
                  <c:v>42989</c:v>
                </c:pt>
                <c:pt idx="2893">
                  <c:v>42990</c:v>
                </c:pt>
                <c:pt idx="2894">
                  <c:v>42991</c:v>
                </c:pt>
                <c:pt idx="2895">
                  <c:v>42992</c:v>
                </c:pt>
                <c:pt idx="2896">
                  <c:v>42993</c:v>
                </c:pt>
                <c:pt idx="2897">
                  <c:v>42996</c:v>
                </c:pt>
                <c:pt idx="2898">
                  <c:v>42997</c:v>
                </c:pt>
                <c:pt idx="2899">
                  <c:v>42998</c:v>
                </c:pt>
                <c:pt idx="2900">
                  <c:v>42999</c:v>
                </c:pt>
                <c:pt idx="2901">
                  <c:v>43000</c:v>
                </c:pt>
                <c:pt idx="2902">
                  <c:v>43003</c:v>
                </c:pt>
                <c:pt idx="2903">
                  <c:v>43004</c:v>
                </c:pt>
                <c:pt idx="2904">
                  <c:v>43005</c:v>
                </c:pt>
                <c:pt idx="2905">
                  <c:v>43006</c:v>
                </c:pt>
                <c:pt idx="2906">
                  <c:v>43007</c:v>
                </c:pt>
                <c:pt idx="2907">
                  <c:v>43007</c:v>
                </c:pt>
                <c:pt idx="2908">
                  <c:v>43010</c:v>
                </c:pt>
                <c:pt idx="2909">
                  <c:v>43011</c:v>
                </c:pt>
                <c:pt idx="2910">
                  <c:v>43012</c:v>
                </c:pt>
                <c:pt idx="2911">
                  <c:v>43013</c:v>
                </c:pt>
                <c:pt idx="2912">
                  <c:v>43014</c:v>
                </c:pt>
                <c:pt idx="2913">
                  <c:v>43017</c:v>
                </c:pt>
                <c:pt idx="2914">
                  <c:v>43018</c:v>
                </c:pt>
                <c:pt idx="2915">
                  <c:v>43019</c:v>
                </c:pt>
                <c:pt idx="2916">
                  <c:v>43021</c:v>
                </c:pt>
                <c:pt idx="2917">
                  <c:v>43024</c:v>
                </c:pt>
                <c:pt idx="2918">
                  <c:v>43025</c:v>
                </c:pt>
                <c:pt idx="2919">
                  <c:v>43026</c:v>
                </c:pt>
                <c:pt idx="2920">
                  <c:v>43027</c:v>
                </c:pt>
                <c:pt idx="2921">
                  <c:v>43028</c:v>
                </c:pt>
                <c:pt idx="2922">
                  <c:v>43031</c:v>
                </c:pt>
                <c:pt idx="2923">
                  <c:v>43032</c:v>
                </c:pt>
                <c:pt idx="2924">
                  <c:v>43033</c:v>
                </c:pt>
                <c:pt idx="2925">
                  <c:v>43034</c:v>
                </c:pt>
                <c:pt idx="2926">
                  <c:v>43035</c:v>
                </c:pt>
                <c:pt idx="2927">
                  <c:v>43038</c:v>
                </c:pt>
                <c:pt idx="2928">
                  <c:v>43039</c:v>
                </c:pt>
                <c:pt idx="2929">
                  <c:v>43040</c:v>
                </c:pt>
                <c:pt idx="2930">
                  <c:v>43042</c:v>
                </c:pt>
                <c:pt idx="2931">
                  <c:v>43045</c:v>
                </c:pt>
                <c:pt idx="2932">
                  <c:v>43046</c:v>
                </c:pt>
                <c:pt idx="2933">
                  <c:v>43047</c:v>
                </c:pt>
                <c:pt idx="2934">
                  <c:v>43048</c:v>
                </c:pt>
                <c:pt idx="2935">
                  <c:v>43049</c:v>
                </c:pt>
                <c:pt idx="2936">
                  <c:v>43052</c:v>
                </c:pt>
                <c:pt idx="2937">
                  <c:v>43053</c:v>
                </c:pt>
                <c:pt idx="2938">
                  <c:v>43055</c:v>
                </c:pt>
                <c:pt idx="2939">
                  <c:v>43056</c:v>
                </c:pt>
                <c:pt idx="2940">
                  <c:v>43060</c:v>
                </c:pt>
                <c:pt idx="2941">
                  <c:v>43061</c:v>
                </c:pt>
                <c:pt idx="2942">
                  <c:v>43062</c:v>
                </c:pt>
                <c:pt idx="2943">
                  <c:v>43063</c:v>
                </c:pt>
                <c:pt idx="2944">
                  <c:v>43066</c:v>
                </c:pt>
                <c:pt idx="2945">
                  <c:v>43067</c:v>
                </c:pt>
                <c:pt idx="2946">
                  <c:v>43068</c:v>
                </c:pt>
                <c:pt idx="2947">
                  <c:v>43069</c:v>
                </c:pt>
                <c:pt idx="2948">
                  <c:v>43070</c:v>
                </c:pt>
                <c:pt idx="2949">
                  <c:v>43073</c:v>
                </c:pt>
                <c:pt idx="2950">
                  <c:v>43074</c:v>
                </c:pt>
                <c:pt idx="2951">
                  <c:v>43075</c:v>
                </c:pt>
                <c:pt idx="2952">
                  <c:v>43076</c:v>
                </c:pt>
                <c:pt idx="2953">
                  <c:v>43077</c:v>
                </c:pt>
                <c:pt idx="2954">
                  <c:v>43080</c:v>
                </c:pt>
                <c:pt idx="2955">
                  <c:v>43081</c:v>
                </c:pt>
                <c:pt idx="2956">
                  <c:v>43082</c:v>
                </c:pt>
                <c:pt idx="2957">
                  <c:v>43083</c:v>
                </c:pt>
                <c:pt idx="2958">
                  <c:v>43084</c:v>
                </c:pt>
                <c:pt idx="2959">
                  <c:v>43087</c:v>
                </c:pt>
                <c:pt idx="2960">
                  <c:v>43088</c:v>
                </c:pt>
                <c:pt idx="2961">
                  <c:v>43089</c:v>
                </c:pt>
                <c:pt idx="2962">
                  <c:v>43090</c:v>
                </c:pt>
                <c:pt idx="2963">
                  <c:v>43091</c:v>
                </c:pt>
                <c:pt idx="2964">
                  <c:v>43095</c:v>
                </c:pt>
                <c:pt idx="2965">
                  <c:v>43096</c:v>
                </c:pt>
                <c:pt idx="2966">
                  <c:v>43097</c:v>
                </c:pt>
                <c:pt idx="2967">
                  <c:v>43102</c:v>
                </c:pt>
                <c:pt idx="2968">
                  <c:v>43103</c:v>
                </c:pt>
                <c:pt idx="2969">
                  <c:v>43104</c:v>
                </c:pt>
                <c:pt idx="2970">
                  <c:v>43105</c:v>
                </c:pt>
                <c:pt idx="2971">
                  <c:v>43108</c:v>
                </c:pt>
                <c:pt idx="2972">
                  <c:v>43109</c:v>
                </c:pt>
                <c:pt idx="2973">
                  <c:v>43110</c:v>
                </c:pt>
                <c:pt idx="2974">
                  <c:v>43111</c:v>
                </c:pt>
                <c:pt idx="2975">
                  <c:v>43112</c:v>
                </c:pt>
                <c:pt idx="2976">
                  <c:v>43115</c:v>
                </c:pt>
                <c:pt idx="2977">
                  <c:v>43116</c:v>
                </c:pt>
                <c:pt idx="2978">
                  <c:v>43117</c:v>
                </c:pt>
                <c:pt idx="2979">
                  <c:v>43118</c:v>
                </c:pt>
                <c:pt idx="2980">
                  <c:v>43119</c:v>
                </c:pt>
                <c:pt idx="2981">
                  <c:v>43122</c:v>
                </c:pt>
                <c:pt idx="2982">
                  <c:v>43123</c:v>
                </c:pt>
                <c:pt idx="2983">
                  <c:v>43124</c:v>
                </c:pt>
                <c:pt idx="2984">
                  <c:v>43126</c:v>
                </c:pt>
                <c:pt idx="2985">
                  <c:v>43129</c:v>
                </c:pt>
                <c:pt idx="2986">
                  <c:v>43130</c:v>
                </c:pt>
                <c:pt idx="2987">
                  <c:v>43131</c:v>
                </c:pt>
                <c:pt idx="2988">
                  <c:v>43132</c:v>
                </c:pt>
                <c:pt idx="2989">
                  <c:v>43133</c:v>
                </c:pt>
                <c:pt idx="2990">
                  <c:v>43136</c:v>
                </c:pt>
                <c:pt idx="2991">
                  <c:v>43137</c:v>
                </c:pt>
                <c:pt idx="2992">
                  <c:v>43138</c:v>
                </c:pt>
                <c:pt idx="2993">
                  <c:v>43139</c:v>
                </c:pt>
                <c:pt idx="2994">
                  <c:v>43140</c:v>
                </c:pt>
                <c:pt idx="2995">
                  <c:v>43145</c:v>
                </c:pt>
                <c:pt idx="2996">
                  <c:v>43146</c:v>
                </c:pt>
                <c:pt idx="2997">
                  <c:v>43147</c:v>
                </c:pt>
                <c:pt idx="2998">
                  <c:v>43150</c:v>
                </c:pt>
                <c:pt idx="2999">
                  <c:v>43151</c:v>
                </c:pt>
                <c:pt idx="3000">
                  <c:v>43152</c:v>
                </c:pt>
                <c:pt idx="3001">
                  <c:v>43153</c:v>
                </c:pt>
                <c:pt idx="3002">
                  <c:v>43154</c:v>
                </c:pt>
                <c:pt idx="3003">
                  <c:v>43157</c:v>
                </c:pt>
                <c:pt idx="3004">
                  <c:v>43158</c:v>
                </c:pt>
                <c:pt idx="3005">
                  <c:v>43159</c:v>
                </c:pt>
                <c:pt idx="3006">
                  <c:v>43160</c:v>
                </c:pt>
                <c:pt idx="3007">
                  <c:v>43161</c:v>
                </c:pt>
                <c:pt idx="3008">
                  <c:v>43164</c:v>
                </c:pt>
                <c:pt idx="3009">
                  <c:v>43165</c:v>
                </c:pt>
                <c:pt idx="3010">
                  <c:v>43166</c:v>
                </c:pt>
                <c:pt idx="3011">
                  <c:v>43167</c:v>
                </c:pt>
                <c:pt idx="3012">
                  <c:v>43168</c:v>
                </c:pt>
                <c:pt idx="3013">
                  <c:v>43171</c:v>
                </c:pt>
                <c:pt idx="3014">
                  <c:v>43172</c:v>
                </c:pt>
                <c:pt idx="3015">
                  <c:v>43173</c:v>
                </c:pt>
                <c:pt idx="3016">
                  <c:v>43174</c:v>
                </c:pt>
                <c:pt idx="3017">
                  <c:v>43175</c:v>
                </c:pt>
                <c:pt idx="3018">
                  <c:v>43178</c:v>
                </c:pt>
                <c:pt idx="3019">
                  <c:v>43179</c:v>
                </c:pt>
                <c:pt idx="3020">
                  <c:v>43180</c:v>
                </c:pt>
                <c:pt idx="3021">
                  <c:v>43181</c:v>
                </c:pt>
                <c:pt idx="3022">
                  <c:v>43182</c:v>
                </c:pt>
                <c:pt idx="3023">
                  <c:v>43185</c:v>
                </c:pt>
                <c:pt idx="3024">
                  <c:v>43186</c:v>
                </c:pt>
                <c:pt idx="3025">
                  <c:v>43187</c:v>
                </c:pt>
                <c:pt idx="3026">
                  <c:v>43188</c:v>
                </c:pt>
                <c:pt idx="3027">
                  <c:v>43192</c:v>
                </c:pt>
                <c:pt idx="3028">
                  <c:v>43193</c:v>
                </c:pt>
                <c:pt idx="3029">
                  <c:v>43194</c:v>
                </c:pt>
                <c:pt idx="3030">
                  <c:v>43195</c:v>
                </c:pt>
                <c:pt idx="3031">
                  <c:v>43196</c:v>
                </c:pt>
                <c:pt idx="3032">
                  <c:v>43199</c:v>
                </c:pt>
                <c:pt idx="3033">
                  <c:v>43200</c:v>
                </c:pt>
                <c:pt idx="3034">
                  <c:v>43201</c:v>
                </c:pt>
                <c:pt idx="3035">
                  <c:v>43202</c:v>
                </c:pt>
                <c:pt idx="3036">
                  <c:v>43203</c:v>
                </c:pt>
                <c:pt idx="3037">
                  <c:v>43206</c:v>
                </c:pt>
                <c:pt idx="3038">
                  <c:v>43207</c:v>
                </c:pt>
                <c:pt idx="3039">
                  <c:v>43208</c:v>
                </c:pt>
                <c:pt idx="3040">
                  <c:v>43209</c:v>
                </c:pt>
                <c:pt idx="3041">
                  <c:v>43210</c:v>
                </c:pt>
                <c:pt idx="3042">
                  <c:v>43213</c:v>
                </c:pt>
                <c:pt idx="3043">
                  <c:v>43214</c:v>
                </c:pt>
                <c:pt idx="3044">
                  <c:v>43215</c:v>
                </c:pt>
                <c:pt idx="3045">
                  <c:v>43216</c:v>
                </c:pt>
                <c:pt idx="3046">
                  <c:v>43217</c:v>
                </c:pt>
                <c:pt idx="3047">
                  <c:v>43220</c:v>
                </c:pt>
                <c:pt idx="3048">
                  <c:v>43222</c:v>
                </c:pt>
                <c:pt idx="3049">
                  <c:v>43223</c:v>
                </c:pt>
                <c:pt idx="3050">
                  <c:v>43224</c:v>
                </c:pt>
                <c:pt idx="3051">
                  <c:v>43227</c:v>
                </c:pt>
                <c:pt idx="3052">
                  <c:v>43228</c:v>
                </c:pt>
                <c:pt idx="3053">
                  <c:v>43229</c:v>
                </c:pt>
                <c:pt idx="3054">
                  <c:v>43230</c:v>
                </c:pt>
                <c:pt idx="3055">
                  <c:v>43231</c:v>
                </c:pt>
                <c:pt idx="3056">
                  <c:v>43234</c:v>
                </c:pt>
                <c:pt idx="3057">
                  <c:v>43235</c:v>
                </c:pt>
                <c:pt idx="3058">
                  <c:v>43236</c:v>
                </c:pt>
                <c:pt idx="3059">
                  <c:v>43237</c:v>
                </c:pt>
                <c:pt idx="3060">
                  <c:v>43238</c:v>
                </c:pt>
                <c:pt idx="3061">
                  <c:v>43241</c:v>
                </c:pt>
                <c:pt idx="3062">
                  <c:v>43242</c:v>
                </c:pt>
                <c:pt idx="3063">
                  <c:v>43243</c:v>
                </c:pt>
                <c:pt idx="3064">
                  <c:v>43244</c:v>
                </c:pt>
                <c:pt idx="3065">
                  <c:v>43245</c:v>
                </c:pt>
                <c:pt idx="3066">
                  <c:v>43248</c:v>
                </c:pt>
                <c:pt idx="3067">
                  <c:v>43249</c:v>
                </c:pt>
                <c:pt idx="3068">
                  <c:v>43250</c:v>
                </c:pt>
                <c:pt idx="3069">
                  <c:v>43252</c:v>
                </c:pt>
                <c:pt idx="3070">
                  <c:v>43255</c:v>
                </c:pt>
                <c:pt idx="3071">
                  <c:v>43256</c:v>
                </c:pt>
                <c:pt idx="3072">
                  <c:v>43257</c:v>
                </c:pt>
                <c:pt idx="3073">
                  <c:v>43258</c:v>
                </c:pt>
                <c:pt idx="3074">
                  <c:v>43259</c:v>
                </c:pt>
                <c:pt idx="3075">
                  <c:v>43262</c:v>
                </c:pt>
                <c:pt idx="3076">
                  <c:v>43263</c:v>
                </c:pt>
                <c:pt idx="3077">
                  <c:v>43264</c:v>
                </c:pt>
                <c:pt idx="3078">
                  <c:v>43265</c:v>
                </c:pt>
                <c:pt idx="3079">
                  <c:v>43266</c:v>
                </c:pt>
                <c:pt idx="3080">
                  <c:v>43269</c:v>
                </c:pt>
                <c:pt idx="3081">
                  <c:v>43270</c:v>
                </c:pt>
                <c:pt idx="3082">
                  <c:v>43271</c:v>
                </c:pt>
                <c:pt idx="3083">
                  <c:v>43272</c:v>
                </c:pt>
                <c:pt idx="3084">
                  <c:v>43273</c:v>
                </c:pt>
                <c:pt idx="3085">
                  <c:v>43276</c:v>
                </c:pt>
                <c:pt idx="3086">
                  <c:v>43277</c:v>
                </c:pt>
                <c:pt idx="3087">
                  <c:v>43278</c:v>
                </c:pt>
                <c:pt idx="3088">
                  <c:v>43279</c:v>
                </c:pt>
                <c:pt idx="3089">
                  <c:v>43280</c:v>
                </c:pt>
                <c:pt idx="3090">
                  <c:v>43283</c:v>
                </c:pt>
                <c:pt idx="3091">
                  <c:v>43284</c:v>
                </c:pt>
                <c:pt idx="3092">
                  <c:v>43285</c:v>
                </c:pt>
                <c:pt idx="3093">
                  <c:v>43286</c:v>
                </c:pt>
                <c:pt idx="3094">
                  <c:v>43287</c:v>
                </c:pt>
                <c:pt idx="3095">
                  <c:v>43291</c:v>
                </c:pt>
                <c:pt idx="3096">
                  <c:v>43292</c:v>
                </c:pt>
                <c:pt idx="3097">
                  <c:v>43293</c:v>
                </c:pt>
                <c:pt idx="3098">
                  <c:v>43294</c:v>
                </c:pt>
                <c:pt idx="3099">
                  <c:v>43297</c:v>
                </c:pt>
                <c:pt idx="3100">
                  <c:v>43298</c:v>
                </c:pt>
                <c:pt idx="3101">
                  <c:v>43299</c:v>
                </c:pt>
                <c:pt idx="3102">
                  <c:v>43300</c:v>
                </c:pt>
                <c:pt idx="3103">
                  <c:v>43301</c:v>
                </c:pt>
                <c:pt idx="3104">
                  <c:v>43304</c:v>
                </c:pt>
                <c:pt idx="3105">
                  <c:v>43305</c:v>
                </c:pt>
                <c:pt idx="3106">
                  <c:v>43306</c:v>
                </c:pt>
                <c:pt idx="3107">
                  <c:v>43307</c:v>
                </c:pt>
                <c:pt idx="3108">
                  <c:v>43308</c:v>
                </c:pt>
                <c:pt idx="3109">
                  <c:v>43311</c:v>
                </c:pt>
                <c:pt idx="3110">
                  <c:v>43312</c:v>
                </c:pt>
                <c:pt idx="3111">
                  <c:v>43313</c:v>
                </c:pt>
                <c:pt idx="3112">
                  <c:v>43314</c:v>
                </c:pt>
                <c:pt idx="3113">
                  <c:v>43315</c:v>
                </c:pt>
                <c:pt idx="3114">
                  <c:v>43318</c:v>
                </c:pt>
                <c:pt idx="3115">
                  <c:v>43319</c:v>
                </c:pt>
                <c:pt idx="3116">
                  <c:v>43320</c:v>
                </c:pt>
                <c:pt idx="3117">
                  <c:v>43321</c:v>
                </c:pt>
                <c:pt idx="3118">
                  <c:v>43322</c:v>
                </c:pt>
                <c:pt idx="3119">
                  <c:v>43325</c:v>
                </c:pt>
                <c:pt idx="3120">
                  <c:v>43326</c:v>
                </c:pt>
                <c:pt idx="3121">
                  <c:v>43327</c:v>
                </c:pt>
                <c:pt idx="3122">
                  <c:v>43328</c:v>
                </c:pt>
                <c:pt idx="3123">
                  <c:v>43329</c:v>
                </c:pt>
                <c:pt idx="3124">
                  <c:v>43332</c:v>
                </c:pt>
                <c:pt idx="3125">
                  <c:v>43333</c:v>
                </c:pt>
                <c:pt idx="3126">
                  <c:v>43334</c:v>
                </c:pt>
                <c:pt idx="3127">
                  <c:v>43335</c:v>
                </c:pt>
                <c:pt idx="3128">
                  <c:v>43336</c:v>
                </c:pt>
                <c:pt idx="3129">
                  <c:v>43339</c:v>
                </c:pt>
                <c:pt idx="3130">
                  <c:v>43340</c:v>
                </c:pt>
                <c:pt idx="3131">
                  <c:v>43341</c:v>
                </c:pt>
                <c:pt idx="3132">
                  <c:v>43342</c:v>
                </c:pt>
                <c:pt idx="3133">
                  <c:v>43343</c:v>
                </c:pt>
                <c:pt idx="3134">
                  <c:v>43346</c:v>
                </c:pt>
                <c:pt idx="3135">
                  <c:v>43347</c:v>
                </c:pt>
                <c:pt idx="3136">
                  <c:v>43348</c:v>
                </c:pt>
                <c:pt idx="3137">
                  <c:v>43349</c:v>
                </c:pt>
                <c:pt idx="3138">
                  <c:v>43353</c:v>
                </c:pt>
                <c:pt idx="3139">
                  <c:v>43354</c:v>
                </c:pt>
                <c:pt idx="3140">
                  <c:v>43355</c:v>
                </c:pt>
                <c:pt idx="3141">
                  <c:v>43356</c:v>
                </c:pt>
                <c:pt idx="3142">
                  <c:v>43357</c:v>
                </c:pt>
                <c:pt idx="3143">
                  <c:v>43360</c:v>
                </c:pt>
                <c:pt idx="3144">
                  <c:v>43361</c:v>
                </c:pt>
                <c:pt idx="3145">
                  <c:v>43362</c:v>
                </c:pt>
                <c:pt idx="3146">
                  <c:v>43363</c:v>
                </c:pt>
                <c:pt idx="3147">
                  <c:v>43364</c:v>
                </c:pt>
                <c:pt idx="3148">
                  <c:v>43367</c:v>
                </c:pt>
                <c:pt idx="3149">
                  <c:v>43368</c:v>
                </c:pt>
                <c:pt idx="3150">
                  <c:v>43369</c:v>
                </c:pt>
                <c:pt idx="3151">
                  <c:v>43370</c:v>
                </c:pt>
                <c:pt idx="3152">
                  <c:v>43371</c:v>
                </c:pt>
                <c:pt idx="3153">
                  <c:v>43374</c:v>
                </c:pt>
                <c:pt idx="3154">
                  <c:v>43375</c:v>
                </c:pt>
                <c:pt idx="3155">
                  <c:v>43376</c:v>
                </c:pt>
                <c:pt idx="3156">
                  <c:v>43377</c:v>
                </c:pt>
                <c:pt idx="3157">
                  <c:v>43378</c:v>
                </c:pt>
                <c:pt idx="3158">
                  <c:v>43381</c:v>
                </c:pt>
                <c:pt idx="3159">
                  <c:v>43382</c:v>
                </c:pt>
                <c:pt idx="3160">
                  <c:v>43383</c:v>
                </c:pt>
                <c:pt idx="3161">
                  <c:v>43384</c:v>
                </c:pt>
                <c:pt idx="3162">
                  <c:v>43388</c:v>
                </c:pt>
                <c:pt idx="3163">
                  <c:v>43389</c:v>
                </c:pt>
                <c:pt idx="3164">
                  <c:v>43390</c:v>
                </c:pt>
                <c:pt idx="3165">
                  <c:v>43391</c:v>
                </c:pt>
                <c:pt idx="3166">
                  <c:v>43392</c:v>
                </c:pt>
                <c:pt idx="3167">
                  <c:v>43395</c:v>
                </c:pt>
                <c:pt idx="3168">
                  <c:v>43396</c:v>
                </c:pt>
                <c:pt idx="3169">
                  <c:v>43397</c:v>
                </c:pt>
                <c:pt idx="3170">
                  <c:v>43398</c:v>
                </c:pt>
                <c:pt idx="3171">
                  <c:v>43399</c:v>
                </c:pt>
                <c:pt idx="3172">
                  <c:v>43402</c:v>
                </c:pt>
                <c:pt idx="3173">
                  <c:v>43403</c:v>
                </c:pt>
                <c:pt idx="3174">
                  <c:v>43404</c:v>
                </c:pt>
                <c:pt idx="3175">
                  <c:v>43405</c:v>
                </c:pt>
                <c:pt idx="3176">
                  <c:v>43409</c:v>
                </c:pt>
                <c:pt idx="3177">
                  <c:v>43410</c:v>
                </c:pt>
                <c:pt idx="3178">
                  <c:v>43411</c:v>
                </c:pt>
                <c:pt idx="3179">
                  <c:v>43412</c:v>
                </c:pt>
                <c:pt idx="3180">
                  <c:v>43413</c:v>
                </c:pt>
                <c:pt idx="3181">
                  <c:v>43416</c:v>
                </c:pt>
                <c:pt idx="3182">
                  <c:v>43417</c:v>
                </c:pt>
                <c:pt idx="3183">
                  <c:v>43418</c:v>
                </c:pt>
                <c:pt idx="3184">
                  <c:v>43420</c:v>
                </c:pt>
                <c:pt idx="3185">
                  <c:v>43423</c:v>
                </c:pt>
                <c:pt idx="3186">
                  <c:v>43425</c:v>
                </c:pt>
                <c:pt idx="3187">
                  <c:v>43426</c:v>
                </c:pt>
                <c:pt idx="3188">
                  <c:v>43427</c:v>
                </c:pt>
                <c:pt idx="3189">
                  <c:v>43430</c:v>
                </c:pt>
                <c:pt idx="3190">
                  <c:v>43431</c:v>
                </c:pt>
                <c:pt idx="3191">
                  <c:v>43432</c:v>
                </c:pt>
                <c:pt idx="3192">
                  <c:v>43433</c:v>
                </c:pt>
                <c:pt idx="3193">
                  <c:v>43434</c:v>
                </c:pt>
                <c:pt idx="3194">
                  <c:v>43437</c:v>
                </c:pt>
                <c:pt idx="3195">
                  <c:v>43438</c:v>
                </c:pt>
                <c:pt idx="3196">
                  <c:v>43439</c:v>
                </c:pt>
                <c:pt idx="3197">
                  <c:v>43440</c:v>
                </c:pt>
                <c:pt idx="3198">
                  <c:v>43441</c:v>
                </c:pt>
                <c:pt idx="3199">
                  <c:v>43444</c:v>
                </c:pt>
                <c:pt idx="3200">
                  <c:v>43445</c:v>
                </c:pt>
                <c:pt idx="3201">
                  <c:v>43446</c:v>
                </c:pt>
                <c:pt idx="3202">
                  <c:v>43447</c:v>
                </c:pt>
                <c:pt idx="3203">
                  <c:v>43448</c:v>
                </c:pt>
                <c:pt idx="3204">
                  <c:v>43451</c:v>
                </c:pt>
                <c:pt idx="3205">
                  <c:v>43452</c:v>
                </c:pt>
                <c:pt idx="3206">
                  <c:v>43453</c:v>
                </c:pt>
                <c:pt idx="3207">
                  <c:v>43454</c:v>
                </c:pt>
                <c:pt idx="3208">
                  <c:v>43455</c:v>
                </c:pt>
                <c:pt idx="3209">
                  <c:v>43460</c:v>
                </c:pt>
                <c:pt idx="3210">
                  <c:v>43461</c:v>
                </c:pt>
                <c:pt idx="3211">
                  <c:v>43462</c:v>
                </c:pt>
                <c:pt idx="3212">
                  <c:v>43467</c:v>
                </c:pt>
                <c:pt idx="3213">
                  <c:v>43468</c:v>
                </c:pt>
                <c:pt idx="3214">
                  <c:v>43469</c:v>
                </c:pt>
                <c:pt idx="3215">
                  <c:v>43472</c:v>
                </c:pt>
                <c:pt idx="3216">
                  <c:v>43473</c:v>
                </c:pt>
                <c:pt idx="3217">
                  <c:v>43474</c:v>
                </c:pt>
                <c:pt idx="3218">
                  <c:v>43475</c:v>
                </c:pt>
                <c:pt idx="3219">
                  <c:v>43476</c:v>
                </c:pt>
                <c:pt idx="3220">
                  <c:v>43479</c:v>
                </c:pt>
                <c:pt idx="3221">
                  <c:v>43480</c:v>
                </c:pt>
                <c:pt idx="3222">
                  <c:v>43481</c:v>
                </c:pt>
                <c:pt idx="3223">
                  <c:v>43482</c:v>
                </c:pt>
                <c:pt idx="3224">
                  <c:v>43483</c:v>
                </c:pt>
                <c:pt idx="3225">
                  <c:v>43486</c:v>
                </c:pt>
                <c:pt idx="3226">
                  <c:v>43487</c:v>
                </c:pt>
                <c:pt idx="3227">
                  <c:v>43488</c:v>
                </c:pt>
                <c:pt idx="3228">
                  <c:v>43489</c:v>
                </c:pt>
                <c:pt idx="3229">
                  <c:v>43493</c:v>
                </c:pt>
                <c:pt idx="3230">
                  <c:v>43494</c:v>
                </c:pt>
                <c:pt idx="3231">
                  <c:v>43495</c:v>
                </c:pt>
                <c:pt idx="3232">
                  <c:v>43496</c:v>
                </c:pt>
                <c:pt idx="3233">
                  <c:v>43497</c:v>
                </c:pt>
                <c:pt idx="3234">
                  <c:v>43500</c:v>
                </c:pt>
                <c:pt idx="3235">
                  <c:v>43501</c:v>
                </c:pt>
                <c:pt idx="3236">
                  <c:v>43502</c:v>
                </c:pt>
                <c:pt idx="3237">
                  <c:v>43503</c:v>
                </c:pt>
                <c:pt idx="3238">
                  <c:v>43504</c:v>
                </c:pt>
                <c:pt idx="3239">
                  <c:v>43507</c:v>
                </c:pt>
                <c:pt idx="3240">
                  <c:v>43508</c:v>
                </c:pt>
                <c:pt idx="3241">
                  <c:v>43509</c:v>
                </c:pt>
                <c:pt idx="3242">
                  <c:v>43510</c:v>
                </c:pt>
                <c:pt idx="3243">
                  <c:v>43511</c:v>
                </c:pt>
                <c:pt idx="3244">
                  <c:v>43514</c:v>
                </c:pt>
                <c:pt idx="3245">
                  <c:v>43515</c:v>
                </c:pt>
                <c:pt idx="3246">
                  <c:v>43516</c:v>
                </c:pt>
                <c:pt idx="3247">
                  <c:v>43517</c:v>
                </c:pt>
                <c:pt idx="3248">
                  <c:v>43518</c:v>
                </c:pt>
                <c:pt idx="3249">
                  <c:v>43521</c:v>
                </c:pt>
                <c:pt idx="3250">
                  <c:v>43522</c:v>
                </c:pt>
                <c:pt idx="3251">
                  <c:v>43523</c:v>
                </c:pt>
                <c:pt idx="3252">
                  <c:v>43524</c:v>
                </c:pt>
                <c:pt idx="3253">
                  <c:v>43525</c:v>
                </c:pt>
                <c:pt idx="3254">
                  <c:v>43530</c:v>
                </c:pt>
                <c:pt idx="3255">
                  <c:v>43531</c:v>
                </c:pt>
                <c:pt idx="3256">
                  <c:v>43532</c:v>
                </c:pt>
                <c:pt idx="3257">
                  <c:v>43535</c:v>
                </c:pt>
                <c:pt idx="3258">
                  <c:v>43536</c:v>
                </c:pt>
                <c:pt idx="3259">
                  <c:v>43537</c:v>
                </c:pt>
                <c:pt idx="3260">
                  <c:v>43538</c:v>
                </c:pt>
                <c:pt idx="3261">
                  <c:v>43539</c:v>
                </c:pt>
                <c:pt idx="3262">
                  <c:v>43542</c:v>
                </c:pt>
                <c:pt idx="3263">
                  <c:v>43543</c:v>
                </c:pt>
                <c:pt idx="3264">
                  <c:v>43544</c:v>
                </c:pt>
                <c:pt idx="3265">
                  <c:v>43545</c:v>
                </c:pt>
                <c:pt idx="3266">
                  <c:v>43546</c:v>
                </c:pt>
                <c:pt idx="3267">
                  <c:v>43549</c:v>
                </c:pt>
                <c:pt idx="3268">
                  <c:v>43550</c:v>
                </c:pt>
                <c:pt idx="3269">
                  <c:v>43551</c:v>
                </c:pt>
                <c:pt idx="3270">
                  <c:v>43552</c:v>
                </c:pt>
                <c:pt idx="3271">
                  <c:v>43553</c:v>
                </c:pt>
                <c:pt idx="3272">
                  <c:v>43556</c:v>
                </c:pt>
                <c:pt idx="3273">
                  <c:v>43557</c:v>
                </c:pt>
                <c:pt idx="3274">
                  <c:v>43558</c:v>
                </c:pt>
                <c:pt idx="3275">
                  <c:v>43559</c:v>
                </c:pt>
                <c:pt idx="3276">
                  <c:v>43560</c:v>
                </c:pt>
                <c:pt idx="3277">
                  <c:v>43563</c:v>
                </c:pt>
                <c:pt idx="3278">
                  <c:v>43564</c:v>
                </c:pt>
                <c:pt idx="3279">
                  <c:v>43565</c:v>
                </c:pt>
                <c:pt idx="3280">
                  <c:v>43566</c:v>
                </c:pt>
                <c:pt idx="3281">
                  <c:v>43567</c:v>
                </c:pt>
                <c:pt idx="3282">
                  <c:v>43570</c:v>
                </c:pt>
                <c:pt idx="3283">
                  <c:v>43571</c:v>
                </c:pt>
                <c:pt idx="3284">
                  <c:v>43572</c:v>
                </c:pt>
                <c:pt idx="3285">
                  <c:v>43573</c:v>
                </c:pt>
                <c:pt idx="3286">
                  <c:v>43577</c:v>
                </c:pt>
                <c:pt idx="3287">
                  <c:v>43578</c:v>
                </c:pt>
                <c:pt idx="3288">
                  <c:v>43579</c:v>
                </c:pt>
                <c:pt idx="3289">
                  <c:v>43580</c:v>
                </c:pt>
                <c:pt idx="3290">
                  <c:v>43581</c:v>
                </c:pt>
                <c:pt idx="3291">
                  <c:v>43584</c:v>
                </c:pt>
                <c:pt idx="3292">
                  <c:v>43585</c:v>
                </c:pt>
                <c:pt idx="3293">
                  <c:v>43587</c:v>
                </c:pt>
                <c:pt idx="3294">
                  <c:v>43588</c:v>
                </c:pt>
                <c:pt idx="3295">
                  <c:v>43591</c:v>
                </c:pt>
                <c:pt idx="3296">
                  <c:v>43592</c:v>
                </c:pt>
                <c:pt idx="3297">
                  <c:v>43593</c:v>
                </c:pt>
                <c:pt idx="3298">
                  <c:v>43594</c:v>
                </c:pt>
                <c:pt idx="3299">
                  <c:v>43595</c:v>
                </c:pt>
                <c:pt idx="3300">
                  <c:v>43598</c:v>
                </c:pt>
                <c:pt idx="3301">
                  <c:v>43599</c:v>
                </c:pt>
                <c:pt idx="3302">
                  <c:v>43600</c:v>
                </c:pt>
                <c:pt idx="3303">
                  <c:v>43601</c:v>
                </c:pt>
                <c:pt idx="3304">
                  <c:v>43602</c:v>
                </c:pt>
                <c:pt idx="3305">
                  <c:v>43605</c:v>
                </c:pt>
                <c:pt idx="3306">
                  <c:v>43606</c:v>
                </c:pt>
                <c:pt idx="3307">
                  <c:v>43607</c:v>
                </c:pt>
                <c:pt idx="3308">
                  <c:v>43608</c:v>
                </c:pt>
                <c:pt idx="3309">
                  <c:v>43609</c:v>
                </c:pt>
                <c:pt idx="3310">
                  <c:v>43612</c:v>
                </c:pt>
                <c:pt idx="3311">
                  <c:v>43613</c:v>
                </c:pt>
                <c:pt idx="3312">
                  <c:v>43614</c:v>
                </c:pt>
                <c:pt idx="3313">
                  <c:v>43615</c:v>
                </c:pt>
                <c:pt idx="3314">
                  <c:v>43616</c:v>
                </c:pt>
                <c:pt idx="3315">
                  <c:v>43619</c:v>
                </c:pt>
                <c:pt idx="3316">
                  <c:v>43620</c:v>
                </c:pt>
                <c:pt idx="3317">
                  <c:v>43621</c:v>
                </c:pt>
                <c:pt idx="3318">
                  <c:v>43622</c:v>
                </c:pt>
                <c:pt idx="3319">
                  <c:v>43623</c:v>
                </c:pt>
                <c:pt idx="3320">
                  <c:v>43626</c:v>
                </c:pt>
                <c:pt idx="3321">
                  <c:v>43627</c:v>
                </c:pt>
                <c:pt idx="3322">
                  <c:v>43628</c:v>
                </c:pt>
                <c:pt idx="3323">
                  <c:v>43629</c:v>
                </c:pt>
                <c:pt idx="3324">
                  <c:v>43630</c:v>
                </c:pt>
                <c:pt idx="3325">
                  <c:v>43633</c:v>
                </c:pt>
                <c:pt idx="3326">
                  <c:v>43634</c:v>
                </c:pt>
                <c:pt idx="3327">
                  <c:v>43635</c:v>
                </c:pt>
                <c:pt idx="3328">
                  <c:v>43637</c:v>
                </c:pt>
              </c:numCache>
            </c:numRef>
          </c:cat>
          <c:val>
            <c:numRef>
              <c:f>'[Estudos RV 19 06.xlsx]Ibovespa em dólar'!$C$6:$C$5000</c:f>
              <c:numCache>
                <c:formatCode>#,##0.00</c:formatCode>
                <c:ptCount val="4988"/>
                <c:pt idx="0">
                  <c:v>14398.32216</c:v>
                </c:pt>
                <c:pt idx="1">
                  <c:v>14331.595170000001</c:v>
                </c:pt>
                <c:pt idx="2">
                  <c:v>14817.92283</c:v>
                </c:pt>
                <c:pt idx="3">
                  <c:v>15284.878220000001</c:v>
                </c:pt>
                <c:pt idx="4">
                  <c:v>15279.29559</c:v>
                </c:pt>
                <c:pt idx="5">
                  <c:v>15553.07971</c:v>
                </c:pt>
                <c:pt idx="6">
                  <c:v>15712.46248</c:v>
                </c:pt>
                <c:pt idx="7">
                  <c:v>15505.84935</c:v>
                </c:pt>
                <c:pt idx="8">
                  <c:v>15745.73567</c:v>
                </c:pt>
                <c:pt idx="9">
                  <c:v>15795.90338</c:v>
                </c:pt>
                <c:pt idx="10">
                  <c:v>15775.4872</c:v>
                </c:pt>
                <c:pt idx="11">
                  <c:v>16079.96465</c:v>
                </c:pt>
                <c:pt idx="12">
                  <c:v>15623.241110000001</c:v>
                </c:pt>
                <c:pt idx="13">
                  <c:v>15410.02426</c:v>
                </c:pt>
                <c:pt idx="14">
                  <c:v>15836.63804</c:v>
                </c:pt>
                <c:pt idx="15">
                  <c:v>16116.764069999999</c:v>
                </c:pt>
                <c:pt idx="16">
                  <c:v>16231.002699999999</c:v>
                </c:pt>
                <c:pt idx="17">
                  <c:v>16673.9509</c:v>
                </c:pt>
                <c:pt idx="18">
                  <c:v>17052.915560000001</c:v>
                </c:pt>
                <c:pt idx="19">
                  <c:v>17073.181400000001</c:v>
                </c:pt>
                <c:pt idx="20">
                  <c:v>17253.344939999999</c:v>
                </c:pt>
                <c:pt idx="21">
                  <c:v>17333.27346</c:v>
                </c:pt>
                <c:pt idx="22">
                  <c:v>17313.676390000001</c:v>
                </c:pt>
                <c:pt idx="23">
                  <c:v>16758.396840000001</c:v>
                </c:pt>
                <c:pt idx="24">
                  <c:v>16891.083640000001</c:v>
                </c:pt>
                <c:pt idx="25">
                  <c:v>17088.461200000002</c:v>
                </c:pt>
                <c:pt idx="26">
                  <c:v>16717.740860000002</c:v>
                </c:pt>
                <c:pt idx="27">
                  <c:v>16704.535530000001</c:v>
                </c:pt>
                <c:pt idx="28">
                  <c:v>16996.455590000001</c:v>
                </c:pt>
                <c:pt idx="29">
                  <c:v>17077.068859999999</c:v>
                </c:pt>
                <c:pt idx="30">
                  <c:v>16765.993149999998</c:v>
                </c:pt>
                <c:pt idx="31">
                  <c:v>17127.369129999999</c:v>
                </c:pt>
                <c:pt idx="32">
                  <c:v>17435.762129999999</c:v>
                </c:pt>
                <c:pt idx="33">
                  <c:v>18088.127960000002</c:v>
                </c:pt>
                <c:pt idx="34">
                  <c:v>18072.355660000001</c:v>
                </c:pt>
                <c:pt idx="35">
                  <c:v>18196.024399999998</c:v>
                </c:pt>
                <c:pt idx="36">
                  <c:v>17909.88679</c:v>
                </c:pt>
                <c:pt idx="37">
                  <c:v>17882.176189999998</c:v>
                </c:pt>
                <c:pt idx="38">
                  <c:v>17952.358479999999</c:v>
                </c:pt>
                <c:pt idx="39">
                  <c:v>18090.42338</c:v>
                </c:pt>
                <c:pt idx="40">
                  <c:v>18507.190289999999</c:v>
                </c:pt>
                <c:pt idx="41">
                  <c:v>18494.842769999999</c:v>
                </c:pt>
                <c:pt idx="42">
                  <c:v>18541.676510000001</c:v>
                </c:pt>
                <c:pt idx="43">
                  <c:v>18037.89705</c:v>
                </c:pt>
                <c:pt idx="44">
                  <c:v>17187.607639999998</c:v>
                </c:pt>
                <c:pt idx="45">
                  <c:v>17060.474050000001</c:v>
                </c:pt>
                <c:pt idx="46">
                  <c:v>16729.909930000002</c:v>
                </c:pt>
                <c:pt idx="47">
                  <c:v>17222.544989999999</c:v>
                </c:pt>
                <c:pt idx="48">
                  <c:v>17241.3217</c:v>
                </c:pt>
                <c:pt idx="49">
                  <c:v>17704.073690000001</c:v>
                </c:pt>
                <c:pt idx="50">
                  <c:v>18021.765350000001</c:v>
                </c:pt>
                <c:pt idx="51">
                  <c:v>18149.950349999999</c:v>
                </c:pt>
                <c:pt idx="52">
                  <c:v>17968.912339999999</c:v>
                </c:pt>
                <c:pt idx="53">
                  <c:v>17809.673790000001</c:v>
                </c:pt>
                <c:pt idx="54">
                  <c:v>17309.887409999999</c:v>
                </c:pt>
                <c:pt idx="55">
                  <c:v>17555.932219999999</c:v>
                </c:pt>
                <c:pt idx="56">
                  <c:v>17385.224569999998</c:v>
                </c:pt>
                <c:pt idx="57">
                  <c:v>17416.94125</c:v>
                </c:pt>
                <c:pt idx="58">
                  <c:v>17094.032070000001</c:v>
                </c:pt>
                <c:pt idx="59">
                  <c:v>16490.09258</c:v>
                </c:pt>
                <c:pt idx="60">
                  <c:v>16893.421490000001</c:v>
                </c:pt>
                <c:pt idx="61">
                  <c:v>17229.99396</c:v>
                </c:pt>
                <c:pt idx="62">
                  <c:v>17465.241030000001</c:v>
                </c:pt>
                <c:pt idx="63">
                  <c:v>18018.834790000001</c:v>
                </c:pt>
                <c:pt idx="64">
                  <c:v>18204.204430000002</c:v>
                </c:pt>
                <c:pt idx="65">
                  <c:v>18357.24323</c:v>
                </c:pt>
                <c:pt idx="66">
                  <c:v>18402.21054</c:v>
                </c:pt>
                <c:pt idx="67">
                  <c:v>18054.957439999998</c:v>
                </c:pt>
                <c:pt idx="68">
                  <c:v>17899.386139999999</c:v>
                </c:pt>
                <c:pt idx="69">
                  <c:v>17683.568039999998</c:v>
                </c:pt>
                <c:pt idx="70">
                  <c:v>17981.100620000001</c:v>
                </c:pt>
                <c:pt idx="71">
                  <c:v>17799.5461</c:v>
                </c:pt>
                <c:pt idx="72">
                  <c:v>18013.525900000001</c:v>
                </c:pt>
                <c:pt idx="73">
                  <c:v>18600.45535</c:v>
                </c:pt>
                <c:pt idx="74">
                  <c:v>18884.877179999999</c:v>
                </c:pt>
                <c:pt idx="75">
                  <c:v>18699.854200000002</c:v>
                </c:pt>
                <c:pt idx="76">
                  <c:v>18794.94125</c:v>
                </c:pt>
                <c:pt idx="77">
                  <c:v>18737.302110000001</c:v>
                </c:pt>
                <c:pt idx="78">
                  <c:v>19077.546320000001</c:v>
                </c:pt>
                <c:pt idx="79">
                  <c:v>18860.998940000001</c:v>
                </c:pt>
                <c:pt idx="80">
                  <c:v>19321.88697</c:v>
                </c:pt>
                <c:pt idx="81">
                  <c:v>19825.307229999999</c:v>
                </c:pt>
                <c:pt idx="82">
                  <c:v>19783.292280000001</c:v>
                </c:pt>
                <c:pt idx="83">
                  <c:v>19871.862880000001</c:v>
                </c:pt>
                <c:pt idx="84">
                  <c:v>20163.219659999999</c:v>
                </c:pt>
                <c:pt idx="85">
                  <c:v>20123.843069999999</c:v>
                </c:pt>
                <c:pt idx="86">
                  <c:v>20343.731070000002</c:v>
                </c:pt>
                <c:pt idx="87">
                  <c:v>20292.345079999999</c:v>
                </c:pt>
                <c:pt idx="88">
                  <c:v>19557.153269999999</c:v>
                </c:pt>
                <c:pt idx="89">
                  <c:v>18751.209490000001</c:v>
                </c:pt>
                <c:pt idx="90">
                  <c:v>18108.29034</c:v>
                </c:pt>
                <c:pt idx="91">
                  <c:v>18418.897840000001</c:v>
                </c:pt>
                <c:pt idx="92">
                  <c:v>17593.585589999999</c:v>
                </c:pt>
                <c:pt idx="93">
                  <c:v>17204.618170000002</c:v>
                </c:pt>
                <c:pt idx="94">
                  <c:v>17236.69973</c:v>
                </c:pt>
                <c:pt idx="95">
                  <c:v>15951.451870000001</c:v>
                </c:pt>
                <c:pt idx="96">
                  <c:v>15968.69058</c:v>
                </c:pt>
                <c:pt idx="97">
                  <c:v>14988.25835</c:v>
                </c:pt>
                <c:pt idx="98">
                  <c:v>16151.61656</c:v>
                </c:pt>
                <c:pt idx="99">
                  <c:v>17095.061710000002</c:v>
                </c:pt>
                <c:pt idx="100">
                  <c:v>16992.671259999999</c:v>
                </c:pt>
                <c:pt idx="101">
                  <c:v>15608.92993</c:v>
                </c:pt>
                <c:pt idx="102">
                  <c:v>15807.02686</c:v>
                </c:pt>
                <c:pt idx="103">
                  <c:v>16605.798320000002</c:v>
                </c:pt>
                <c:pt idx="104">
                  <c:v>16729.35612</c:v>
                </c:pt>
                <c:pt idx="105">
                  <c:v>16296.233920000001</c:v>
                </c:pt>
                <c:pt idx="106">
                  <c:v>16145.2991</c:v>
                </c:pt>
                <c:pt idx="107">
                  <c:v>15676.372530000001</c:v>
                </c:pt>
                <c:pt idx="108">
                  <c:v>15604.48316</c:v>
                </c:pt>
                <c:pt idx="109">
                  <c:v>15468.414059999999</c:v>
                </c:pt>
                <c:pt idx="110">
                  <c:v>14786.937910000001</c:v>
                </c:pt>
                <c:pt idx="111">
                  <c:v>14296.487370000001</c:v>
                </c:pt>
                <c:pt idx="112">
                  <c:v>14451.1783</c:v>
                </c:pt>
                <c:pt idx="113">
                  <c:v>15271.44145</c:v>
                </c:pt>
                <c:pt idx="114">
                  <c:v>15166.60025</c:v>
                </c:pt>
                <c:pt idx="115">
                  <c:v>14957.58978</c:v>
                </c:pt>
                <c:pt idx="116">
                  <c:v>15450.888070000001</c:v>
                </c:pt>
                <c:pt idx="117">
                  <c:v>15319.98638</c:v>
                </c:pt>
                <c:pt idx="118">
                  <c:v>15487.586569999999</c:v>
                </c:pt>
                <c:pt idx="119">
                  <c:v>15564.60146</c:v>
                </c:pt>
                <c:pt idx="120">
                  <c:v>15408.216270000001</c:v>
                </c:pt>
                <c:pt idx="121">
                  <c:v>15615.31667</c:v>
                </c:pt>
                <c:pt idx="122">
                  <c:v>16527.00633</c:v>
                </c:pt>
                <c:pt idx="123">
                  <c:v>16923.3819</c:v>
                </c:pt>
                <c:pt idx="124">
                  <c:v>17325.479660000001</c:v>
                </c:pt>
                <c:pt idx="125">
                  <c:v>17257.34996</c:v>
                </c:pt>
                <c:pt idx="126">
                  <c:v>16595.817179999998</c:v>
                </c:pt>
                <c:pt idx="127">
                  <c:v>16729.921180000001</c:v>
                </c:pt>
                <c:pt idx="128">
                  <c:v>16623.068650000001</c:v>
                </c:pt>
                <c:pt idx="129">
                  <c:v>16632.44541</c:v>
                </c:pt>
                <c:pt idx="130">
                  <c:v>16714.78285</c:v>
                </c:pt>
                <c:pt idx="131">
                  <c:v>16516.097249999999</c:v>
                </c:pt>
                <c:pt idx="132">
                  <c:v>16029.325919999999</c:v>
                </c:pt>
                <c:pt idx="133">
                  <c:v>16004.74473</c:v>
                </c:pt>
                <c:pt idx="134">
                  <c:v>15745.97328</c:v>
                </c:pt>
                <c:pt idx="135">
                  <c:v>15976.36176</c:v>
                </c:pt>
                <c:pt idx="136">
                  <c:v>16827.7444</c:v>
                </c:pt>
                <c:pt idx="137">
                  <c:v>16399.121589999999</c:v>
                </c:pt>
                <c:pt idx="138">
                  <c:v>16155.04228</c:v>
                </c:pt>
                <c:pt idx="139">
                  <c:v>16524.97177</c:v>
                </c:pt>
                <c:pt idx="140">
                  <c:v>16666.285670000001</c:v>
                </c:pt>
                <c:pt idx="141">
                  <c:v>16574.256420000002</c:v>
                </c:pt>
                <c:pt idx="142">
                  <c:v>16872.212759999999</c:v>
                </c:pt>
                <c:pt idx="143">
                  <c:v>17161.444599999999</c:v>
                </c:pt>
                <c:pt idx="144">
                  <c:v>17035.203819999999</c:v>
                </c:pt>
                <c:pt idx="145">
                  <c:v>16852.382720000001</c:v>
                </c:pt>
                <c:pt idx="146">
                  <c:v>17120.476780000001</c:v>
                </c:pt>
                <c:pt idx="147">
                  <c:v>17181.021830000002</c:v>
                </c:pt>
                <c:pt idx="148">
                  <c:v>17407.726460000002</c:v>
                </c:pt>
                <c:pt idx="149">
                  <c:v>17275.81263</c:v>
                </c:pt>
                <c:pt idx="150">
                  <c:v>17220.26168</c:v>
                </c:pt>
                <c:pt idx="151">
                  <c:v>17174.590230000002</c:v>
                </c:pt>
                <c:pt idx="152">
                  <c:v>17253.46963</c:v>
                </c:pt>
                <c:pt idx="153">
                  <c:v>17089.661250000001</c:v>
                </c:pt>
                <c:pt idx="154">
                  <c:v>16937.81165</c:v>
                </c:pt>
                <c:pt idx="155">
                  <c:v>17363.09576</c:v>
                </c:pt>
                <c:pt idx="156">
                  <c:v>17684.960630000001</c:v>
                </c:pt>
                <c:pt idx="157">
                  <c:v>17616.740440000001</c:v>
                </c:pt>
                <c:pt idx="158">
                  <c:v>17486.244910000001</c:v>
                </c:pt>
                <c:pt idx="159">
                  <c:v>17419.30416</c:v>
                </c:pt>
                <c:pt idx="160">
                  <c:v>17192.852269999999</c:v>
                </c:pt>
                <c:pt idx="161">
                  <c:v>16606.079760000001</c:v>
                </c:pt>
                <c:pt idx="162">
                  <c:v>16542.172709999999</c:v>
                </c:pt>
                <c:pt idx="163">
                  <c:v>16659.34002</c:v>
                </c:pt>
                <c:pt idx="164">
                  <c:v>16930.189320000001</c:v>
                </c:pt>
                <c:pt idx="165">
                  <c:v>16939.0033</c:v>
                </c:pt>
                <c:pt idx="166">
                  <c:v>17032.56552</c:v>
                </c:pt>
                <c:pt idx="167">
                  <c:v>16970.594260000002</c:v>
                </c:pt>
                <c:pt idx="168">
                  <c:v>17443.527310000001</c:v>
                </c:pt>
                <c:pt idx="169">
                  <c:v>17681.467100000002</c:v>
                </c:pt>
                <c:pt idx="170">
                  <c:v>17563.433420000001</c:v>
                </c:pt>
                <c:pt idx="171">
                  <c:v>17084.68894</c:v>
                </c:pt>
                <c:pt idx="172">
                  <c:v>16948.7624</c:v>
                </c:pt>
                <c:pt idx="173">
                  <c:v>16422.95852</c:v>
                </c:pt>
                <c:pt idx="174">
                  <c:v>16636.74696</c:v>
                </c:pt>
                <c:pt idx="175">
                  <c:v>16880.524170000001</c:v>
                </c:pt>
                <c:pt idx="176">
                  <c:v>16761.83484</c:v>
                </c:pt>
                <c:pt idx="177">
                  <c:v>16775.62715</c:v>
                </c:pt>
                <c:pt idx="178">
                  <c:v>17029.72565</c:v>
                </c:pt>
                <c:pt idx="179">
                  <c:v>16626.826519999999</c:v>
                </c:pt>
                <c:pt idx="180">
                  <c:v>16195.743549999999</c:v>
                </c:pt>
                <c:pt idx="181">
                  <c:v>15740.27392</c:v>
                </c:pt>
                <c:pt idx="182">
                  <c:v>15711.22884</c:v>
                </c:pt>
                <c:pt idx="183">
                  <c:v>15709.612010000001</c:v>
                </c:pt>
                <c:pt idx="184">
                  <c:v>16273.95218</c:v>
                </c:pt>
                <c:pt idx="185">
                  <c:v>16534.915110000002</c:v>
                </c:pt>
                <c:pt idx="186">
                  <c:v>16756.77017</c:v>
                </c:pt>
                <c:pt idx="187">
                  <c:v>16816.331460000001</c:v>
                </c:pt>
                <c:pt idx="188">
                  <c:v>17173.857629999999</c:v>
                </c:pt>
                <c:pt idx="189">
                  <c:v>16829.50014</c:v>
                </c:pt>
                <c:pt idx="190">
                  <c:v>17421.67669</c:v>
                </c:pt>
                <c:pt idx="191">
                  <c:v>17512.155019999998</c:v>
                </c:pt>
                <c:pt idx="192">
                  <c:v>17517.98013</c:v>
                </c:pt>
                <c:pt idx="193">
                  <c:v>17809.585500000001</c:v>
                </c:pt>
                <c:pt idx="194">
                  <c:v>17999.85629</c:v>
                </c:pt>
                <c:pt idx="195">
                  <c:v>17827.600920000001</c:v>
                </c:pt>
                <c:pt idx="196">
                  <c:v>18137.329659999999</c:v>
                </c:pt>
                <c:pt idx="197">
                  <c:v>18374.266329999999</c:v>
                </c:pt>
                <c:pt idx="198">
                  <c:v>18199.363679999999</c:v>
                </c:pt>
                <c:pt idx="199">
                  <c:v>18158.173320000002</c:v>
                </c:pt>
                <c:pt idx="200">
                  <c:v>18189.348969999999</c:v>
                </c:pt>
                <c:pt idx="201">
                  <c:v>18027.907770000002</c:v>
                </c:pt>
                <c:pt idx="202">
                  <c:v>18337.974730000002</c:v>
                </c:pt>
                <c:pt idx="203">
                  <c:v>18400.717649999999</c:v>
                </c:pt>
                <c:pt idx="204">
                  <c:v>18411.498920000002</c:v>
                </c:pt>
                <c:pt idx="205">
                  <c:v>18575.944729999999</c:v>
                </c:pt>
                <c:pt idx="206">
                  <c:v>18423.417219999999</c:v>
                </c:pt>
                <c:pt idx="207">
                  <c:v>18128.664479999999</c:v>
                </c:pt>
                <c:pt idx="208">
                  <c:v>18327.400020000001</c:v>
                </c:pt>
                <c:pt idx="209">
                  <c:v>18638.869790000001</c:v>
                </c:pt>
                <c:pt idx="210">
                  <c:v>18870.25373</c:v>
                </c:pt>
                <c:pt idx="211">
                  <c:v>19298.465059999999</c:v>
                </c:pt>
                <c:pt idx="212">
                  <c:v>19203.88708</c:v>
                </c:pt>
                <c:pt idx="213">
                  <c:v>19265.546729999998</c:v>
                </c:pt>
                <c:pt idx="214">
                  <c:v>19057.515289999999</c:v>
                </c:pt>
                <c:pt idx="215">
                  <c:v>18927.173879999998</c:v>
                </c:pt>
                <c:pt idx="216">
                  <c:v>18721.835520000001</c:v>
                </c:pt>
                <c:pt idx="217">
                  <c:v>19228.229139999999</c:v>
                </c:pt>
                <c:pt idx="218">
                  <c:v>19114.828239999999</c:v>
                </c:pt>
                <c:pt idx="219">
                  <c:v>18988.07372</c:v>
                </c:pt>
                <c:pt idx="220">
                  <c:v>19217.973480000001</c:v>
                </c:pt>
                <c:pt idx="221">
                  <c:v>19354.847320000001</c:v>
                </c:pt>
                <c:pt idx="222">
                  <c:v>19402.21746</c:v>
                </c:pt>
                <c:pt idx="223">
                  <c:v>19247.623299999999</c:v>
                </c:pt>
                <c:pt idx="224">
                  <c:v>18678.214510000002</c:v>
                </c:pt>
                <c:pt idx="225">
                  <c:v>18764.297740000002</c:v>
                </c:pt>
                <c:pt idx="226">
                  <c:v>19347.260289999998</c:v>
                </c:pt>
                <c:pt idx="227">
                  <c:v>19372.52939</c:v>
                </c:pt>
                <c:pt idx="228">
                  <c:v>19072.85874</c:v>
                </c:pt>
                <c:pt idx="229">
                  <c:v>19716.33915</c:v>
                </c:pt>
                <c:pt idx="230">
                  <c:v>20062.889340000002</c:v>
                </c:pt>
                <c:pt idx="231">
                  <c:v>20082.087660000001</c:v>
                </c:pt>
                <c:pt idx="232">
                  <c:v>20020.197390000001</c:v>
                </c:pt>
                <c:pt idx="233">
                  <c:v>20087.67381</c:v>
                </c:pt>
                <c:pt idx="234">
                  <c:v>20255.933860000001</c:v>
                </c:pt>
                <c:pt idx="235">
                  <c:v>19987.199390000002</c:v>
                </c:pt>
                <c:pt idx="236">
                  <c:v>20157.64891</c:v>
                </c:pt>
                <c:pt idx="237">
                  <c:v>20379.39386</c:v>
                </c:pt>
                <c:pt idx="238">
                  <c:v>20319.59881</c:v>
                </c:pt>
                <c:pt idx="239">
                  <c:v>20247.919999999998</c:v>
                </c:pt>
                <c:pt idx="240">
                  <c:v>20171.086879999999</c:v>
                </c:pt>
                <c:pt idx="241">
                  <c:v>20164.252980000001</c:v>
                </c:pt>
                <c:pt idx="242">
                  <c:v>20118.2562</c:v>
                </c:pt>
                <c:pt idx="243">
                  <c:v>20189.871709999999</c:v>
                </c:pt>
                <c:pt idx="244">
                  <c:v>20343.898720000001</c:v>
                </c:pt>
                <c:pt idx="245">
                  <c:v>20754.339230000001</c:v>
                </c:pt>
                <c:pt idx="246">
                  <c:v>20818.10183</c:v>
                </c:pt>
                <c:pt idx="247">
                  <c:v>21291.39544</c:v>
                </c:pt>
                <c:pt idx="248">
                  <c:v>20773.680329999999</c:v>
                </c:pt>
                <c:pt idx="249">
                  <c:v>20536.39818</c:v>
                </c:pt>
                <c:pt idx="250">
                  <c:v>19630.65062</c:v>
                </c:pt>
                <c:pt idx="251">
                  <c:v>19907.00892</c:v>
                </c:pt>
                <c:pt idx="252">
                  <c:v>19547.12948</c:v>
                </c:pt>
                <c:pt idx="253">
                  <c:v>19704.757679999999</c:v>
                </c:pt>
                <c:pt idx="254">
                  <c:v>19897.56135</c:v>
                </c:pt>
                <c:pt idx="255">
                  <c:v>20125.61003</c:v>
                </c:pt>
                <c:pt idx="256">
                  <c:v>20036.961660000001</c:v>
                </c:pt>
                <c:pt idx="257">
                  <c:v>19922.514019999999</c:v>
                </c:pt>
                <c:pt idx="258">
                  <c:v>20024.12168</c:v>
                </c:pt>
                <c:pt idx="259">
                  <c:v>19899.710429999999</c:v>
                </c:pt>
                <c:pt idx="260">
                  <c:v>20399.098419999998</c:v>
                </c:pt>
                <c:pt idx="261">
                  <c:v>20390.122070000001</c:v>
                </c:pt>
                <c:pt idx="262">
                  <c:v>20716.154399999999</c:v>
                </c:pt>
                <c:pt idx="263">
                  <c:v>21009.27621</c:v>
                </c:pt>
                <c:pt idx="264">
                  <c:v>20772.849190000001</c:v>
                </c:pt>
                <c:pt idx="265">
                  <c:v>20411.04003</c:v>
                </c:pt>
                <c:pt idx="266">
                  <c:v>20668.339039999999</c:v>
                </c:pt>
                <c:pt idx="267">
                  <c:v>21029.584299999999</c:v>
                </c:pt>
                <c:pt idx="268">
                  <c:v>21332.355169999999</c:v>
                </c:pt>
                <c:pt idx="269">
                  <c:v>21371.564060000001</c:v>
                </c:pt>
                <c:pt idx="270">
                  <c:v>21636.966970000001</c:v>
                </c:pt>
                <c:pt idx="271">
                  <c:v>21748.333930000001</c:v>
                </c:pt>
                <c:pt idx="272">
                  <c:v>21310.50085</c:v>
                </c:pt>
                <c:pt idx="273">
                  <c:v>21448.61031</c:v>
                </c:pt>
                <c:pt idx="274">
                  <c:v>21007.779139999999</c:v>
                </c:pt>
                <c:pt idx="275">
                  <c:v>20787.674470000002</c:v>
                </c:pt>
                <c:pt idx="276">
                  <c:v>21446.00202</c:v>
                </c:pt>
                <c:pt idx="277">
                  <c:v>21991.681359999999</c:v>
                </c:pt>
                <c:pt idx="278">
                  <c:v>21953.408640000001</c:v>
                </c:pt>
                <c:pt idx="279">
                  <c:v>21916.362929999999</c:v>
                </c:pt>
                <c:pt idx="280">
                  <c:v>22196.117630000001</c:v>
                </c:pt>
                <c:pt idx="281">
                  <c:v>22316.72436</c:v>
                </c:pt>
                <c:pt idx="282">
                  <c:v>22043.491770000001</c:v>
                </c:pt>
                <c:pt idx="283">
                  <c:v>22116.210419999999</c:v>
                </c:pt>
                <c:pt idx="284">
                  <c:v>20435.432260000001</c:v>
                </c:pt>
                <c:pt idx="285">
                  <c:v>20713.689770000001</c:v>
                </c:pt>
                <c:pt idx="286">
                  <c:v>20546.227630000001</c:v>
                </c:pt>
                <c:pt idx="287">
                  <c:v>19919.999940000002</c:v>
                </c:pt>
                <c:pt idx="288">
                  <c:v>19229.11983</c:v>
                </c:pt>
                <c:pt idx="289">
                  <c:v>20405.287270000001</c:v>
                </c:pt>
                <c:pt idx="290">
                  <c:v>20199.39388</c:v>
                </c:pt>
                <c:pt idx="291">
                  <c:v>20634.145799999998</c:v>
                </c:pt>
                <c:pt idx="292">
                  <c:v>21066.072489999999</c:v>
                </c:pt>
                <c:pt idx="293">
                  <c:v>21176.94688</c:v>
                </c:pt>
                <c:pt idx="294">
                  <c:v>20385.9699</c:v>
                </c:pt>
                <c:pt idx="295">
                  <c:v>20574.35427</c:v>
                </c:pt>
                <c:pt idx="296">
                  <c:v>20712.223679999999</c:v>
                </c:pt>
                <c:pt idx="297">
                  <c:v>20440.104790000001</c:v>
                </c:pt>
                <c:pt idx="298">
                  <c:v>21025.75794</c:v>
                </c:pt>
                <c:pt idx="299">
                  <c:v>21348.193080000001</c:v>
                </c:pt>
                <c:pt idx="300">
                  <c:v>22051.350399999999</c:v>
                </c:pt>
                <c:pt idx="301">
                  <c:v>22042.01266</c:v>
                </c:pt>
                <c:pt idx="302">
                  <c:v>22041.113010000001</c:v>
                </c:pt>
                <c:pt idx="303">
                  <c:v>22148.9512</c:v>
                </c:pt>
                <c:pt idx="304">
                  <c:v>21917.255529999999</c:v>
                </c:pt>
                <c:pt idx="305">
                  <c:v>21502.369279999999</c:v>
                </c:pt>
                <c:pt idx="306">
                  <c:v>22097.504929999999</c:v>
                </c:pt>
                <c:pt idx="307">
                  <c:v>22256.880529999999</c:v>
                </c:pt>
                <c:pt idx="308">
                  <c:v>22264.394779999999</c:v>
                </c:pt>
                <c:pt idx="309">
                  <c:v>22701.402709999998</c:v>
                </c:pt>
                <c:pt idx="310">
                  <c:v>22909.27104</c:v>
                </c:pt>
                <c:pt idx="311">
                  <c:v>22967.292130000002</c:v>
                </c:pt>
                <c:pt idx="312">
                  <c:v>23172.458429999999</c:v>
                </c:pt>
                <c:pt idx="313">
                  <c:v>23267.112359999999</c:v>
                </c:pt>
                <c:pt idx="314">
                  <c:v>23105.681209999999</c:v>
                </c:pt>
                <c:pt idx="315">
                  <c:v>23233.0137</c:v>
                </c:pt>
                <c:pt idx="316">
                  <c:v>23728.206010000002</c:v>
                </c:pt>
                <c:pt idx="317">
                  <c:v>24064.74049</c:v>
                </c:pt>
                <c:pt idx="318">
                  <c:v>23976.139910000002</c:v>
                </c:pt>
                <c:pt idx="319">
                  <c:v>23896.114539999999</c:v>
                </c:pt>
                <c:pt idx="320">
                  <c:v>24017.203799999999</c:v>
                </c:pt>
                <c:pt idx="321">
                  <c:v>24393.078099999999</c:v>
                </c:pt>
                <c:pt idx="322">
                  <c:v>24290.770229999998</c:v>
                </c:pt>
                <c:pt idx="323">
                  <c:v>24098.050080000001</c:v>
                </c:pt>
                <c:pt idx="324">
                  <c:v>24567.551869999999</c:v>
                </c:pt>
                <c:pt idx="325">
                  <c:v>24260.91044</c:v>
                </c:pt>
                <c:pt idx="326">
                  <c:v>24240.288329999999</c:v>
                </c:pt>
                <c:pt idx="327">
                  <c:v>24084.415130000001</c:v>
                </c:pt>
                <c:pt idx="328">
                  <c:v>24420.741959999999</c:v>
                </c:pt>
                <c:pt idx="329">
                  <c:v>24822.410530000001</c:v>
                </c:pt>
                <c:pt idx="330">
                  <c:v>24918.881590000001</c:v>
                </c:pt>
                <c:pt idx="331">
                  <c:v>24835.389950000001</c:v>
                </c:pt>
                <c:pt idx="332">
                  <c:v>24821.135160000002</c:v>
                </c:pt>
                <c:pt idx="333">
                  <c:v>25402.39112</c:v>
                </c:pt>
                <c:pt idx="334">
                  <c:v>24874.810440000001</c:v>
                </c:pt>
                <c:pt idx="335">
                  <c:v>25205.436430000002</c:v>
                </c:pt>
                <c:pt idx="336">
                  <c:v>25132.232929999998</c:v>
                </c:pt>
                <c:pt idx="337">
                  <c:v>25424.363829999998</c:v>
                </c:pt>
                <c:pt idx="338">
                  <c:v>26324.187760000001</c:v>
                </c:pt>
                <c:pt idx="339">
                  <c:v>26403.205699999999</c:v>
                </c:pt>
                <c:pt idx="340">
                  <c:v>26558.049719999999</c:v>
                </c:pt>
                <c:pt idx="341">
                  <c:v>26973.73257</c:v>
                </c:pt>
                <c:pt idx="342">
                  <c:v>26923.876990000001</c:v>
                </c:pt>
                <c:pt idx="343">
                  <c:v>26630.60238</c:v>
                </c:pt>
                <c:pt idx="344">
                  <c:v>25712.725640000001</c:v>
                </c:pt>
                <c:pt idx="345">
                  <c:v>26416.56538</c:v>
                </c:pt>
                <c:pt idx="346">
                  <c:v>26827.243539999999</c:v>
                </c:pt>
                <c:pt idx="347">
                  <c:v>26564.53469</c:v>
                </c:pt>
                <c:pt idx="348">
                  <c:v>26985.691470000002</c:v>
                </c:pt>
                <c:pt idx="349">
                  <c:v>27176.447219999998</c:v>
                </c:pt>
                <c:pt idx="350">
                  <c:v>27948.03656</c:v>
                </c:pt>
                <c:pt idx="351">
                  <c:v>27791.355930000002</c:v>
                </c:pt>
                <c:pt idx="352">
                  <c:v>27403.201509999999</c:v>
                </c:pt>
                <c:pt idx="353">
                  <c:v>26427.676380000001</c:v>
                </c:pt>
                <c:pt idx="354">
                  <c:v>26568.683840000002</c:v>
                </c:pt>
                <c:pt idx="355">
                  <c:v>27193.34289</c:v>
                </c:pt>
                <c:pt idx="356">
                  <c:v>26680.303199999998</c:v>
                </c:pt>
                <c:pt idx="357">
                  <c:v>27212.55546</c:v>
                </c:pt>
                <c:pt idx="358">
                  <c:v>27820.42297</c:v>
                </c:pt>
                <c:pt idx="359">
                  <c:v>28530.34114</c:v>
                </c:pt>
                <c:pt idx="360">
                  <c:v>28747.999459999999</c:v>
                </c:pt>
                <c:pt idx="361">
                  <c:v>28753.79854</c:v>
                </c:pt>
                <c:pt idx="362">
                  <c:v>28169.57156</c:v>
                </c:pt>
                <c:pt idx="363">
                  <c:v>28462.67712</c:v>
                </c:pt>
                <c:pt idx="364">
                  <c:v>28033.42368</c:v>
                </c:pt>
                <c:pt idx="365">
                  <c:v>27937.122780000002</c:v>
                </c:pt>
                <c:pt idx="366">
                  <c:v>27644.599429999998</c:v>
                </c:pt>
                <c:pt idx="367">
                  <c:v>27751.44557</c:v>
                </c:pt>
                <c:pt idx="368">
                  <c:v>28160.28182</c:v>
                </c:pt>
                <c:pt idx="369">
                  <c:v>28124.12545</c:v>
                </c:pt>
                <c:pt idx="370">
                  <c:v>28896.363079999999</c:v>
                </c:pt>
                <c:pt idx="371">
                  <c:v>29114.887549999999</c:v>
                </c:pt>
                <c:pt idx="372">
                  <c:v>29183.37372</c:v>
                </c:pt>
                <c:pt idx="373">
                  <c:v>29157.243330000001</c:v>
                </c:pt>
                <c:pt idx="374">
                  <c:v>29683.792010000001</c:v>
                </c:pt>
                <c:pt idx="375">
                  <c:v>29572.259750000001</c:v>
                </c:pt>
                <c:pt idx="376">
                  <c:v>29843.321790000002</c:v>
                </c:pt>
                <c:pt idx="377">
                  <c:v>30771.27103</c:v>
                </c:pt>
                <c:pt idx="378">
                  <c:v>30791.175749999999</c:v>
                </c:pt>
                <c:pt idx="379">
                  <c:v>30689.702290000001</c:v>
                </c:pt>
                <c:pt idx="380">
                  <c:v>30903.44541</c:v>
                </c:pt>
                <c:pt idx="381">
                  <c:v>30910.768830000001</c:v>
                </c:pt>
                <c:pt idx="382">
                  <c:v>31345.82878</c:v>
                </c:pt>
                <c:pt idx="383">
                  <c:v>30816.91966</c:v>
                </c:pt>
                <c:pt idx="384">
                  <c:v>31498.9251</c:v>
                </c:pt>
                <c:pt idx="385">
                  <c:v>30173.90639</c:v>
                </c:pt>
                <c:pt idx="386">
                  <c:v>29926.41519</c:v>
                </c:pt>
                <c:pt idx="387">
                  <c:v>28268.10828</c:v>
                </c:pt>
                <c:pt idx="388">
                  <c:v>27621.205900000001</c:v>
                </c:pt>
                <c:pt idx="389">
                  <c:v>28926.43346</c:v>
                </c:pt>
                <c:pt idx="390">
                  <c:v>29072.543860000002</c:v>
                </c:pt>
                <c:pt idx="391">
                  <c:v>28794.19757</c:v>
                </c:pt>
                <c:pt idx="392">
                  <c:v>29238.66446</c:v>
                </c:pt>
                <c:pt idx="393">
                  <c:v>28108.280879999998</c:v>
                </c:pt>
                <c:pt idx="394">
                  <c:v>27929.455290000002</c:v>
                </c:pt>
                <c:pt idx="395">
                  <c:v>28223.511780000001</c:v>
                </c:pt>
                <c:pt idx="396">
                  <c:v>29282.465479999999</c:v>
                </c:pt>
                <c:pt idx="397">
                  <c:v>27834.361260000001</c:v>
                </c:pt>
                <c:pt idx="398">
                  <c:v>27100.926159999999</c:v>
                </c:pt>
                <c:pt idx="399">
                  <c:v>27048.755089999999</c:v>
                </c:pt>
                <c:pt idx="400">
                  <c:v>25729.898420000001</c:v>
                </c:pt>
                <c:pt idx="401">
                  <c:v>24679.669880000001</c:v>
                </c:pt>
                <c:pt idx="402">
                  <c:v>22489.71932</c:v>
                </c:pt>
                <c:pt idx="403">
                  <c:v>23955.975210000001</c:v>
                </c:pt>
                <c:pt idx="404">
                  <c:v>23978.53875</c:v>
                </c:pt>
                <c:pt idx="405">
                  <c:v>24549.121879999999</c:v>
                </c:pt>
                <c:pt idx="406">
                  <c:v>25680.956190000001</c:v>
                </c:pt>
                <c:pt idx="407">
                  <c:v>25869.788690000001</c:v>
                </c:pt>
                <c:pt idx="408">
                  <c:v>27060.280129999999</c:v>
                </c:pt>
                <c:pt idx="409">
                  <c:v>27136.067709999999</c:v>
                </c:pt>
                <c:pt idx="410">
                  <c:v>26061.123339999998</c:v>
                </c:pt>
                <c:pt idx="411">
                  <c:v>26652.502079999998</c:v>
                </c:pt>
                <c:pt idx="412">
                  <c:v>26879.145629999999</c:v>
                </c:pt>
                <c:pt idx="413">
                  <c:v>27809.456020000001</c:v>
                </c:pt>
                <c:pt idx="414">
                  <c:v>28061.67439</c:v>
                </c:pt>
                <c:pt idx="415">
                  <c:v>28406.410670000001</c:v>
                </c:pt>
                <c:pt idx="416">
                  <c:v>27688.462149999999</c:v>
                </c:pt>
                <c:pt idx="417">
                  <c:v>27999.897379999999</c:v>
                </c:pt>
                <c:pt idx="418">
                  <c:v>26873.153839999999</c:v>
                </c:pt>
                <c:pt idx="419">
                  <c:v>27952.60255</c:v>
                </c:pt>
                <c:pt idx="420">
                  <c:v>28194.60569</c:v>
                </c:pt>
                <c:pt idx="421">
                  <c:v>28914.259969999999</c:v>
                </c:pt>
                <c:pt idx="422">
                  <c:v>28799.978930000001</c:v>
                </c:pt>
                <c:pt idx="423">
                  <c:v>28413.353760000002</c:v>
                </c:pt>
                <c:pt idx="424">
                  <c:v>29863.663110000001</c:v>
                </c:pt>
                <c:pt idx="425">
                  <c:v>30679.999329999999</c:v>
                </c:pt>
                <c:pt idx="426">
                  <c:v>30498.119610000002</c:v>
                </c:pt>
                <c:pt idx="427">
                  <c:v>31024.578130000002</c:v>
                </c:pt>
                <c:pt idx="428">
                  <c:v>31338.726119999999</c:v>
                </c:pt>
                <c:pt idx="429">
                  <c:v>31550.673409999999</c:v>
                </c:pt>
                <c:pt idx="430">
                  <c:v>32255.619360000001</c:v>
                </c:pt>
                <c:pt idx="431">
                  <c:v>33216.779860000002</c:v>
                </c:pt>
                <c:pt idx="432">
                  <c:v>33010.350290000002</c:v>
                </c:pt>
                <c:pt idx="433">
                  <c:v>34262.346729999997</c:v>
                </c:pt>
                <c:pt idx="434">
                  <c:v>33931.783730000003</c:v>
                </c:pt>
                <c:pt idx="435">
                  <c:v>32813.852200000001</c:v>
                </c:pt>
                <c:pt idx="436">
                  <c:v>33010.939810000003</c:v>
                </c:pt>
                <c:pt idx="437">
                  <c:v>34495.028639999997</c:v>
                </c:pt>
                <c:pt idx="438">
                  <c:v>34425.25632</c:v>
                </c:pt>
                <c:pt idx="439">
                  <c:v>35251.950620000003</c:v>
                </c:pt>
                <c:pt idx="440">
                  <c:v>35041.33023</c:v>
                </c:pt>
                <c:pt idx="441">
                  <c:v>34959.848590000001</c:v>
                </c:pt>
                <c:pt idx="442">
                  <c:v>34751.34734</c:v>
                </c:pt>
                <c:pt idx="443">
                  <c:v>33845.84504</c:v>
                </c:pt>
                <c:pt idx="444">
                  <c:v>34836.643810000001</c:v>
                </c:pt>
                <c:pt idx="445">
                  <c:v>35096.437239999999</c:v>
                </c:pt>
                <c:pt idx="446">
                  <c:v>33877.212270000004</c:v>
                </c:pt>
                <c:pt idx="447">
                  <c:v>33785.048219999997</c:v>
                </c:pt>
                <c:pt idx="448">
                  <c:v>34874.369019999998</c:v>
                </c:pt>
                <c:pt idx="449">
                  <c:v>34724.041380000002</c:v>
                </c:pt>
                <c:pt idx="450">
                  <c:v>34798.486320000004</c:v>
                </c:pt>
                <c:pt idx="451">
                  <c:v>36238.133909999997</c:v>
                </c:pt>
                <c:pt idx="452">
                  <c:v>37041.178030000003</c:v>
                </c:pt>
                <c:pt idx="453">
                  <c:v>36742.069779999998</c:v>
                </c:pt>
                <c:pt idx="454">
                  <c:v>37618.901830000003</c:v>
                </c:pt>
                <c:pt idx="455">
                  <c:v>36635.633540000003</c:v>
                </c:pt>
                <c:pt idx="456">
                  <c:v>35999.514410000003</c:v>
                </c:pt>
                <c:pt idx="457">
                  <c:v>37167.058299999997</c:v>
                </c:pt>
                <c:pt idx="458">
                  <c:v>36492.512569999999</c:v>
                </c:pt>
                <c:pt idx="459">
                  <c:v>36460.683830000002</c:v>
                </c:pt>
                <c:pt idx="460">
                  <c:v>36849.360430000001</c:v>
                </c:pt>
                <c:pt idx="461">
                  <c:v>34624.013010000002</c:v>
                </c:pt>
                <c:pt idx="462">
                  <c:v>35634.538339999999</c:v>
                </c:pt>
                <c:pt idx="463">
                  <c:v>37281.30545</c:v>
                </c:pt>
                <c:pt idx="464">
                  <c:v>37006.345650000003</c:v>
                </c:pt>
                <c:pt idx="465">
                  <c:v>35287.86838</c:v>
                </c:pt>
                <c:pt idx="466">
                  <c:v>34103.545969999999</c:v>
                </c:pt>
                <c:pt idx="467">
                  <c:v>34074.725700000003</c:v>
                </c:pt>
                <c:pt idx="468">
                  <c:v>33808.86017</c:v>
                </c:pt>
                <c:pt idx="469">
                  <c:v>32391.517810000001</c:v>
                </c:pt>
                <c:pt idx="470">
                  <c:v>32361.285049999999</c:v>
                </c:pt>
                <c:pt idx="471">
                  <c:v>34400.58006</c:v>
                </c:pt>
                <c:pt idx="472">
                  <c:v>34646.789230000002</c:v>
                </c:pt>
                <c:pt idx="473">
                  <c:v>35159.687570000002</c:v>
                </c:pt>
                <c:pt idx="474">
                  <c:v>35248.104610000002</c:v>
                </c:pt>
                <c:pt idx="475">
                  <c:v>35092.057079999999</c:v>
                </c:pt>
                <c:pt idx="476">
                  <c:v>36121.257819999999</c:v>
                </c:pt>
                <c:pt idx="477">
                  <c:v>37058.982989999997</c:v>
                </c:pt>
                <c:pt idx="478">
                  <c:v>37337.052940000001</c:v>
                </c:pt>
                <c:pt idx="479">
                  <c:v>37054.671580000002</c:v>
                </c:pt>
                <c:pt idx="480">
                  <c:v>36711.012210000001</c:v>
                </c:pt>
                <c:pt idx="481">
                  <c:v>36525.636879999998</c:v>
                </c:pt>
                <c:pt idx="482">
                  <c:v>35275.526519999999</c:v>
                </c:pt>
                <c:pt idx="483">
                  <c:v>34772.785810000001</c:v>
                </c:pt>
                <c:pt idx="484">
                  <c:v>33008.668100000003</c:v>
                </c:pt>
                <c:pt idx="485">
                  <c:v>33702.714720000004</c:v>
                </c:pt>
                <c:pt idx="486">
                  <c:v>34270.800080000001</c:v>
                </c:pt>
                <c:pt idx="487">
                  <c:v>34206.96112</c:v>
                </c:pt>
                <c:pt idx="488">
                  <c:v>35204.882519999999</c:v>
                </c:pt>
                <c:pt idx="489">
                  <c:v>36294.394939999998</c:v>
                </c:pt>
                <c:pt idx="490">
                  <c:v>36225.151310000001</c:v>
                </c:pt>
                <c:pt idx="491">
                  <c:v>35986.087740000003</c:v>
                </c:pt>
                <c:pt idx="492">
                  <c:v>35462.727299999999</c:v>
                </c:pt>
                <c:pt idx="493">
                  <c:v>35891.096700000002</c:v>
                </c:pt>
                <c:pt idx="494">
                  <c:v>34770.769840000001</c:v>
                </c:pt>
                <c:pt idx="495">
                  <c:v>34447.425710000003</c:v>
                </c:pt>
                <c:pt idx="496">
                  <c:v>35257.116370000003</c:v>
                </c:pt>
                <c:pt idx="497">
                  <c:v>35436.894370000002</c:v>
                </c:pt>
                <c:pt idx="498">
                  <c:v>36149.960440000003</c:v>
                </c:pt>
                <c:pt idx="499">
                  <c:v>35452.3577</c:v>
                </c:pt>
                <c:pt idx="500">
                  <c:v>35857.568619999998</c:v>
                </c:pt>
                <c:pt idx="501">
                  <c:v>34193.526610000001</c:v>
                </c:pt>
                <c:pt idx="502">
                  <c:v>33155.149619999997</c:v>
                </c:pt>
                <c:pt idx="503">
                  <c:v>31956.99886</c:v>
                </c:pt>
                <c:pt idx="504">
                  <c:v>32218.314050000001</c:v>
                </c:pt>
                <c:pt idx="505">
                  <c:v>29333.211019999999</c:v>
                </c:pt>
                <c:pt idx="506">
                  <c:v>31298.989949999999</c:v>
                </c:pt>
                <c:pt idx="507">
                  <c:v>29717.709760000002</c:v>
                </c:pt>
                <c:pt idx="508">
                  <c:v>32199.54535</c:v>
                </c:pt>
                <c:pt idx="509">
                  <c:v>32844.047789999997</c:v>
                </c:pt>
                <c:pt idx="510">
                  <c:v>33443.58322</c:v>
                </c:pt>
                <c:pt idx="511">
                  <c:v>33868.5524</c:v>
                </c:pt>
                <c:pt idx="512">
                  <c:v>33816.733990000001</c:v>
                </c:pt>
                <c:pt idx="513">
                  <c:v>34990.735639999999</c:v>
                </c:pt>
                <c:pt idx="514">
                  <c:v>33657.837469999999</c:v>
                </c:pt>
                <c:pt idx="515">
                  <c:v>33556.499259999997</c:v>
                </c:pt>
                <c:pt idx="516">
                  <c:v>33387.577989999998</c:v>
                </c:pt>
                <c:pt idx="517">
                  <c:v>34509.314720000002</c:v>
                </c:pt>
                <c:pt idx="518">
                  <c:v>35325.485110000001</c:v>
                </c:pt>
                <c:pt idx="519">
                  <c:v>35907.663610000003</c:v>
                </c:pt>
                <c:pt idx="520">
                  <c:v>35329.173759999998</c:v>
                </c:pt>
                <c:pt idx="521">
                  <c:v>34946.598489999997</c:v>
                </c:pt>
                <c:pt idx="522">
                  <c:v>36144.707730000002</c:v>
                </c:pt>
                <c:pt idx="523">
                  <c:v>35930.637360000001</c:v>
                </c:pt>
                <c:pt idx="524">
                  <c:v>36818.463819999997</c:v>
                </c:pt>
                <c:pt idx="525">
                  <c:v>37445.545019999998</c:v>
                </c:pt>
                <c:pt idx="526">
                  <c:v>37813.871740000002</c:v>
                </c:pt>
                <c:pt idx="527">
                  <c:v>38112.542580000001</c:v>
                </c:pt>
                <c:pt idx="528">
                  <c:v>38667.977319999998</c:v>
                </c:pt>
                <c:pt idx="529">
                  <c:v>39296.125010000003</c:v>
                </c:pt>
                <c:pt idx="530">
                  <c:v>39137.360070000002</c:v>
                </c:pt>
                <c:pt idx="531">
                  <c:v>37614.373330000002</c:v>
                </c:pt>
                <c:pt idx="532">
                  <c:v>38520.165410000001</c:v>
                </c:pt>
                <c:pt idx="533">
                  <c:v>37748.644410000001</c:v>
                </c:pt>
                <c:pt idx="534">
                  <c:v>38751.337390000001</c:v>
                </c:pt>
                <c:pt idx="535">
                  <c:v>37648.501490000002</c:v>
                </c:pt>
                <c:pt idx="536">
                  <c:v>36732.16663</c:v>
                </c:pt>
                <c:pt idx="537">
                  <c:v>35163.376600000003</c:v>
                </c:pt>
                <c:pt idx="538">
                  <c:v>36797.285239999997</c:v>
                </c:pt>
                <c:pt idx="539">
                  <c:v>36976.852879999999</c:v>
                </c:pt>
                <c:pt idx="540">
                  <c:v>36715.03327</c:v>
                </c:pt>
                <c:pt idx="541">
                  <c:v>36201.231169999999</c:v>
                </c:pt>
                <c:pt idx="542">
                  <c:v>34753.208169999998</c:v>
                </c:pt>
                <c:pt idx="543">
                  <c:v>36575.197099999998</c:v>
                </c:pt>
                <c:pt idx="544">
                  <c:v>34369.805659999998</c:v>
                </c:pt>
                <c:pt idx="545">
                  <c:v>34023.942219999997</c:v>
                </c:pt>
                <c:pt idx="546">
                  <c:v>34531.80027</c:v>
                </c:pt>
                <c:pt idx="547">
                  <c:v>35246.680840000001</c:v>
                </c:pt>
                <c:pt idx="548">
                  <c:v>35422.356240000001</c:v>
                </c:pt>
                <c:pt idx="549">
                  <c:v>34984.845509999999</c:v>
                </c:pt>
                <c:pt idx="550">
                  <c:v>34649.006200000003</c:v>
                </c:pt>
                <c:pt idx="551">
                  <c:v>34904.717649999999</c:v>
                </c:pt>
                <c:pt idx="552">
                  <c:v>36003.011910000001</c:v>
                </c:pt>
                <c:pt idx="553">
                  <c:v>36673.43406</c:v>
                </c:pt>
                <c:pt idx="554">
                  <c:v>37306.738019999997</c:v>
                </c:pt>
                <c:pt idx="555">
                  <c:v>37753.936000000002</c:v>
                </c:pt>
                <c:pt idx="556">
                  <c:v>37763.668429999998</c:v>
                </c:pt>
                <c:pt idx="557">
                  <c:v>38013.628850000001</c:v>
                </c:pt>
                <c:pt idx="558">
                  <c:v>37549.199569999997</c:v>
                </c:pt>
                <c:pt idx="559">
                  <c:v>37768.792730000001</c:v>
                </c:pt>
                <c:pt idx="560">
                  <c:v>37113.924529999997</c:v>
                </c:pt>
                <c:pt idx="561">
                  <c:v>36932.348480000001</c:v>
                </c:pt>
                <c:pt idx="562">
                  <c:v>37210.833509999997</c:v>
                </c:pt>
                <c:pt idx="563">
                  <c:v>38488.085780000001</c:v>
                </c:pt>
                <c:pt idx="564">
                  <c:v>38903.406179999998</c:v>
                </c:pt>
                <c:pt idx="565">
                  <c:v>38929.46686</c:v>
                </c:pt>
                <c:pt idx="566">
                  <c:v>39488.475780000001</c:v>
                </c:pt>
                <c:pt idx="567">
                  <c:v>39200.590940000002</c:v>
                </c:pt>
                <c:pt idx="568">
                  <c:v>38645.279320000001</c:v>
                </c:pt>
                <c:pt idx="569">
                  <c:v>38973.657700000003</c:v>
                </c:pt>
                <c:pt idx="570">
                  <c:v>39163.829570000002</c:v>
                </c:pt>
                <c:pt idx="571">
                  <c:v>37307.53931</c:v>
                </c:pt>
                <c:pt idx="572">
                  <c:v>40021.50073</c:v>
                </c:pt>
                <c:pt idx="573">
                  <c:v>42070.833709999999</c:v>
                </c:pt>
                <c:pt idx="574">
                  <c:v>42307.157899999998</c:v>
                </c:pt>
                <c:pt idx="575">
                  <c:v>42357.756119999998</c:v>
                </c:pt>
                <c:pt idx="576">
                  <c:v>41211.952140000001</c:v>
                </c:pt>
                <c:pt idx="577">
                  <c:v>41496.399239999999</c:v>
                </c:pt>
                <c:pt idx="578">
                  <c:v>41227.551720000003</c:v>
                </c:pt>
                <c:pt idx="579">
                  <c:v>42309.571779999998</c:v>
                </c:pt>
                <c:pt idx="580">
                  <c:v>42510.250229999998</c:v>
                </c:pt>
                <c:pt idx="581">
                  <c:v>42159.311970000002</c:v>
                </c:pt>
                <c:pt idx="582">
                  <c:v>43184.753470000003</c:v>
                </c:pt>
                <c:pt idx="583">
                  <c:v>44280.97711</c:v>
                </c:pt>
                <c:pt idx="584">
                  <c:v>44608.411670000001</c:v>
                </c:pt>
                <c:pt idx="585">
                  <c:v>44412.984049999999</c:v>
                </c:pt>
                <c:pt idx="586">
                  <c:v>43870.864049999996</c:v>
                </c:pt>
                <c:pt idx="587">
                  <c:v>43019.927069999998</c:v>
                </c:pt>
                <c:pt idx="588">
                  <c:v>43110.889069999997</c:v>
                </c:pt>
                <c:pt idx="589">
                  <c:v>42520.401590000001</c:v>
                </c:pt>
                <c:pt idx="590">
                  <c:v>43793.837740000003</c:v>
                </c:pt>
                <c:pt idx="591">
                  <c:v>43563.824439999997</c:v>
                </c:pt>
                <c:pt idx="592">
                  <c:v>44672.307690000001</c:v>
                </c:pt>
                <c:pt idx="593">
                  <c:v>44000.764990000003</c:v>
                </c:pt>
                <c:pt idx="594">
                  <c:v>43126.722849999998</c:v>
                </c:pt>
                <c:pt idx="595">
                  <c:v>42115.258569999998</c:v>
                </c:pt>
                <c:pt idx="596">
                  <c:v>43576.964189999999</c:v>
                </c:pt>
                <c:pt idx="597">
                  <c:v>42902.906179999998</c:v>
                </c:pt>
                <c:pt idx="598">
                  <c:v>42645.083789999997</c:v>
                </c:pt>
                <c:pt idx="599">
                  <c:v>41328.70145</c:v>
                </c:pt>
                <c:pt idx="600">
                  <c:v>40678.902439999998</c:v>
                </c:pt>
                <c:pt idx="601">
                  <c:v>41071.095609999997</c:v>
                </c:pt>
                <c:pt idx="602">
                  <c:v>41128.227319999998</c:v>
                </c:pt>
                <c:pt idx="603">
                  <c:v>41370.271379999998</c:v>
                </c:pt>
                <c:pt idx="604">
                  <c:v>42405.043680000002</c:v>
                </c:pt>
                <c:pt idx="605">
                  <c:v>41650.393049999999</c:v>
                </c:pt>
                <c:pt idx="606">
                  <c:v>41525.571369999998</c:v>
                </c:pt>
                <c:pt idx="607">
                  <c:v>40265.338730000003</c:v>
                </c:pt>
                <c:pt idx="608">
                  <c:v>40049.844640000003</c:v>
                </c:pt>
                <c:pt idx="609">
                  <c:v>40059.788679999998</c:v>
                </c:pt>
                <c:pt idx="610">
                  <c:v>41145.481879999999</c:v>
                </c:pt>
                <c:pt idx="611">
                  <c:v>40041.904739999998</c:v>
                </c:pt>
                <c:pt idx="612">
                  <c:v>40070.464350000002</c:v>
                </c:pt>
                <c:pt idx="613">
                  <c:v>40732.726549999999</c:v>
                </c:pt>
                <c:pt idx="614">
                  <c:v>39440.208639999997</c:v>
                </c:pt>
                <c:pt idx="615">
                  <c:v>38198.548949999997</c:v>
                </c:pt>
                <c:pt idx="616">
                  <c:v>36850.095659999999</c:v>
                </c:pt>
                <c:pt idx="617">
                  <c:v>36872.889170000002</c:v>
                </c:pt>
                <c:pt idx="618">
                  <c:v>36826.549859999999</c:v>
                </c:pt>
                <c:pt idx="619">
                  <c:v>37034.056510000002</c:v>
                </c:pt>
                <c:pt idx="620">
                  <c:v>37417.088900000002</c:v>
                </c:pt>
                <c:pt idx="621">
                  <c:v>37435.900759999997</c:v>
                </c:pt>
                <c:pt idx="622">
                  <c:v>38098.192020000002</c:v>
                </c:pt>
                <c:pt idx="623">
                  <c:v>38326.061479999997</c:v>
                </c:pt>
                <c:pt idx="624">
                  <c:v>38906.876960000001</c:v>
                </c:pt>
                <c:pt idx="625">
                  <c:v>37811.359850000001</c:v>
                </c:pt>
                <c:pt idx="626">
                  <c:v>37697.543870000001</c:v>
                </c:pt>
                <c:pt idx="627">
                  <c:v>38349.081250000003</c:v>
                </c:pt>
                <c:pt idx="628">
                  <c:v>37677.544260000002</c:v>
                </c:pt>
                <c:pt idx="629">
                  <c:v>37517.905910000001</c:v>
                </c:pt>
                <c:pt idx="630">
                  <c:v>36392.327409999998</c:v>
                </c:pt>
                <c:pt idx="631">
                  <c:v>36358.467219999999</c:v>
                </c:pt>
                <c:pt idx="632">
                  <c:v>36107.313970000003</c:v>
                </c:pt>
                <c:pt idx="633">
                  <c:v>36939.394849999997</c:v>
                </c:pt>
                <c:pt idx="634">
                  <c:v>38415.700230000002</c:v>
                </c:pt>
                <c:pt idx="635">
                  <c:v>37976.368549999999</c:v>
                </c:pt>
                <c:pt idx="636">
                  <c:v>36933.063040000001</c:v>
                </c:pt>
                <c:pt idx="637">
                  <c:v>35467.230250000001</c:v>
                </c:pt>
                <c:pt idx="638">
                  <c:v>35906.77807</c:v>
                </c:pt>
                <c:pt idx="639">
                  <c:v>36416.99149</c:v>
                </c:pt>
                <c:pt idx="640">
                  <c:v>35783.57647</c:v>
                </c:pt>
                <c:pt idx="641">
                  <c:v>35110.696470000003</c:v>
                </c:pt>
                <c:pt idx="642">
                  <c:v>33813.415309999997</c:v>
                </c:pt>
                <c:pt idx="643">
                  <c:v>33556.80874</c:v>
                </c:pt>
                <c:pt idx="644">
                  <c:v>33705.873440000003</c:v>
                </c:pt>
                <c:pt idx="645">
                  <c:v>33952.18692</c:v>
                </c:pt>
                <c:pt idx="646">
                  <c:v>33113.992579999998</c:v>
                </c:pt>
                <c:pt idx="647">
                  <c:v>32709.647959999998</c:v>
                </c:pt>
                <c:pt idx="648">
                  <c:v>32842.69616</c:v>
                </c:pt>
                <c:pt idx="649">
                  <c:v>34113.933620000003</c:v>
                </c:pt>
                <c:pt idx="650">
                  <c:v>34670.979590000003</c:v>
                </c:pt>
                <c:pt idx="651">
                  <c:v>34479.644939999998</c:v>
                </c:pt>
                <c:pt idx="652">
                  <c:v>33438.037069999998</c:v>
                </c:pt>
                <c:pt idx="653">
                  <c:v>33179.942170000002</c:v>
                </c:pt>
                <c:pt idx="654">
                  <c:v>34190.933770000003</c:v>
                </c:pt>
                <c:pt idx="655">
                  <c:v>34660.489800000003</c:v>
                </c:pt>
                <c:pt idx="656">
                  <c:v>34034.480519999997</c:v>
                </c:pt>
                <c:pt idx="657">
                  <c:v>33508.772100000002</c:v>
                </c:pt>
                <c:pt idx="658">
                  <c:v>32775.715479999999</c:v>
                </c:pt>
                <c:pt idx="659">
                  <c:v>31967.876100000001</c:v>
                </c:pt>
                <c:pt idx="660">
                  <c:v>30171.101040000001</c:v>
                </c:pt>
                <c:pt idx="661">
                  <c:v>30002.080379999999</c:v>
                </c:pt>
                <c:pt idx="662">
                  <c:v>29136.53631</c:v>
                </c:pt>
                <c:pt idx="663">
                  <c:v>27697.890289999999</c:v>
                </c:pt>
                <c:pt idx="664">
                  <c:v>27875.967499999999</c:v>
                </c:pt>
                <c:pt idx="665">
                  <c:v>28186.03542</c:v>
                </c:pt>
                <c:pt idx="666">
                  <c:v>29366.548610000002</c:v>
                </c:pt>
                <c:pt idx="667">
                  <c:v>26851.71545</c:v>
                </c:pt>
                <c:pt idx="668">
                  <c:v>26903.990529999999</c:v>
                </c:pt>
                <c:pt idx="669">
                  <c:v>24526.397990000001</c:v>
                </c:pt>
                <c:pt idx="670">
                  <c:v>25634.065640000001</c:v>
                </c:pt>
                <c:pt idx="671">
                  <c:v>29146.502710000001</c:v>
                </c:pt>
                <c:pt idx="672">
                  <c:v>28724.6158</c:v>
                </c:pt>
                <c:pt idx="673">
                  <c:v>27001.236929999999</c:v>
                </c:pt>
                <c:pt idx="674">
                  <c:v>26952.353999999999</c:v>
                </c:pt>
                <c:pt idx="675">
                  <c:v>28472.483069999998</c:v>
                </c:pt>
                <c:pt idx="676">
                  <c:v>27465.109919999999</c:v>
                </c:pt>
                <c:pt idx="677">
                  <c:v>24048.09751</c:v>
                </c:pt>
                <c:pt idx="678">
                  <c:v>25750.43895</c:v>
                </c:pt>
                <c:pt idx="679">
                  <c:v>25881.52821</c:v>
                </c:pt>
                <c:pt idx="680">
                  <c:v>22908.753199999999</c:v>
                </c:pt>
                <c:pt idx="681">
                  <c:v>22292.098300000001</c:v>
                </c:pt>
                <c:pt idx="682">
                  <c:v>19372.717219999999</c:v>
                </c:pt>
                <c:pt idx="683">
                  <c:v>17798.009829999999</c:v>
                </c:pt>
                <c:pt idx="684">
                  <c:v>15769.19958</c:v>
                </c:pt>
                <c:pt idx="685">
                  <c:v>17071.961670000001</c:v>
                </c:pt>
                <c:pt idx="686">
                  <c:v>15526.28693</c:v>
                </c:pt>
                <c:pt idx="687">
                  <c:v>18761.66201</c:v>
                </c:pt>
                <c:pt idx="688">
                  <c:v>20157.613829999998</c:v>
                </c:pt>
                <c:pt idx="689">
                  <c:v>17091.8884</c:v>
                </c:pt>
                <c:pt idx="690">
                  <c:v>16705.656340000001</c:v>
                </c:pt>
                <c:pt idx="691">
                  <c:v>17382.564409999999</c:v>
                </c:pt>
                <c:pt idx="692">
                  <c:v>18688.02565</c:v>
                </c:pt>
                <c:pt idx="693">
                  <c:v>17405.996439999999</c:v>
                </c:pt>
                <c:pt idx="694">
                  <c:v>14750.675289999999</c:v>
                </c:pt>
                <c:pt idx="695">
                  <c:v>14732.51503</c:v>
                </c:pt>
                <c:pt idx="696">
                  <c:v>13601.879779999999</c:v>
                </c:pt>
                <c:pt idx="697">
                  <c:v>13145.3686</c:v>
                </c:pt>
                <c:pt idx="698">
                  <c:v>15213.783750000001</c:v>
                </c:pt>
                <c:pt idx="699">
                  <c:v>16298.040660000001</c:v>
                </c:pt>
                <c:pt idx="700">
                  <c:v>17785.31986</c:v>
                </c:pt>
                <c:pt idx="701">
                  <c:v>17264.522649999999</c:v>
                </c:pt>
                <c:pt idx="702">
                  <c:v>17680.244699999999</c:v>
                </c:pt>
                <c:pt idx="703">
                  <c:v>19078.104619999998</c:v>
                </c:pt>
                <c:pt idx="704">
                  <c:v>17857.117259999999</c:v>
                </c:pt>
                <c:pt idx="705">
                  <c:v>16544.685649999999</c:v>
                </c:pt>
                <c:pt idx="706">
                  <c:v>16999.772519999999</c:v>
                </c:pt>
                <c:pt idx="707">
                  <c:v>16769.08007</c:v>
                </c:pt>
                <c:pt idx="708">
                  <c:v>16778.5926</c:v>
                </c:pt>
                <c:pt idx="709">
                  <c:v>15010.47522</c:v>
                </c:pt>
                <c:pt idx="710">
                  <c:v>15212.73378</c:v>
                </c:pt>
                <c:pt idx="711">
                  <c:v>15825.38207</c:v>
                </c:pt>
                <c:pt idx="712">
                  <c:v>15717.14453</c:v>
                </c:pt>
                <c:pt idx="713">
                  <c:v>14759.593129999999</c:v>
                </c:pt>
                <c:pt idx="714">
                  <c:v>14035.525530000001</c:v>
                </c:pt>
                <c:pt idx="715">
                  <c:v>12712.28069</c:v>
                </c:pt>
                <c:pt idx="716">
                  <c:v>14695.39141</c:v>
                </c:pt>
                <c:pt idx="717">
                  <c:v>14997.78536</c:v>
                </c:pt>
                <c:pt idx="718">
                  <c:v>16080.07468</c:v>
                </c:pt>
                <c:pt idx="719">
                  <c:v>15872.29824</c:v>
                </c:pt>
                <c:pt idx="720">
                  <c:v>15819.76878</c:v>
                </c:pt>
                <c:pt idx="721">
                  <c:v>14908.16633</c:v>
                </c:pt>
                <c:pt idx="722">
                  <c:v>14561.84052</c:v>
                </c:pt>
                <c:pt idx="723">
                  <c:v>14282.64446</c:v>
                </c:pt>
                <c:pt idx="724">
                  <c:v>13961.75258</c:v>
                </c:pt>
                <c:pt idx="725">
                  <c:v>14308.367319999999</c:v>
                </c:pt>
                <c:pt idx="726">
                  <c:v>15309.67734</c:v>
                </c:pt>
                <c:pt idx="727">
                  <c:v>15452.40706</c:v>
                </c:pt>
                <c:pt idx="728">
                  <c:v>16071.03355</c:v>
                </c:pt>
                <c:pt idx="729">
                  <c:v>16335.48359</c:v>
                </c:pt>
                <c:pt idx="730">
                  <c:v>16602.934590000001</c:v>
                </c:pt>
                <c:pt idx="731">
                  <c:v>16187.98216</c:v>
                </c:pt>
                <c:pt idx="732">
                  <c:v>16899.835599999999</c:v>
                </c:pt>
                <c:pt idx="733">
                  <c:v>17027.889889999999</c:v>
                </c:pt>
                <c:pt idx="734">
                  <c:v>16736.345720000001</c:v>
                </c:pt>
                <c:pt idx="735">
                  <c:v>16395.537980000001</c:v>
                </c:pt>
                <c:pt idx="736">
                  <c:v>15751.161910000001</c:v>
                </c:pt>
                <c:pt idx="737">
                  <c:v>15284.042100000001</c:v>
                </c:pt>
                <c:pt idx="738">
                  <c:v>15574.85693</c:v>
                </c:pt>
                <c:pt idx="739">
                  <c:v>15359.177799999999</c:v>
                </c:pt>
                <c:pt idx="740">
                  <c:v>16075.994790000001</c:v>
                </c:pt>
                <c:pt idx="741">
                  <c:v>17246.290440000001</c:v>
                </c:pt>
                <c:pt idx="742">
                  <c:v>18424.078160000001</c:v>
                </c:pt>
                <c:pt idx="743">
                  <c:v>19422.667549999998</c:v>
                </c:pt>
                <c:pt idx="744">
                  <c:v>18229.02246</c:v>
                </c:pt>
                <c:pt idx="745">
                  <c:v>18373.39229</c:v>
                </c:pt>
                <c:pt idx="746">
                  <c:v>18298.32404</c:v>
                </c:pt>
                <c:pt idx="747">
                  <c:v>17187.241010000002</c:v>
                </c:pt>
                <c:pt idx="748">
                  <c:v>16993.652989999999</c:v>
                </c:pt>
                <c:pt idx="749">
                  <c:v>16226.67129</c:v>
                </c:pt>
                <c:pt idx="750">
                  <c:v>16394.23731</c:v>
                </c:pt>
                <c:pt idx="751">
                  <c:v>16791.813160000002</c:v>
                </c:pt>
                <c:pt idx="752">
                  <c:v>16678.831750000001</c:v>
                </c:pt>
                <c:pt idx="753">
                  <c:v>15759.19425</c:v>
                </c:pt>
                <c:pt idx="754">
                  <c:v>16386.590039999999</c:v>
                </c:pt>
                <c:pt idx="755">
                  <c:v>16276.93318</c:v>
                </c:pt>
                <c:pt idx="756">
                  <c:v>16254.892180000001</c:v>
                </c:pt>
                <c:pt idx="757">
                  <c:v>16692.435740000001</c:v>
                </c:pt>
                <c:pt idx="758">
                  <c:v>16624.676459999999</c:v>
                </c:pt>
                <c:pt idx="759">
                  <c:v>17683.172559999999</c:v>
                </c:pt>
                <c:pt idx="760">
                  <c:v>17271.643520000001</c:v>
                </c:pt>
                <c:pt idx="761">
                  <c:v>17019.959750000002</c:v>
                </c:pt>
                <c:pt idx="762">
                  <c:v>16649.346099999999</c:v>
                </c:pt>
                <c:pt idx="763">
                  <c:v>17124.1057</c:v>
                </c:pt>
                <c:pt idx="764">
                  <c:v>17386.932000000001</c:v>
                </c:pt>
                <c:pt idx="765">
                  <c:v>17960.786629999999</c:v>
                </c:pt>
                <c:pt idx="766">
                  <c:v>18964.51541</c:v>
                </c:pt>
                <c:pt idx="767">
                  <c:v>18829.16102</c:v>
                </c:pt>
                <c:pt idx="768">
                  <c:v>18135.476490000001</c:v>
                </c:pt>
                <c:pt idx="769">
                  <c:v>17822.506819999999</c:v>
                </c:pt>
                <c:pt idx="770">
                  <c:v>17709.133829999999</c:v>
                </c:pt>
                <c:pt idx="771">
                  <c:v>18385.150710000002</c:v>
                </c:pt>
                <c:pt idx="772">
                  <c:v>18399.87701</c:v>
                </c:pt>
                <c:pt idx="773">
                  <c:v>17200.625380000001</c:v>
                </c:pt>
                <c:pt idx="774">
                  <c:v>16889.187610000001</c:v>
                </c:pt>
                <c:pt idx="775">
                  <c:v>16901.488120000002</c:v>
                </c:pt>
                <c:pt idx="776">
                  <c:v>16169.502829999999</c:v>
                </c:pt>
                <c:pt idx="777">
                  <c:v>16007.86255</c:v>
                </c:pt>
                <c:pt idx="778">
                  <c:v>16262.10908</c:v>
                </c:pt>
                <c:pt idx="779">
                  <c:v>16112.46039</c:v>
                </c:pt>
                <c:pt idx="780">
                  <c:v>14883.832969999999</c:v>
                </c:pt>
                <c:pt idx="781">
                  <c:v>14988.72118</c:v>
                </c:pt>
                <c:pt idx="782">
                  <c:v>16144.89122</c:v>
                </c:pt>
                <c:pt idx="783">
                  <c:v>15676.201730000001</c:v>
                </c:pt>
                <c:pt idx="784">
                  <c:v>15605.4548</c:v>
                </c:pt>
                <c:pt idx="785">
                  <c:v>15490.91473</c:v>
                </c:pt>
                <c:pt idx="786">
                  <c:v>16537.876520000002</c:v>
                </c:pt>
                <c:pt idx="787">
                  <c:v>16593.885289999998</c:v>
                </c:pt>
                <c:pt idx="788">
                  <c:v>16906.407879999999</c:v>
                </c:pt>
                <c:pt idx="789">
                  <c:v>16992.757460000001</c:v>
                </c:pt>
                <c:pt idx="790">
                  <c:v>17039.102859999999</c:v>
                </c:pt>
                <c:pt idx="791">
                  <c:v>17348.28485</c:v>
                </c:pt>
                <c:pt idx="792">
                  <c:v>17478.246640000001</c:v>
                </c:pt>
                <c:pt idx="793">
                  <c:v>18011.322209999998</c:v>
                </c:pt>
                <c:pt idx="794">
                  <c:v>17747.845590000001</c:v>
                </c:pt>
                <c:pt idx="795">
                  <c:v>18762.346150000001</c:v>
                </c:pt>
                <c:pt idx="796">
                  <c:v>18431.243890000002</c:v>
                </c:pt>
                <c:pt idx="797">
                  <c:v>18643.75591</c:v>
                </c:pt>
                <c:pt idx="798">
                  <c:v>19012.794699999999</c:v>
                </c:pt>
                <c:pt idx="799">
                  <c:v>18379.58382</c:v>
                </c:pt>
                <c:pt idx="800">
                  <c:v>17415.554499999998</c:v>
                </c:pt>
                <c:pt idx="801">
                  <c:v>17714.526740000001</c:v>
                </c:pt>
                <c:pt idx="802">
                  <c:v>18364.758330000001</c:v>
                </c:pt>
                <c:pt idx="803">
                  <c:v>19556.630860000001</c:v>
                </c:pt>
                <c:pt idx="804">
                  <c:v>20168.550889999999</c:v>
                </c:pt>
                <c:pt idx="805">
                  <c:v>19872.78369</c:v>
                </c:pt>
                <c:pt idx="806">
                  <c:v>19700.845700000002</c:v>
                </c:pt>
                <c:pt idx="807">
                  <c:v>20140.393169999999</c:v>
                </c:pt>
                <c:pt idx="808">
                  <c:v>20935.413270000001</c:v>
                </c:pt>
                <c:pt idx="809">
                  <c:v>21184.65713</c:v>
                </c:pt>
                <c:pt idx="810">
                  <c:v>20703.91562</c:v>
                </c:pt>
                <c:pt idx="811">
                  <c:v>20622.533790000001</c:v>
                </c:pt>
                <c:pt idx="812">
                  <c:v>21098.73533</c:v>
                </c:pt>
                <c:pt idx="813">
                  <c:v>20962.671149999998</c:v>
                </c:pt>
                <c:pt idx="814">
                  <c:v>19893.954979999999</c:v>
                </c:pt>
                <c:pt idx="815">
                  <c:v>20311.40238</c:v>
                </c:pt>
                <c:pt idx="816">
                  <c:v>20714.20192</c:v>
                </c:pt>
                <c:pt idx="817">
                  <c:v>21294.750069999998</c:v>
                </c:pt>
                <c:pt idx="818">
                  <c:v>20851.784350000002</c:v>
                </c:pt>
                <c:pt idx="819">
                  <c:v>20792.01442</c:v>
                </c:pt>
                <c:pt idx="820">
                  <c:v>21832.919910000001</c:v>
                </c:pt>
                <c:pt idx="821">
                  <c:v>21755.3164</c:v>
                </c:pt>
                <c:pt idx="822">
                  <c:v>23624.170999999998</c:v>
                </c:pt>
                <c:pt idx="823">
                  <c:v>23533.408230000001</c:v>
                </c:pt>
                <c:pt idx="824">
                  <c:v>24286.47984</c:v>
                </c:pt>
                <c:pt idx="825">
                  <c:v>23763.616720000002</c:v>
                </c:pt>
                <c:pt idx="826">
                  <c:v>24795.44011</c:v>
                </c:pt>
                <c:pt idx="827">
                  <c:v>24771.072759999999</c:v>
                </c:pt>
                <c:pt idx="828">
                  <c:v>24241.7058</c:v>
                </c:pt>
                <c:pt idx="829">
                  <c:v>23120.014899999998</c:v>
                </c:pt>
                <c:pt idx="830">
                  <c:v>23653.855479999998</c:v>
                </c:pt>
                <c:pt idx="831">
                  <c:v>23520.450629999999</c:v>
                </c:pt>
                <c:pt idx="832">
                  <c:v>24762.074530000002</c:v>
                </c:pt>
                <c:pt idx="833">
                  <c:v>25089.963049999998</c:v>
                </c:pt>
                <c:pt idx="834">
                  <c:v>25323.724979999999</c:v>
                </c:pt>
                <c:pt idx="835">
                  <c:v>24738.147939999999</c:v>
                </c:pt>
                <c:pt idx="836">
                  <c:v>24943.761780000001</c:v>
                </c:pt>
                <c:pt idx="837">
                  <c:v>25119.247780000002</c:v>
                </c:pt>
                <c:pt idx="838">
                  <c:v>25643.451099999998</c:v>
                </c:pt>
                <c:pt idx="839">
                  <c:v>25768.251840000001</c:v>
                </c:pt>
                <c:pt idx="840">
                  <c:v>26304.670819999999</c:v>
                </c:pt>
                <c:pt idx="841">
                  <c:v>27029.99365</c:v>
                </c:pt>
                <c:pt idx="842">
                  <c:v>28040.908370000001</c:v>
                </c:pt>
                <c:pt idx="843">
                  <c:v>27826.197830000001</c:v>
                </c:pt>
                <c:pt idx="844">
                  <c:v>26469.472949999999</c:v>
                </c:pt>
                <c:pt idx="845">
                  <c:v>27536.00043</c:v>
                </c:pt>
                <c:pt idx="846">
                  <c:v>27303.957689999999</c:v>
                </c:pt>
                <c:pt idx="847">
                  <c:v>27099.742610000001</c:v>
                </c:pt>
                <c:pt idx="848">
                  <c:v>27399.169569999998</c:v>
                </c:pt>
                <c:pt idx="849">
                  <c:v>27452.163700000001</c:v>
                </c:pt>
                <c:pt idx="850">
                  <c:v>27912.356940000001</c:v>
                </c:pt>
                <c:pt idx="851">
                  <c:v>26653.939310000002</c:v>
                </c:pt>
                <c:pt idx="852">
                  <c:v>26253.989570000002</c:v>
                </c:pt>
                <c:pt idx="853">
                  <c:v>25722.267510000001</c:v>
                </c:pt>
                <c:pt idx="854">
                  <c:v>25988.165359999999</c:v>
                </c:pt>
                <c:pt idx="855">
                  <c:v>26164.384770000001</c:v>
                </c:pt>
                <c:pt idx="856">
                  <c:v>24620.60426</c:v>
                </c:pt>
                <c:pt idx="857">
                  <c:v>24925.48317</c:v>
                </c:pt>
                <c:pt idx="858">
                  <c:v>25178.488000000001</c:v>
                </c:pt>
                <c:pt idx="859">
                  <c:v>26242.897919999999</c:v>
                </c:pt>
                <c:pt idx="860">
                  <c:v>26473.472529999999</c:v>
                </c:pt>
                <c:pt idx="861">
                  <c:v>26678.39028</c:v>
                </c:pt>
                <c:pt idx="862">
                  <c:v>26221.76641</c:v>
                </c:pt>
                <c:pt idx="863">
                  <c:v>26688.6456</c:v>
                </c:pt>
                <c:pt idx="864">
                  <c:v>26075.70594</c:v>
                </c:pt>
                <c:pt idx="865">
                  <c:v>26113.658739999999</c:v>
                </c:pt>
                <c:pt idx="866">
                  <c:v>25634.225620000001</c:v>
                </c:pt>
                <c:pt idx="867">
                  <c:v>25064.210040000002</c:v>
                </c:pt>
                <c:pt idx="868">
                  <c:v>24376.698100000001</c:v>
                </c:pt>
                <c:pt idx="869">
                  <c:v>24472.12313</c:v>
                </c:pt>
                <c:pt idx="870">
                  <c:v>24779.309669999999</c:v>
                </c:pt>
                <c:pt idx="871">
                  <c:v>24783.254629999999</c:v>
                </c:pt>
                <c:pt idx="872">
                  <c:v>26479.79565</c:v>
                </c:pt>
                <c:pt idx="873">
                  <c:v>26808.94312</c:v>
                </c:pt>
                <c:pt idx="874">
                  <c:v>27025.372770000002</c:v>
                </c:pt>
                <c:pt idx="875">
                  <c:v>27913.10701</c:v>
                </c:pt>
                <c:pt idx="876">
                  <c:v>27863.68506</c:v>
                </c:pt>
                <c:pt idx="877">
                  <c:v>27928.521980000001</c:v>
                </c:pt>
                <c:pt idx="878">
                  <c:v>28791.720290000001</c:v>
                </c:pt>
                <c:pt idx="879">
                  <c:v>28735.8393</c:v>
                </c:pt>
                <c:pt idx="880">
                  <c:v>28932.31582</c:v>
                </c:pt>
                <c:pt idx="881">
                  <c:v>28790.45405</c:v>
                </c:pt>
                <c:pt idx="882">
                  <c:v>28281.33224</c:v>
                </c:pt>
                <c:pt idx="883">
                  <c:v>28954.785909999999</c:v>
                </c:pt>
                <c:pt idx="884">
                  <c:v>29317.836589999999</c:v>
                </c:pt>
                <c:pt idx="885">
                  <c:v>30541.482749999999</c:v>
                </c:pt>
                <c:pt idx="886">
                  <c:v>30731.050350000001</c:v>
                </c:pt>
                <c:pt idx="887">
                  <c:v>30888.615170000001</c:v>
                </c:pt>
                <c:pt idx="888">
                  <c:v>30294.978739999999</c:v>
                </c:pt>
                <c:pt idx="889">
                  <c:v>30879.0219</c:v>
                </c:pt>
                <c:pt idx="890">
                  <c:v>30765.489249999999</c:v>
                </c:pt>
                <c:pt idx="891">
                  <c:v>30115.12212</c:v>
                </c:pt>
                <c:pt idx="892">
                  <c:v>30885.417389999999</c:v>
                </c:pt>
                <c:pt idx="893">
                  <c:v>31165.244739999998</c:v>
                </c:pt>
                <c:pt idx="894">
                  <c:v>30681.473460000001</c:v>
                </c:pt>
                <c:pt idx="895">
                  <c:v>29426.25693</c:v>
                </c:pt>
                <c:pt idx="896">
                  <c:v>30054.947370000002</c:v>
                </c:pt>
                <c:pt idx="897">
                  <c:v>30679.786520000001</c:v>
                </c:pt>
                <c:pt idx="898">
                  <c:v>30856.48849</c:v>
                </c:pt>
                <c:pt idx="899">
                  <c:v>31621.707859999999</c:v>
                </c:pt>
                <c:pt idx="900">
                  <c:v>31541.9398</c:v>
                </c:pt>
                <c:pt idx="901">
                  <c:v>31097.443640000001</c:v>
                </c:pt>
                <c:pt idx="902">
                  <c:v>30917.197270000001</c:v>
                </c:pt>
                <c:pt idx="903">
                  <c:v>30700.06999</c:v>
                </c:pt>
                <c:pt idx="904">
                  <c:v>30763.793089999999</c:v>
                </c:pt>
                <c:pt idx="905">
                  <c:v>30127.456269999999</c:v>
                </c:pt>
                <c:pt idx="906">
                  <c:v>29418.099900000001</c:v>
                </c:pt>
                <c:pt idx="907">
                  <c:v>29349.646949999998</c:v>
                </c:pt>
                <c:pt idx="908">
                  <c:v>29740.628840000001</c:v>
                </c:pt>
                <c:pt idx="909">
                  <c:v>30809.376359999998</c:v>
                </c:pt>
                <c:pt idx="910">
                  <c:v>31716.901900000001</c:v>
                </c:pt>
                <c:pt idx="911">
                  <c:v>31618.86391</c:v>
                </c:pt>
                <c:pt idx="912">
                  <c:v>32219.170549999999</c:v>
                </c:pt>
                <c:pt idx="913">
                  <c:v>32125.924080000001</c:v>
                </c:pt>
                <c:pt idx="914">
                  <c:v>32450.00317</c:v>
                </c:pt>
                <c:pt idx="915">
                  <c:v>32791.379059999999</c:v>
                </c:pt>
                <c:pt idx="916">
                  <c:v>33615.63637</c:v>
                </c:pt>
                <c:pt idx="917">
                  <c:v>33252.018349999998</c:v>
                </c:pt>
                <c:pt idx="918">
                  <c:v>33589.537270000001</c:v>
                </c:pt>
                <c:pt idx="919">
                  <c:v>33558.063170000001</c:v>
                </c:pt>
                <c:pt idx="920">
                  <c:v>34108.042939999999</c:v>
                </c:pt>
                <c:pt idx="921">
                  <c:v>33874.344239999999</c:v>
                </c:pt>
                <c:pt idx="922">
                  <c:v>33227.979220000001</c:v>
                </c:pt>
                <c:pt idx="923">
                  <c:v>33389.981469999999</c:v>
                </c:pt>
                <c:pt idx="924">
                  <c:v>34203.503720000001</c:v>
                </c:pt>
                <c:pt idx="925">
                  <c:v>34200.090340000002</c:v>
                </c:pt>
                <c:pt idx="926">
                  <c:v>34808.968840000001</c:v>
                </c:pt>
                <c:pt idx="927">
                  <c:v>33929.69758</c:v>
                </c:pt>
                <c:pt idx="928">
                  <c:v>34387.536260000001</c:v>
                </c:pt>
                <c:pt idx="929">
                  <c:v>35280.744850000003</c:v>
                </c:pt>
                <c:pt idx="930">
                  <c:v>35795.402029999997</c:v>
                </c:pt>
                <c:pt idx="931">
                  <c:v>35569.722459999997</c:v>
                </c:pt>
                <c:pt idx="932">
                  <c:v>36637.287320000003</c:v>
                </c:pt>
                <c:pt idx="933">
                  <c:v>36809.72754</c:v>
                </c:pt>
                <c:pt idx="934">
                  <c:v>37291.946859999996</c:v>
                </c:pt>
                <c:pt idx="935">
                  <c:v>38775.336969999997</c:v>
                </c:pt>
                <c:pt idx="936">
                  <c:v>39198.049189999998</c:v>
                </c:pt>
                <c:pt idx="937">
                  <c:v>38749.995430000003</c:v>
                </c:pt>
                <c:pt idx="938">
                  <c:v>39395.03933</c:v>
                </c:pt>
                <c:pt idx="939">
                  <c:v>37288.362569999998</c:v>
                </c:pt>
                <c:pt idx="940">
                  <c:v>37828.889069999997</c:v>
                </c:pt>
                <c:pt idx="941">
                  <c:v>38288.061569999998</c:v>
                </c:pt>
                <c:pt idx="942">
                  <c:v>38039.43161</c:v>
                </c:pt>
                <c:pt idx="943">
                  <c:v>37858.044880000001</c:v>
                </c:pt>
                <c:pt idx="944">
                  <c:v>36399.861149999997</c:v>
                </c:pt>
                <c:pt idx="945">
                  <c:v>34274.658819999997</c:v>
                </c:pt>
                <c:pt idx="946">
                  <c:v>36841.222320000001</c:v>
                </c:pt>
                <c:pt idx="947">
                  <c:v>35018.776669999999</c:v>
                </c:pt>
                <c:pt idx="948">
                  <c:v>35884.304580000004</c:v>
                </c:pt>
                <c:pt idx="949">
                  <c:v>36971.464290000004</c:v>
                </c:pt>
                <c:pt idx="950">
                  <c:v>37624.495699999999</c:v>
                </c:pt>
                <c:pt idx="951">
                  <c:v>37532.678659999998</c:v>
                </c:pt>
                <c:pt idx="952">
                  <c:v>38947.327550000002</c:v>
                </c:pt>
                <c:pt idx="953">
                  <c:v>38681.227579999999</c:v>
                </c:pt>
                <c:pt idx="954">
                  <c:v>38526.498979999997</c:v>
                </c:pt>
                <c:pt idx="955">
                  <c:v>37132.939440000002</c:v>
                </c:pt>
                <c:pt idx="956">
                  <c:v>37929.297380000004</c:v>
                </c:pt>
                <c:pt idx="957">
                  <c:v>38956.382830000002</c:v>
                </c:pt>
                <c:pt idx="958">
                  <c:v>39280.87212</c:v>
                </c:pt>
                <c:pt idx="959">
                  <c:v>38757.520250000001</c:v>
                </c:pt>
                <c:pt idx="960">
                  <c:v>38286.354910000002</c:v>
                </c:pt>
                <c:pt idx="961">
                  <c:v>38682.993710000002</c:v>
                </c:pt>
                <c:pt idx="962">
                  <c:v>38790.480580000003</c:v>
                </c:pt>
                <c:pt idx="963">
                  <c:v>39294.768640000002</c:v>
                </c:pt>
                <c:pt idx="964">
                  <c:v>37955.52074</c:v>
                </c:pt>
                <c:pt idx="965">
                  <c:v>38475.565490000001</c:v>
                </c:pt>
                <c:pt idx="966">
                  <c:v>38256.45506</c:v>
                </c:pt>
                <c:pt idx="967">
                  <c:v>39693.860070000002</c:v>
                </c:pt>
                <c:pt idx="968">
                  <c:v>39845.986680000002</c:v>
                </c:pt>
                <c:pt idx="969">
                  <c:v>39985.262110000003</c:v>
                </c:pt>
                <c:pt idx="970">
                  <c:v>39199.538119999997</c:v>
                </c:pt>
                <c:pt idx="971">
                  <c:v>39666.62083</c:v>
                </c:pt>
                <c:pt idx="972">
                  <c:v>38695.370970000004</c:v>
                </c:pt>
                <c:pt idx="973">
                  <c:v>38381.485430000001</c:v>
                </c:pt>
                <c:pt idx="974">
                  <c:v>38831.73573</c:v>
                </c:pt>
                <c:pt idx="975">
                  <c:v>39394.567909999998</c:v>
                </c:pt>
                <c:pt idx="976">
                  <c:v>39810.217239999998</c:v>
                </c:pt>
                <c:pt idx="977">
                  <c:v>39515.856610000003</c:v>
                </c:pt>
                <c:pt idx="978">
                  <c:v>39210.558499999999</c:v>
                </c:pt>
                <c:pt idx="979">
                  <c:v>37426.317490000001</c:v>
                </c:pt>
                <c:pt idx="980">
                  <c:v>37459.598980000002</c:v>
                </c:pt>
                <c:pt idx="981">
                  <c:v>36963.940289999999</c:v>
                </c:pt>
                <c:pt idx="982">
                  <c:v>37830.609779999999</c:v>
                </c:pt>
                <c:pt idx="983">
                  <c:v>38468.332029999998</c:v>
                </c:pt>
                <c:pt idx="984">
                  <c:v>38992.593959999998</c:v>
                </c:pt>
                <c:pt idx="985">
                  <c:v>39198.782679999997</c:v>
                </c:pt>
                <c:pt idx="986">
                  <c:v>39373.367539999999</c:v>
                </c:pt>
                <c:pt idx="987">
                  <c:v>40723.88263</c:v>
                </c:pt>
                <c:pt idx="988">
                  <c:v>40591.666850000001</c:v>
                </c:pt>
                <c:pt idx="989">
                  <c:v>40829.73143</c:v>
                </c:pt>
                <c:pt idx="990">
                  <c:v>40419.459089999997</c:v>
                </c:pt>
                <c:pt idx="991">
                  <c:v>40618.975100000003</c:v>
                </c:pt>
                <c:pt idx="992">
                  <c:v>40553.599829999999</c:v>
                </c:pt>
                <c:pt idx="993">
                  <c:v>40128.145940000002</c:v>
                </c:pt>
                <c:pt idx="994">
                  <c:v>40139.987880000001</c:v>
                </c:pt>
                <c:pt idx="995">
                  <c:v>39581.18621</c:v>
                </c:pt>
                <c:pt idx="996">
                  <c:v>38926.804109999997</c:v>
                </c:pt>
                <c:pt idx="997">
                  <c:v>39265.023869999997</c:v>
                </c:pt>
                <c:pt idx="998">
                  <c:v>39480.766790000001</c:v>
                </c:pt>
                <c:pt idx="999">
                  <c:v>38124.026109999999</c:v>
                </c:pt>
                <c:pt idx="1000">
                  <c:v>36812.654499999997</c:v>
                </c:pt>
                <c:pt idx="1001">
                  <c:v>36494.923699999999</c:v>
                </c:pt>
                <c:pt idx="1002">
                  <c:v>35748.666319999997</c:v>
                </c:pt>
                <c:pt idx="1003">
                  <c:v>34940.551500000001</c:v>
                </c:pt>
                <c:pt idx="1004">
                  <c:v>35077.448120000001</c:v>
                </c:pt>
                <c:pt idx="1005">
                  <c:v>34692.218070000003</c:v>
                </c:pt>
                <c:pt idx="1006">
                  <c:v>35772.026969999999</c:v>
                </c:pt>
                <c:pt idx="1007">
                  <c:v>36741.362659999999</c:v>
                </c:pt>
                <c:pt idx="1008">
                  <c:v>36367.291230000003</c:v>
                </c:pt>
                <c:pt idx="1009">
                  <c:v>33949.666389999999</c:v>
                </c:pt>
                <c:pt idx="1010">
                  <c:v>33340.079279999998</c:v>
                </c:pt>
                <c:pt idx="1011">
                  <c:v>33759.068729999999</c:v>
                </c:pt>
                <c:pt idx="1012">
                  <c:v>35119.476820000003</c:v>
                </c:pt>
                <c:pt idx="1013">
                  <c:v>35161.030149999999</c:v>
                </c:pt>
                <c:pt idx="1014">
                  <c:v>35747.303910000002</c:v>
                </c:pt>
                <c:pt idx="1015">
                  <c:v>35375.466670000002</c:v>
                </c:pt>
                <c:pt idx="1016">
                  <c:v>36759.4899</c:v>
                </c:pt>
                <c:pt idx="1017">
                  <c:v>37245.966139999997</c:v>
                </c:pt>
                <c:pt idx="1018">
                  <c:v>37543.698799999998</c:v>
                </c:pt>
                <c:pt idx="1019">
                  <c:v>37184.058140000001</c:v>
                </c:pt>
                <c:pt idx="1020">
                  <c:v>36184.087639999998</c:v>
                </c:pt>
                <c:pt idx="1021">
                  <c:v>36145.016450000003</c:v>
                </c:pt>
                <c:pt idx="1022">
                  <c:v>36013.63783</c:v>
                </c:pt>
                <c:pt idx="1023">
                  <c:v>36854.127699999997</c:v>
                </c:pt>
                <c:pt idx="1024">
                  <c:v>37436.200960000002</c:v>
                </c:pt>
                <c:pt idx="1025">
                  <c:v>38035.441220000001</c:v>
                </c:pt>
                <c:pt idx="1026">
                  <c:v>38013.568480000002</c:v>
                </c:pt>
                <c:pt idx="1027">
                  <c:v>37906.490180000001</c:v>
                </c:pt>
                <c:pt idx="1028">
                  <c:v>38716.96097</c:v>
                </c:pt>
                <c:pt idx="1029">
                  <c:v>38346.736429999997</c:v>
                </c:pt>
                <c:pt idx="1030">
                  <c:v>39092.247900000002</c:v>
                </c:pt>
                <c:pt idx="1031">
                  <c:v>39540.784979999997</c:v>
                </c:pt>
                <c:pt idx="1032">
                  <c:v>39491.754849999998</c:v>
                </c:pt>
                <c:pt idx="1033">
                  <c:v>39309.173929999997</c:v>
                </c:pt>
                <c:pt idx="1034">
                  <c:v>39129.109980000001</c:v>
                </c:pt>
                <c:pt idx="1035">
                  <c:v>39598.1492</c:v>
                </c:pt>
                <c:pt idx="1036">
                  <c:v>39539.096169999997</c:v>
                </c:pt>
                <c:pt idx="1037">
                  <c:v>39050.497600000002</c:v>
                </c:pt>
                <c:pt idx="1038">
                  <c:v>38317.083209999997</c:v>
                </c:pt>
                <c:pt idx="1039">
                  <c:v>38367.172299999998</c:v>
                </c:pt>
                <c:pt idx="1040">
                  <c:v>38909.167690000002</c:v>
                </c:pt>
                <c:pt idx="1041">
                  <c:v>38332.071660000001</c:v>
                </c:pt>
                <c:pt idx="1042">
                  <c:v>37896.819629999998</c:v>
                </c:pt>
                <c:pt idx="1043">
                  <c:v>37589.019399999997</c:v>
                </c:pt>
                <c:pt idx="1044">
                  <c:v>38623.325149999997</c:v>
                </c:pt>
                <c:pt idx="1045">
                  <c:v>39005.117149999998</c:v>
                </c:pt>
                <c:pt idx="1046">
                  <c:v>39567.916259999998</c:v>
                </c:pt>
                <c:pt idx="1047">
                  <c:v>40230.937539999999</c:v>
                </c:pt>
                <c:pt idx="1048">
                  <c:v>40464.116069999996</c:v>
                </c:pt>
                <c:pt idx="1049">
                  <c:v>40395.254789999999</c:v>
                </c:pt>
                <c:pt idx="1050">
                  <c:v>40054.847520000003</c:v>
                </c:pt>
                <c:pt idx="1051">
                  <c:v>40373.892720000003</c:v>
                </c:pt>
                <c:pt idx="1052">
                  <c:v>40314.577160000001</c:v>
                </c:pt>
                <c:pt idx="1053">
                  <c:v>40178.86735</c:v>
                </c:pt>
                <c:pt idx="1054">
                  <c:v>40200.112679999998</c:v>
                </c:pt>
                <c:pt idx="1055">
                  <c:v>40693.659240000001</c:v>
                </c:pt>
                <c:pt idx="1056">
                  <c:v>40608.252180000003</c:v>
                </c:pt>
                <c:pt idx="1057">
                  <c:v>39432.74727</c:v>
                </c:pt>
                <c:pt idx="1058">
                  <c:v>39286.774010000001</c:v>
                </c:pt>
                <c:pt idx="1059">
                  <c:v>39653.588179999999</c:v>
                </c:pt>
                <c:pt idx="1060">
                  <c:v>39225.73704</c:v>
                </c:pt>
                <c:pt idx="1061">
                  <c:v>39438.009749999997</c:v>
                </c:pt>
                <c:pt idx="1062">
                  <c:v>39447.813450000001</c:v>
                </c:pt>
                <c:pt idx="1063">
                  <c:v>37644.952210000003</c:v>
                </c:pt>
                <c:pt idx="1064">
                  <c:v>37883.325340000003</c:v>
                </c:pt>
                <c:pt idx="1065">
                  <c:v>39377.887320000002</c:v>
                </c:pt>
                <c:pt idx="1066">
                  <c:v>38971.448850000001</c:v>
                </c:pt>
                <c:pt idx="1067">
                  <c:v>38745.832849999999</c:v>
                </c:pt>
                <c:pt idx="1068">
                  <c:v>36941.52637</c:v>
                </c:pt>
                <c:pt idx="1069">
                  <c:v>36376.67239</c:v>
                </c:pt>
                <c:pt idx="1070">
                  <c:v>34537.453710000002</c:v>
                </c:pt>
                <c:pt idx="1071">
                  <c:v>34297.571799999998</c:v>
                </c:pt>
                <c:pt idx="1072">
                  <c:v>36729.898809999999</c:v>
                </c:pt>
                <c:pt idx="1073">
                  <c:v>36324.363230000003</c:v>
                </c:pt>
                <c:pt idx="1074">
                  <c:v>36847.426059999998</c:v>
                </c:pt>
                <c:pt idx="1075">
                  <c:v>36541.578540000002</c:v>
                </c:pt>
                <c:pt idx="1076">
                  <c:v>35207.633529999999</c:v>
                </c:pt>
                <c:pt idx="1077">
                  <c:v>34325.01324</c:v>
                </c:pt>
                <c:pt idx="1078">
                  <c:v>33785.583140000002</c:v>
                </c:pt>
                <c:pt idx="1079">
                  <c:v>32362.459510000001</c:v>
                </c:pt>
                <c:pt idx="1080">
                  <c:v>30711.461960000001</c:v>
                </c:pt>
                <c:pt idx="1081">
                  <c:v>32437.599249999999</c:v>
                </c:pt>
                <c:pt idx="1082">
                  <c:v>32465.532709999999</c:v>
                </c:pt>
                <c:pt idx="1083">
                  <c:v>31477.54394</c:v>
                </c:pt>
                <c:pt idx="1084">
                  <c:v>32493.176080000001</c:v>
                </c:pt>
                <c:pt idx="1085">
                  <c:v>34006.117259999999</c:v>
                </c:pt>
                <c:pt idx="1086">
                  <c:v>34016.247459999999</c:v>
                </c:pt>
                <c:pt idx="1087">
                  <c:v>34635.231419999996</c:v>
                </c:pt>
                <c:pt idx="1088">
                  <c:v>33943.129840000001</c:v>
                </c:pt>
                <c:pt idx="1089">
                  <c:v>34361.234920000003</c:v>
                </c:pt>
                <c:pt idx="1090">
                  <c:v>33367.101280000003</c:v>
                </c:pt>
                <c:pt idx="1091">
                  <c:v>32886.971550000002</c:v>
                </c:pt>
                <c:pt idx="1092">
                  <c:v>33220.60138</c:v>
                </c:pt>
                <c:pt idx="1093">
                  <c:v>33403.210740000002</c:v>
                </c:pt>
                <c:pt idx="1094">
                  <c:v>34728.064310000002</c:v>
                </c:pt>
                <c:pt idx="1095">
                  <c:v>35178.020499999999</c:v>
                </c:pt>
                <c:pt idx="1096">
                  <c:v>35211.9113</c:v>
                </c:pt>
                <c:pt idx="1097">
                  <c:v>36017.365019999997</c:v>
                </c:pt>
                <c:pt idx="1098">
                  <c:v>36262.718939999999</c:v>
                </c:pt>
                <c:pt idx="1099">
                  <c:v>36230.442419999999</c:v>
                </c:pt>
                <c:pt idx="1100">
                  <c:v>36368.426529999997</c:v>
                </c:pt>
                <c:pt idx="1101">
                  <c:v>36717.847329999997</c:v>
                </c:pt>
                <c:pt idx="1102">
                  <c:v>36726.141060000002</c:v>
                </c:pt>
                <c:pt idx="1103">
                  <c:v>36220.304680000001</c:v>
                </c:pt>
                <c:pt idx="1104">
                  <c:v>35782.795639999997</c:v>
                </c:pt>
                <c:pt idx="1105">
                  <c:v>36473.20549</c:v>
                </c:pt>
                <c:pt idx="1106">
                  <c:v>36032.999750000003</c:v>
                </c:pt>
                <c:pt idx="1107">
                  <c:v>34382.508670000003</c:v>
                </c:pt>
                <c:pt idx="1108">
                  <c:v>33919.230969999997</c:v>
                </c:pt>
                <c:pt idx="1109">
                  <c:v>34014.441619999998</c:v>
                </c:pt>
                <c:pt idx="1110">
                  <c:v>34507.240230000003</c:v>
                </c:pt>
                <c:pt idx="1111">
                  <c:v>34290.292679999999</c:v>
                </c:pt>
                <c:pt idx="1112">
                  <c:v>35118.400950000003</c:v>
                </c:pt>
                <c:pt idx="1113">
                  <c:v>35800.079619999997</c:v>
                </c:pt>
                <c:pt idx="1114">
                  <c:v>35840.054380000001</c:v>
                </c:pt>
                <c:pt idx="1115">
                  <c:v>35717.990330000001</c:v>
                </c:pt>
                <c:pt idx="1116">
                  <c:v>36339.833740000002</c:v>
                </c:pt>
                <c:pt idx="1117">
                  <c:v>36035.11634</c:v>
                </c:pt>
                <c:pt idx="1118">
                  <c:v>35804.96905</c:v>
                </c:pt>
                <c:pt idx="1119">
                  <c:v>34927.87399</c:v>
                </c:pt>
                <c:pt idx="1120">
                  <c:v>35460.526089999999</c:v>
                </c:pt>
                <c:pt idx="1121">
                  <c:v>36229.135049999997</c:v>
                </c:pt>
                <c:pt idx="1122">
                  <c:v>36349.554559999997</c:v>
                </c:pt>
                <c:pt idx="1123">
                  <c:v>37267.941030000002</c:v>
                </c:pt>
                <c:pt idx="1124">
                  <c:v>37591.67499</c:v>
                </c:pt>
                <c:pt idx="1125">
                  <c:v>37600.168530000003</c:v>
                </c:pt>
                <c:pt idx="1126">
                  <c:v>37771.605199999998</c:v>
                </c:pt>
                <c:pt idx="1127">
                  <c:v>37963.546990000003</c:v>
                </c:pt>
                <c:pt idx="1128">
                  <c:v>37889.099730000002</c:v>
                </c:pt>
                <c:pt idx="1129">
                  <c:v>38376.285129999997</c:v>
                </c:pt>
                <c:pt idx="1130">
                  <c:v>39208.847459999997</c:v>
                </c:pt>
                <c:pt idx="1131">
                  <c:v>38639.254110000002</c:v>
                </c:pt>
                <c:pt idx="1132">
                  <c:v>38861.566480000001</c:v>
                </c:pt>
                <c:pt idx="1133">
                  <c:v>38996.590519999998</c:v>
                </c:pt>
                <c:pt idx="1134">
                  <c:v>38679.214890000003</c:v>
                </c:pt>
                <c:pt idx="1135">
                  <c:v>38731.968070000003</c:v>
                </c:pt>
                <c:pt idx="1136">
                  <c:v>38168.99078</c:v>
                </c:pt>
                <c:pt idx="1137">
                  <c:v>37186.46228</c:v>
                </c:pt>
                <c:pt idx="1138">
                  <c:v>37275.341509999998</c:v>
                </c:pt>
                <c:pt idx="1139">
                  <c:v>37416.391689999997</c:v>
                </c:pt>
                <c:pt idx="1140">
                  <c:v>37993.785960000001</c:v>
                </c:pt>
                <c:pt idx="1141">
                  <c:v>38557.606939999998</c:v>
                </c:pt>
                <c:pt idx="1142">
                  <c:v>38646.087769999998</c:v>
                </c:pt>
                <c:pt idx="1143">
                  <c:v>37978.158539999997</c:v>
                </c:pt>
                <c:pt idx="1144">
                  <c:v>37858.934959999999</c:v>
                </c:pt>
                <c:pt idx="1145">
                  <c:v>37413.1659</c:v>
                </c:pt>
                <c:pt idx="1146">
                  <c:v>36894.880729999997</c:v>
                </c:pt>
                <c:pt idx="1147">
                  <c:v>36622.452490000003</c:v>
                </c:pt>
                <c:pt idx="1148">
                  <c:v>36278.034930000002</c:v>
                </c:pt>
                <c:pt idx="1149">
                  <c:v>37434.440999999999</c:v>
                </c:pt>
                <c:pt idx="1150">
                  <c:v>36563.749109999997</c:v>
                </c:pt>
                <c:pt idx="1151">
                  <c:v>37151.667659999999</c:v>
                </c:pt>
                <c:pt idx="1152">
                  <c:v>38505.38564</c:v>
                </c:pt>
                <c:pt idx="1153">
                  <c:v>38528.303419999997</c:v>
                </c:pt>
                <c:pt idx="1154">
                  <c:v>38654.270830000001</c:v>
                </c:pt>
                <c:pt idx="1155">
                  <c:v>38655.989390000002</c:v>
                </c:pt>
                <c:pt idx="1156">
                  <c:v>38602.151510000003</c:v>
                </c:pt>
                <c:pt idx="1157">
                  <c:v>38609.238270000002</c:v>
                </c:pt>
                <c:pt idx="1158">
                  <c:v>38893.164729999997</c:v>
                </c:pt>
                <c:pt idx="1159">
                  <c:v>39619.461960000001</c:v>
                </c:pt>
                <c:pt idx="1160">
                  <c:v>39701.965730000004</c:v>
                </c:pt>
                <c:pt idx="1161">
                  <c:v>39562.504540000002</c:v>
                </c:pt>
                <c:pt idx="1162">
                  <c:v>39409.978560000003</c:v>
                </c:pt>
                <c:pt idx="1163">
                  <c:v>39084.833780000001</c:v>
                </c:pt>
                <c:pt idx="1164">
                  <c:v>39670.987800000003</c:v>
                </c:pt>
                <c:pt idx="1165">
                  <c:v>39273.405330000001</c:v>
                </c:pt>
                <c:pt idx="1166">
                  <c:v>39714.705699999999</c:v>
                </c:pt>
                <c:pt idx="1167">
                  <c:v>40036.26859</c:v>
                </c:pt>
                <c:pt idx="1168">
                  <c:v>39880.980450000003</c:v>
                </c:pt>
                <c:pt idx="1169">
                  <c:v>40306.89905</c:v>
                </c:pt>
                <c:pt idx="1170">
                  <c:v>40562.273869999997</c:v>
                </c:pt>
                <c:pt idx="1171">
                  <c:v>40610.220090000003</c:v>
                </c:pt>
                <c:pt idx="1172">
                  <c:v>40983.283900000002</c:v>
                </c:pt>
                <c:pt idx="1173">
                  <c:v>41708.844019999997</c:v>
                </c:pt>
                <c:pt idx="1174">
                  <c:v>41682.412579999997</c:v>
                </c:pt>
                <c:pt idx="1175">
                  <c:v>42557.080220000003</c:v>
                </c:pt>
                <c:pt idx="1176">
                  <c:v>42164.594850000001</c:v>
                </c:pt>
                <c:pt idx="1177">
                  <c:v>41450.319210000001</c:v>
                </c:pt>
                <c:pt idx="1178">
                  <c:v>42382.711960000001</c:v>
                </c:pt>
                <c:pt idx="1179">
                  <c:v>42659.185969999999</c:v>
                </c:pt>
                <c:pt idx="1180">
                  <c:v>43263.655720000002</c:v>
                </c:pt>
                <c:pt idx="1181">
                  <c:v>43130.964419999997</c:v>
                </c:pt>
                <c:pt idx="1182">
                  <c:v>43310.328419999998</c:v>
                </c:pt>
                <c:pt idx="1183">
                  <c:v>43188.158490000002</c:v>
                </c:pt>
                <c:pt idx="1184">
                  <c:v>41403.092409999997</c:v>
                </c:pt>
                <c:pt idx="1185">
                  <c:v>42150.918810000003</c:v>
                </c:pt>
                <c:pt idx="1186">
                  <c:v>41070.877740000004</c:v>
                </c:pt>
                <c:pt idx="1187">
                  <c:v>40799.041519999999</c:v>
                </c:pt>
                <c:pt idx="1188">
                  <c:v>40675.950689999998</c:v>
                </c:pt>
                <c:pt idx="1189">
                  <c:v>41434.071709999997</c:v>
                </c:pt>
                <c:pt idx="1190">
                  <c:v>41133.67772</c:v>
                </c:pt>
                <c:pt idx="1191">
                  <c:v>41053.262190000001</c:v>
                </c:pt>
                <c:pt idx="1192">
                  <c:v>41655.839249999997</c:v>
                </c:pt>
                <c:pt idx="1193">
                  <c:v>41885.23833</c:v>
                </c:pt>
                <c:pt idx="1194">
                  <c:v>42286.97567</c:v>
                </c:pt>
                <c:pt idx="1195">
                  <c:v>43524.946340000002</c:v>
                </c:pt>
                <c:pt idx="1196">
                  <c:v>43280.029880000002</c:v>
                </c:pt>
                <c:pt idx="1197">
                  <c:v>42789.9689</c:v>
                </c:pt>
                <c:pt idx="1198">
                  <c:v>42196.661419999997</c:v>
                </c:pt>
                <c:pt idx="1199">
                  <c:v>41857.074390000002</c:v>
                </c:pt>
                <c:pt idx="1200">
                  <c:v>41489.018790000002</c:v>
                </c:pt>
                <c:pt idx="1201">
                  <c:v>40854.127050000003</c:v>
                </c:pt>
                <c:pt idx="1202">
                  <c:v>39770.32202</c:v>
                </c:pt>
                <c:pt idx="1203">
                  <c:v>40375.692329999998</c:v>
                </c:pt>
                <c:pt idx="1204">
                  <c:v>41269.546049999997</c:v>
                </c:pt>
                <c:pt idx="1205">
                  <c:v>41277.304629999999</c:v>
                </c:pt>
                <c:pt idx="1206">
                  <c:v>40366.666669999999</c:v>
                </c:pt>
                <c:pt idx="1207">
                  <c:v>39165.733070000002</c:v>
                </c:pt>
                <c:pt idx="1208">
                  <c:v>40435.16805</c:v>
                </c:pt>
                <c:pt idx="1209">
                  <c:v>40303.098669999999</c:v>
                </c:pt>
                <c:pt idx="1210">
                  <c:v>39494.125359999998</c:v>
                </c:pt>
                <c:pt idx="1211">
                  <c:v>39389.895409999997</c:v>
                </c:pt>
                <c:pt idx="1212">
                  <c:v>39524.4591</c:v>
                </c:pt>
                <c:pt idx="1213">
                  <c:v>40648.213109999997</c:v>
                </c:pt>
                <c:pt idx="1214">
                  <c:v>40828.627820000002</c:v>
                </c:pt>
                <c:pt idx="1215">
                  <c:v>41384.561479999997</c:v>
                </c:pt>
                <c:pt idx="1216">
                  <c:v>41394.960420000003</c:v>
                </c:pt>
                <c:pt idx="1217">
                  <c:v>41284.692239999997</c:v>
                </c:pt>
                <c:pt idx="1218">
                  <c:v>40221.192849999999</c:v>
                </c:pt>
                <c:pt idx="1219">
                  <c:v>39690.948980000001</c:v>
                </c:pt>
                <c:pt idx="1220">
                  <c:v>39884.346729999997</c:v>
                </c:pt>
                <c:pt idx="1221">
                  <c:v>40655.366880000001</c:v>
                </c:pt>
                <c:pt idx="1222">
                  <c:v>40611.430699999997</c:v>
                </c:pt>
                <c:pt idx="1223">
                  <c:v>39914.220549999998</c:v>
                </c:pt>
                <c:pt idx="1224">
                  <c:v>39515.288339999999</c:v>
                </c:pt>
                <c:pt idx="1225">
                  <c:v>39653.0674</c:v>
                </c:pt>
                <c:pt idx="1226">
                  <c:v>39374.583830000003</c:v>
                </c:pt>
                <c:pt idx="1227">
                  <c:v>40221.025569999998</c:v>
                </c:pt>
                <c:pt idx="1228">
                  <c:v>40371.909090000001</c:v>
                </c:pt>
                <c:pt idx="1229">
                  <c:v>40378.492389999999</c:v>
                </c:pt>
                <c:pt idx="1230">
                  <c:v>40148.718760000003</c:v>
                </c:pt>
                <c:pt idx="1231">
                  <c:v>40270.441229999997</c:v>
                </c:pt>
                <c:pt idx="1232">
                  <c:v>41094.476349999997</c:v>
                </c:pt>
                <c:pt idx="1233">
                  <c:v>41714.705970000003</c:v>
                </c:pt>
                <c:pt idx="1234">
                  <c:v>42429.692710000003</c:v>
                </c:pt>
                <c:pt idx="1235">
                  <c:v>42344.808539999998</c:v>
                </c:pt>
                <c:pt idx="1236">
                  <c:v>42437.339569999996</c:v>
                </c:pt>
                <c:pt idx="1237">
                  <c:v>41836.886859999999</c:v>
                </c:pt>
                <c:pt idx="1238">
                  <c:v>41527.684130000001</c:v>
                </c:pt>
                <c:pt idx="1239">
                  <c:v>41549.377330000003</c:v>
                </c:pt>
                <c:pt idx="1240">
                  <c:v>41720.045910000001</c:v>
                </c:pt>
                <c:pt idx="1241">
                  <c:v>42714.906640000001</c:v>
                </c:pt>
                <c:pt idx="1242">
                  <c:v>42406.57043</c:v>
                </c:pt>
                <c:pt idx="1243">
                  <c:v>42106.017780000002</c:v>
                </c:pt>
                <c:pt idx="1244">
                  <c:v>41989.218789999999</c:v>
                </c:pt>
                <c:pt idx="1245">
                  <c:v>42292.176039999998</c:v>
                </c:pt>
                <c:pt idx="1246">
                  <c:v>41878.222320000001</c:v>
                </c:pt>
                <c:pt idx="1247">
                  <c:v>41653.611530000002</c:v>
                </c:pt>
                <c:pt idx="1248">
                  <c:v>41354.964260000001</c:v>
                </c:pt>
                <c:pt idx="1249">
                  <c:v>41552.891020000003</c:v>
                </c:pt>
                <c:pt idx="1250">
                  <c:v>41148.172689999999</c:v>
                </c:pt>
                <c:pt idx="1251">
                  <c:v>40547.40567</c:v>
                </c:pt>
                <c:pt idx="1252">
                  <c:v>39585.477070000001</c:v>
                </c:pt>
                <c:pt idx="1253">
                  <c:v>39767.566339999998</c:v>
                </c:pt>
                <c:pt idx="1254">
                  <c:v>40798.162210000002</c:v>
                </c:pt>
                <c:pt idx="1255">
                  <c:v>40002.685239999999</c:v>
                </c:pt>
                <c:pt idx="1256">
                  <c:v>39998.109120000001</c:v>
                </c:pt>
                <c:pt idx="1257">
                  <c:v>38955.027419999999</c:v>
                </c:pt>
                <c:pt idx="1258">
                  <c:v>38950.026259999999</c:v>
                </c:pt>
                <c:pt idx="1259">
                  <c:v>39507.04477</c:v>
                </c:pt>
                <c:pt idx="1260">
                  <c:v>38668.946530000001</c:v>
                </c:pt>
                <c:pt idx="1261">
                  <c:v>38653.156239999997</c:v>
                </c:pt>
                <c:pt idx="1262">
                  <c:v>39469.181420000001</c:v>
                </c:pt>
                <c:pt idx="1263">
                  <c:v>39904.99843</c:v>
                </c:pt>
                <c:pt idx="1264">
                  <c:v>39761.097170000001</c:v>
                </c:pt>
                <c:pt idx="1265">
                  <c:v>40428.726999999999</c:v>
                </c:pt>
                <c:pt idx="1266">
                  <c:v>40698.089220000002</c:v>
                </c:pt>
                <c:pt idx="1267">
                  <c:v>40915.376479999999</c:v>
                </c:pt>
                <c:pt idx="1268">
                  <c:v>40310.85181</c:v>
                </c:pt>
                <c:pt idx="1269">
                  <c:v>39803.395709999997</c:v>
                </c:pt>
                <c:pt idx="1270">
                  <c:v>39968.028530000003</c:v>
                </c:pt>
                <c:pt idx="1271">
                  <c:v>40233.769339999999</c:v>
                </c:pt>
                <c:pt idx="1272">
                  <c:v>40268.768060000002</c:v>
                </c:pt>
                <c:pt idx="1273">
                  <c:v>40567.861980000001</c:v>
                </c:pt>
                <c:pt idx="1274">
                  <c:v>39857.179790000002</c:v>
                </c:pt>
                <c:pt idx="1275">
                  <c:v>40565.240449999998</c:v>
                </c:pt>
                <c:pt idx="1276">
                  <c:v>41192.970589999997</c:v>
                </c:pt>
                <c:pt idx="1277">
                  <c:v>41387.513879999999</c:v>
                </c:pt>
                <c:pt idx="1278">
                  <c:v>40684.540009999997</c:v>
                </c:pt>
                <c:pt idx="1279">
                  <c:v>39771.548479999998</c:v>
                </c:pt>
                <c:pt idx="1280">
                  <c:v>40050.811750000001</c:v>
                </c:pt>
                <c:pt idx="1281">
                  <c:v>40366.135820000003</c:v>
                </c:pt>
                <c:pt idx="1282">
                  <c:v>40219.218939999999</c:v>
                </c:pt>
                <c:pt idx="1283">
                  <c:v>39489.392310000003</c:v>
                </c:pt>
                <c:pt idx="1284">
                  <c:v>39297.287649999998</c:v>
                </c:pt>
                <c:pt idx="1285">
                  <c:v>40059.83266</c:v>
                </c:pt>
                <c:pt idx="1286">
                  <c:v>40092.346619999997</c:v>
                </c:pt>
                <c:pt idx="1287">
                  <c:v>40602.215889999999</c:v>
                </c:pt>
                <c:pt idx="1288">
                  <c:v>40855.434379999999</c:v>
                </c:pt>
                <c:pt idx="1289">
                  <c:v>40761.086880000003</c:v>
                </c:pt>
                <c:pt idx="1290">
                  <c:v>40879.494180000002</c:v>
                </c:pt>
                <c:pt idx="1291">
                  <c:v>40489.798320000002</c:v>
                </c:pt>
                <c:pt idx="1292">
                  <c:v>40709.351979999999</c:v>
                </c:pt>
                <c:pt idx="1293">
                  <c:v>41621.510990000002</c:v>
                </c:pt>
                <c:pt idx="1294">
                  <c:v>42150.137119999999</c:v>
                </c:pt>
                <c:pt idx="1295">
                  <c:v>42821.642599999999</c:v>
                </c:pt>
                <c:pt idx="1296">
                  <c:v>43299.662609999999</c:v>
                </c:pt>
                <c:pt idx="1297">
                  <c:v>43390.819159999999</c:v>
                </c:pt>
                <c:pt idx="1298">
                  <c:v>42760.548929999997</c:v>
                </c:pt>
                <c:pt idx="1299">
                  <c:v>43542.592799999999</c:v>
                </c:pt>
                <c:pt idx="1300">
                  <c:v>43713.745430000003</c:v>
                </c:pt>
                <c:pt idx="1301">
                  <c:v>43079.289250000002</c:v>
                </c:pt>
                <c:pt idx="1302">
                  <c:v>42126.08726</c:v>
                </c:pt>
                <c:pt idx="1303">
                  <c:v>41728.796950000004</c:v>
                </c:pt>
                <c:pt idx="1304">
                  <c:v>41922.131959999999</c:v>
                </c:pt>
                <c:pt idx="1305">
                  <c:v>42333.805829999998</c:v>
                </c:pt>
                <c:pt idx="1306">
                  <c:v>41038.574809999998</c:v>
                </c:pt>
                <c:pt idx="1307">
                  <c:v>41925.281210000001</c:v>
                </c:pt>
                <c:pt idx="1308">
                  <c:v>42509.048139999999</c:v>
                </c:pt>
                <c:pt idx="1309">
                  <c:v>42595.158170000002</c:v>
                </c:pt>
                <c:pt idx="1310">
                  <c:v>42917.390740000003</c:v>
                </c:pt>
                <c:pt idx="1311">
                  <c:v>42225.494650000001</c:v>
                </c:pt>
                <c:pt idx="1312">
                  <c:v>41395.02738</c:v>
                </c:pt>
                <c:pt idx="1313">
                  <c:v>42029.144820000001</c:v>
                </c:pt>
                <c:pt idx="1314">
                  <c:v>41592.699659999998</c:v>
                </c:pt>
                <c:pt idx="1315">
                  <c:v>40484.786110000001</c:v>
                </c:pt>
                <c:pt idx="1316">
                  <c:v>39549.580349999997</c:v>
                </c:pt>
                <c:pt idx="1317">
                  <c:v>39108.747150000003</c:v>
                </c:pt>
                <c:pt idx="1318">
                  <c:v>40048.081989999999</c:v>
                </c:pt>
                <c:pt idx="1319">
                  <c:v>39845.831019999998</c:v>
                </c:pt>
                <c:pt idx="1320">
                  <c:v>40316.230969999997</c:v>
                </c:pt>
                <c:pt idx="1321">
                  <c:v>39336.22421</c:v>
                </c:pt>
                <c:pt idx="1322">
                  <c:v>39534.968269999998</c:v>
                </c:pt>
                <c:pt idx="1323">
                  <c:v>38671.29449</c:v>
                </c:pt>
                <c:pt idx="1324">
                  <c:v>38524.544540000003</c:v>
                </c:pt>
                <c:pt idx="1325">
                  <c:v>39075.385009999998</c:v>
                </c:pt>
                <c:pt idx="1326">
                  <c:v>38970.920539999999</c:v>
                </c:pt>
                <c:pt idx="1327">
                  <c:v>38790.495940000001</c:v>
                </c:pt>
                <c:pt idx="1328">
                  <c:v>38812.326079999999</c:v>
                </c:pt>
                <c:pt idx="1329">
                  <c:v>38124.61303</c:v>
                </c:pt>
                <c:pt idx="1330">
                  <c:v>38907.027459999998</c:v>
                </c:pt>
                <c:pt idx="1331">
                  <c:v>38941.172980000003</c:v>
                </c:pt>
                <c:pt idx="1332">
                  <c:v>39515.794529999999</c:v>
                </c:pt>
                <c:pt idx="1333">
                  <c:v>40247.23689</c:v>
                </c:pt>
                <c:pt idx="1334">
                  <c:v>40066.363669999999</c:v>
                </c:pt>
                <c:pt idx="1335">
                  <c:v>40816.118069999997</c:v>
                </c:pt>
                <c:pt idx="1336">
                  <c:v>39971.936780000004</c:v>
                </c:pt>
                <c:pt idx="1337">
                  <c:v>40649.498749999999</c:v>
                </c:pt>
                <c:pt idx="1338">
                  <c:v>40916.057229999999</c:v>
                </c:pt>
                <c:pt idx="1339">
                  <c:v>39888.514640000001</c:v>
                </c:pt>
                <c:pt idx="1340">
                  <c:v>40102.671629999997</c:v>
                </c:pt>
                <c:pt idx="1341">
                  <c:v>39861.48659</c:v>
                </c:pt>
                <c:pt idx="1342">
                  <c:v>40035.841990000001</c:v>
                </c:pt>
                <c:pt idx="1343">
                  <c:v>39242.135649999997</c:v>
                </c:pt>
                <c:pt idx="1344">
                  <c:v>38959.121780000001</c:v>
                </c:pt>
                <c:pt idx="1345">
                  <c:v>39317.886429999999</c:v>
                </c:pt>
                <c:pt idx="1346">
                  <c:v>38536.05545</c:v>
                </c:pt>
                <c:pt idx="1347">
                  <c:v>37802.310539999999</c:v>
                </c:pt>
                <c:pt idx="1348">
                  <c:v>38188.742570000002</c:v>
                </c:pt>
                <c:pt idx="1349">
                  <c:v>38337.974459999998</c:v>
                </c:pt>
                <c:pt idx="1350">
                  <c:v>38667.679810000001</c:v>
                </c:pt>
                <c:pt idx="1351">
                  <c:v>38593.649010000001</c:v>
                </c:pt>
                <c:pt idx="1352">
                  <c:v>38140.21675</c:v>
                </c:pt>
                <c:pt idx="1353">
                  <c:v>38303.70448</c:v>
                </c:pt>
                <c:pt idx="1354">
                  <c:v>39437.50546</c:v>
                </c:pt>
                <c:pt idx="1355">
                  <c:v>39715.813159999998</c:v>
                </c:pt>
                <c:pt idx="1356">
                  <c:v>39989.516580000003</c:v>
                </c:pt>
                <c:pt idx="1357">
                  <c:v>40757.579960000003</c:v>
                </c:pt>
                <c:pt idx="1358">
                  <c:v>41082.374369999998</c:v>
                </c:pt>
                <c:pt idx="1359">
                  <c:v>40326.771130000001</c:v>
                </c:pt>
                <c:pt idx="1360">
                  <c:v>40000.93404</c:v>
                </c:pt>
                <c:pt idx="1361">
                  <c:v>39989.282670000001</c:v>
                </c:pt>
                <c:pt idx="1362">
                  <c:v>39330.71499</c:v>
                </c:pt>
                <c:pt idx="1363">
                  <c:v>38084.885139999999</c:v>
                </c:pt>
                <c:pt idx="1364">
                  <c:v>37859.701970000002</c:v>
                </c:pt>
                <c:pt idx="1365">
                  <c:v>38613.728759999998</c:v>
                </c:pt>
                <c:pt idx="1366">
                  <c:v>37838.797590000002</c:v>
                </c:pt>
                <c:pt idx="1367">
                  <c:v>37816.640229999997</c:v>
                </c:pt>
                <c:pt idx="1368">
                  <c:v>37194.26599</c:v>
                </c:pt>
                <c:pt idx="1369">
                  <c:v>37708.787900000003</c:v>
                </c:pt>
                <c:pt idx="1370">
                  <c:v>37759.283990000004</c:v>
                </c:pt>
                <c:pt idx="1371">
                  <c:v>38789.23098</c:v>
                </c:pt>
                <c:pt idx="1372">
                  <c:v>38839.069949999997</c:v>
                </c:pt>
                <c:pt idx="1373">
                  <c:v>38949.496050000002</c:v>
                </c:pt>
                <c:pt idx="1374">
                  <c:v>38605.099499999997</c:v>
                </c:pt>
                <c:pt idx="1375">
                  <c:v>37240.26382</c:v>
                </c:pt>
                <c:pt idx="1376">
                  <c:v>37549.248480000002</c:v>
                </c:pt>
                <c:pt idx="1377">
                  <c:v>37945.716200000003</c:v>
                </c:pt>
                <c:pt idx="1378">
                  <c:v>37494.067539999996</c:v>
                </c:pt>
                <c:pt idx="1379">
                  <c:v>36636.694530000001</c:v>
                </c:pt>
                <c:pt idx="1380">
                  <c:v>35821.21675</c:v>
                </c:pt>
                <c:pt idx="1381">
                  <c:v>33454.554270000001</c:v>
                </c:pt>
                <c:pt idx="1382">
                  <c:v>33349.637049999998</c:v>
                </c:pt>
                <c:pt idx="1383">
                  <c:v>30360.754250000002</c:v>
                </c:pt>
                <c:pt idx="1384">
                  <c:v>31365.525160000001</c:v>
                </c:pt>
                <c:pt idx="1385">
                  <c:v>31717.655559999999</c:v>
                </c:pt>
                <c:pt idx="1386">
                  <c:v>32820.469680000002</c:v>
                </c:pt>
                <c:pt idx="1387">
                  <c:v>33077.663959999998</c:v>
                </c:pt>
                <c:pt idx="1388">
                  <c:v>34339.822890000003</c:v>
                </c:pt>
                <c:pt idx="1389">
                  <c:v>34144.317649999997</c:v>
                </c:pt>
                <c:pt idx="1390">
                  <c:v>34750.769500000002</c:v>
                </c:pt>
                <c:pt idx="1391">
                  <c:v>33097.11073</c:v>
                </c:pt>
                <c:pt idx="1392">
                  <c:v>32808.475460000001</c:v>
                </c:pt>
                <c:pt idx="1393">
                  <c:v>32746.490880000001</c:v>
                </c:pt>
                <c:pt idx="1394">
                  <c:v>33583.059990000002</c:v>
                </c:pt>
                <c:pt idx="1395">
                  <c:v>33496.699410000001</c:v>
                </c:pt>
                <c:pt idx="1396">
                  <c:v>32873.914049999999</c:v>
                </c:pt>
                <c:pt idx="1397">
                  <c:v>33277.687790000004</c:v>
                </c:pt>
                <c:pt idx="1398">
                  <c:v>34393.286</c:v>
                </c:pt>
                <c:pt idx="1399">
                  <c:v>34899.200539999998</c:v>
                </c:pt>
                <c:pt idx="1400">
                  <c:v>35663.86032</c:v>
                </c:pt>
                <c:pt idx="1401">
                  <c:v>36294.385340000001</c:v>
                </c:pt>
                <c:pt idx="1402">
                  <c:v>34487.323770000003</c:v>
                </c:pt>
                <c:pt idx="1403">
                  <c:v>33332.369769999998</c:v>
                </c:pt>
                <c:pt idx="1404">
                  <c:v>34090.515359999998</c:v>
                </c:pt>
                <c:pt idx="1405">
                  <c:v>34801.080370000003</c:v>
                </c:pt>
                <c:pt idx="1406">
                  <c:v>33221.197509999998</c:v>
                </c:pt>
                <c:pt idx="1407">
                  <c:v>32696.535</c:v>
                </c:pt>
                <c:pt idx="1408">
                  <c:v>32476.155500000001</c:v>
                </c:pt>
                <c:pt idx="1409">
                  <c:v>32582.367040000001</c:v>
                </c:pt>
                <c:pt idx="1410">
                  <c:v>32818.079709999998</c:v>
                </c:pt>
                <c:pt idx="1411">
                  <c:v>33436.650719999998</c:v>
                </c:pt>
                <c:pt idx="1412">
                  <c:v>31906.342540000001</c:v>
                </c:pt>
                <c:pt idx="1413">
                  <c:v>31463.044180000001</c:v>
                </c:pt>
                <c:pt idx="1414">
                  <c:v>30484.58856</c:v>
                </c:pt>
                <c:pt idx="1415">
                  <c:v>28887.595560000002</c:v>
                </c:pt>
                <c:pt idx="1416">
                  <c:v>28601.55788</c:v>
                </c:pt>
                <c:pt idx="1417">
                  <c:v>29004.11176</c:v>
                </c:pt>
                <c:pt idx="1418">
                  <c:v>29786.96242</c:v>
                </c:pt>
                <c:pt idx="1419">
                  <c:v>29295.182229999999</c:v>
                </c:pt>
                <c:pt idx="1420">
                  <c:v>29159.20465</c:v>
                </c:pt>
                <c:pt idx="1421">
                  <c:v>28148.05631</c:v>
                </c:pt>
                <c:pt idx="1422">
                  <c:v>26879.51484</c:v>
                </c:pt>
                <c:pt idx="1423">
                  <c:v>26906.43374</c:v>
                </c:pt>
                <c:pt idx="1424">
                  <c:v>27801.979159999999</c:v>
                </c:pt>
                <c:pt idx="1425">
                  <c:v>28900.88494</c:v>
                </c:pt>
                <c:pt idx="1426">
                  <c:v>28759.46859</c:v>
                </c:pt>
                <c:pt idx="1427">
                  <c:v>30492.30689</c:v>
                </c:pt>
                <c:pt idx="1428">
                  <c:v>30630.066989999999</c:v>
                </c:pt>
                <c:pt idx="1429">
                  <c:v>31227.377929999999</c:v>
                </c:pt>
                <c:pt idx="1430">
                  <c:v>31690.44011</c:v>
                </c:pt>
                <c:pt idx="1431">
                  <c:v>30778.333019999998</c:v>
                </c:pt>
                <c:pt idx="1432">
                  <c:v>31253.935529999999</c:v>
                </c:pt>
                <c:pt idx="1433">
                  <c:v>31098.23416</c:v>
                </c:pt>
                <c:pt idx="1434">
                  <c:v>30206.924220000001</c:v>
                </c:pt>
                <c:pt idx="1435">
                  <c:v>31168.338500000002</c:v>
                </c:pt>
                <c:pt idx="1436">
                  <c:v>32337.84389</c:v>
                </c:pt>
                <c:pt idx="1437">
                  <c:v>32011.595430000001</c:v>
                </c:pt>
                <c:pt idx="1438">
                  <c:v>32357.75145</c:v>
                </c:pt>
                <c:pt idx="1439">
                  <c:v>34491.462330000002</c:v>
                </c:pt>
                <c:pt idx="1440">
                  <c:v>35246.152719999998</c:v>
                </c:pt>
                <c:pt idx="1441">
                  <c:v>34489.146099999998</c:v>
                </c:pt>
                <c:pt idx="1442">
                  <c:v>32980.12197</c:v>
                </c:pt>
                <c:pt idx="1443">
                  <c:v>33494.273809999999</c:v>
                </c:pt>
                <c:pt idx="1444">
                  <c:v>33720.28385</c:v>
                </c:pt>
                <c:pt idx="1445">
                  <c:v>33831.734770000003</c:v>
                </c:pt>
                <c:pt idx="1446">
                  <c:v>33891.89761</c:v>
                </c:pt>
                <c:pt idx="1447">
                  <c:v>32700.572899999999</c:v>
                </c:pt>
                <c:pt idx="1448">
                  <c:v>32499.04106</c:v>
                </c:pt>
                <c:pt idx="1449">
                  <c:v>33553.194309999999</c:v>
                </c:pt>
                <c:pt idx="1450">
                  <c:v>32951.487840000002</c:v>
                </c:pt>
                <c:pt idx="1451">
                  <c:v>32898.8698</c:v>
                </c:pt>
                <c:pt idx="1452">
                  <c:v>32027.030709999999</c:v>
                </c:pt>
                <c:pt idx="1453">
                  <c:v>31784.043849999998</c:v>
                </c:pt>
                <c:pt idx="1454">
                  <c:v>31125.692569999999</c:v>
                </c:pt>
                <c:pt idx="1455">
                  <c:v>30988.4879</c:v>
                </c:pt>
                <c:pt idx="1456">
                  <c:v>29661.726719999999</c:v>
                </c:pt>
                <c:pt idx="1457">
                  <c:v>29295.11334</c:v>
                </c:pt>
                <c:pt idx="1458">
                  <c:v>29089.337210000002</c:v>
                </c:pt>
                <c:pt idx="1459">
                  <c:v>30121.714019999999</c:v>
                </c:pt>
                <c:pt idx="1460">
                  <c:v>29982.52101</c:v>
                </c:pt>
                <c:pt idx="1461">
                  <c:v>31443.487669999999</c:v>
                </c:pt>
                <c:pt idx="1462">
                  <c:v>32187.456750000001</c:v>
                </c:pt>
                <c:pt idx="1463">
                  <c:v>32275.356319999999</c:v>
                </c:pt>
                <c:pt idx="1464">
                  <c:v>33028.97539</c:v>
                </c:pt>
                <c:pt idx="1465">
                  <c:v>33182.566120000003</c:v>
                </c:pt>
                <c:pt idx="1466">
                  <c:v>32746.917560000002</c:v>
                </c:pt>
                <c:pt idx="1467">
                  <c:v>31669.617190000001</c:v>
                </c:pt>
                <c:pt idx="1468">
                  <c:v>32206.86923</c:v>
                </c:pt>
                <c:pt idx="1469">
                  <c:v>31221.068910000002</c:v>
                </c:pt>
                <c:pt idx="1470">
                  <c:v>31004.557570000001</c:v>
                </c:pt>
                <c:pt idx="1471">
                  <c:v>30239.08137</c:v>
                </c:pt>
                <c:pt idx="1472">
                  <c:v>30274.170170000001</c:v>
                </c:pt>
                <c:pt idx="1473">
                  <c:v>30200.231329999999</c:v>
                </c:pt>
                <c:pt idx="1474">
                  <c:v>29615.642739999999</c:v>
                </c:pt>
                <c:pt idx="1475">
                  <c:v>30837.772000000001</c:v>
                </c:pt>
                <c:pt idx="1476">
                  <c:v>30544.194049999998</c:v>
                </c:pt>
                <c:pt idx="1477">
                  <c:v>30998.849259999999</c:v>
                </c:pt>
                <c:pt idx="1478">
                  <c:v>31082.239989999998</c:v>
                </c:pt>
                <c:pt idx="1479">
                  <c:v>31038.471740000001</c:v>
                </c:pt>
                <c:pt idx="1480">
                  <c:v>31185.590990000001</c:v>
                </c:pt>
                <c:pt idx="1481">
                  <c:v>30156.16459</c:v>
                </c:pt>
                <c:pt idx="1482">
                  <c:v>30424.615699999998</c:v>
                </c:pt>
                <c:pt idx="1483">
                  <c:v>30918.129540000002</c:v>
                </c:pt>
                <c:pt idx="1484">
                  <c:v>32335.700089999998</c:v>
                </c:pt>
                <c:pt idx="1485">
                  <c:v>32573.360359999999</c:v>
                </c:pt>
                <c:pt idx="1486">
                  <c:v>31815.062559999998</c:v>
                </c:pt>
                <c:pt idx="1487">
                  <c:v>31622.886579999999</c:v>
                </c:pt>
                <c:pt idx="1488">
                  <c:v>32087.589680000001</c:v>
                </c:pt>
                <c:pt idx="1489">
                  <c:v>33205.241759999997</c:v>
                </c:pt>
                <c:pt idx="1490">
                  <c:v>33251.482530000001</c:v>
                </c:pt>
                <c:pt idx="1491">
                  <c:v>33614.260770000001</c:v>
                </c:pt>
                <c:pt idx="1492">
                  <c:v>32969.107089999998</c:v>
                </c:pt>
                <c:pt idx="1493">
                  <c:v>33651.266170000003</c:v>
                </c:pt>
                <c:pt idx="1494">
                  <c:v>34112.891459999999</c:v>
                </c:pt>
                <c:pt idx="1495">
                  <c:v>34982.350590000002</c:v>
                </c:pt>
                <c:pt idx="1496">
                  <c:v>34943.398809999999</c:v>
                </c:pt>
                <c:pt idx="1497">
                  <c:v>35456.998339999998</c:v>
                </c:pt>
                <c:pt idx="1498">
                  <c:v>35578.122750000002</c:v>
                </c:pt>
                <c:pt idx="1499">
                  <c:v>35578.328730000001</c:v>
                </c:pt>
                <c:pt idx="1500">
                  <c:v>36163.291949999999</c:v>
                </c:pt>
                <c:pt idx="1501">
                  <c:v>36075.12717</c:v>
                </c:pt>
                <c:pt idx="1502">
                  <c:v>35901.402280000002</c:v>
                </c:pt>
                <c:pt idx="1503">
                  <c:v>36061.926030000002</c:v>
                </c:pt>
                <c:pt idx="1504">
                  <c:v>37276.819860000003</c:v>
                </c:pt>
                <c:pt idx="1505">
                  <c:v>37530.126989999997</c:v>
                </c:pt>
                <c:pt idx="1506">
                  <c:v>38005.461029999999</c:v>
                </c:pt>
                <c:pt idx="1507">
                  <c:v>37889.926079999997</c:v>
                </c:pt>
                <c:pt idx="1508">
                  <c:v>38319.395089999998</c:v>
                </c:pt>
                <c:pt idx="1509">
                  <c:v>38334.10368</c:v>
                </c:pt>
                <c:pt idx="1510">
                  <c:v>38116.849840000003</c:v>
                </c:pt>
                <c:pt idx="1511">
                  <c:v>37098.057719999997</c:v>
                </c:pt>
                <c:pt idx="1512">
                  <c:v>38272.85671</c:v>
                </c:pt>
                <c:pt idx="1513">
                  <c:v>37835.096709999998</c:v>
                </c:pt>
                <c:pt idx="1514">
                  <c:v>37974.02594</c:v>
                </c:pt>
                <c:pt idx="1515">
                  <c:v>38403.125540000001</c:v>
                </c:pt>
                <c:pt idx="1516">
                  <c:v>38640.926870000003</c:v>
                </c:pt>
                <c:pt idx="1517">
                  <c:v>38732.286359999998</c:v>
                </c:pt>
                <c:pt idx="1518">
                  <c:v>38500.010049999997</c:v>
                </c:pt>
                <c:pt idx="1519">
                  <c:v>38719.233489999999</c:v>
                </c:pt>
                <c:pt idx="1520">
                  <c:v>38219.969680000002</c:v>
                </c:pt>
                <c:pt idx="1521">
                  <c:v>38778.75316</c:v>
                </c:pt>
                <c:pt idx="1522">
                  <c:v>38387.614650000003</c:v>
                </c:pt>
                <c:pt idx="1523">
                  <c:v>38997.079660000003</c:v>
                </c:pt>
                <c:pt idx="1524">
                  <c:v>39259.54333</c:v>
                </c:pt>
                <c:pt idx="1525">
                  <c:v>38562.643969999997</c:v>
                </c:pt>
                <c:pt idx="1526">
                  <c:v>37002.982580000004</c:v>
                </c:pt>
                <c:pt idx="1527">
                  <c:v>37329.238230000003</c:v>
                </c:pt>
                <c:pt idx="1528">
                  <c:v>37756.55472</c:v>
                </c:pt>
                <c:pt idx="1529">
                  <c:v>37388.016889999999</c:v>
                </c:pt>
                <c:pt idx="1530">
                  <c:v>36507.235930000003</c:v>
                </c:pt>
                <c:pt idx="1531">
                  <c:v>38022.197090000001</c:v>
                </c:pt>
                <c:pt idx="1532">
                  <c:v>37545.224829999999</c:v>
                </c:pt>
                <c:pt idx="1533">
                  <c:v>37575.98014</c:v>
                </c:pt>
                <c:pt idx="1534">
                  <c:v>37562.646549999998</c:v>
                </c:pt>
                <c:pt idx="1535">
                  <c:v>37490.486270000001</c:v>
                </c:pt>
                <c:pt idx="1536">
                  <c:v>36985.744709999999</c:v>
                </c:pt>
                <c:pt idx="1537">
                  <c:v>36667.789230000002</c:v>
                </c:pt>
                <c:pt idx="1538">
                  <c:v>36070.239730000001</c:v>
                </c:pt>
                <c:pt idx="1539">
                  <c:v>36262.578170000001</c:v>
                </c:pt>
                <c:pt idx="1540">
                  <c:v>36736.774870000001</c:v>
                </c:pt>
                <c:pt idx="1541">
                  <c:v>36410.294739999998</c:v>
                </c:pt>
                <c:pt idx="1542">
                  <c:v>35663.820619999999</c:v>
                </c:pt>
                <c:pt idx="1543">
                  <c:v>35416.273540000002</c:v>
                </c:pt>
                <c:pt idx="1544">
                  <c:v>35395.02291</c:v>
                </c:pt>
                <c:pt idx="1545">
                  <c:v>35687.999340000002</c:v>
                </c:pt>
                <c:pt idx="1546">
                  <c:v>35206.89071</c:v>
                </c:pt>
                <c:pt idx="1547">
                  <c:v>34722.698100000001</c:v>
                </c:pt>
                <c:pt idx="1548">
                  <c:v>34822.952259999998</c:v>
                </c:pt>
                <c:pt idx="1549">
                  <c:v>34588.396509999999</c:v>
                </c:pt>
                <c:pt idx="1550">
                  <c:v>33699.93518</c:v>
                </c:pt>
                <c:pt idx="1551">
                  <c:v>33477.055339999999</c:v>
                </c:pt>
                <c:pt idx="1552">
                  <c:v>34542.864970000002</c:v>
                </c:pt>
                <c:pt idx="1553">
                  <c:v>33800.806340000003</c:v>
                </c:pt>
                <c:pt idx="1554">
                  <c:v>33654.490059999996</c:v>
                </c:pt>
                <c:pt idx="1555">
                  <c:v>33874.802060000002</c:v>
                </c:pt>
                <c:pt idx="1556">
                  <c:v>33663.041190000004</c:v>
                </c:pt>
                <c:pt idx="1557">
                  <c:v>33163.017760000002</c:v>
                </c:pt>
                <c:pt idx="1558">
                  <c:v>33492.726369999997</c:v>
                </c:pt>
                <c:pt idx="1559">
                  <c:v>32650.349569999998</c:v>
                </c:pt>
                <c:pt idx="1560">
                  <c:v>33003.749600000003</c:v>
                </c:pt>
                <c:pt idx="1561">
                  <c:v>32781.42957</c:v>
                </c:pt>
                <c:pt idx="1562">
                  <c:v>32968.333839999999</c:v>
                </c:pt>
                <c:pt idx="1563">
                  <c:v>32722.22508</c:v>
                </c:pt>
                <c:pt idx="1564">
                  <c:v>32645.224559999999</c:v>
                </c:pt>
                <c:pt idx="1565">
                  <c:v>32397.528869999998</c:v>
                </c:pt>
                <c:pt idx="1566">
                  <c:v>32215.037059999999</c:v>
                </c:pt>
                <c:pt idx="1567">
                  <c:v>31657.781429999999</c:v>
                </c:pt>
                <c:pt idx="1568">
                  <c:v>31882.319390000001</c:v>
                </c:pt>
                <c:pt idx="1569">
                  <c:v>31132.27463</c:v>
                </c:pt>
                <c:pt idx="1570">
                  <c:v>30549.88305</c:v>
                </c:pt>
                <c:pt idx="1571">
                  <c:v>30572.537250000001</c:v>
                </c:pt>
                <c:pt idx="1572">
                  <c:v>30561.51917</c:v>
                </c:pt>
                <c:pt idx="1573">
                  <c:v>28939.098409999999</c:v>
                </c:pt>
                <c:pt idx="1574">
                  <c:v>28180.982540000001</c:v>
                </c:pt>
                <c:pt idx="1575">
                  <c:v>27904.718550000001</c:v>
                </c:pt>
                <c:pt idx="1576">
                  <c:v>27088.174470000002</c:v>
                </c:pt>
                <c:pt idx="1577">
                  <c:v>26892.190879999998</c:v>
                </c:pt>
                <c:pt idx="1578">
                  <c:v>27692.80071</c:v>
                </c:pt>
                <c:pt idx="1579">
                  <c:v>26879.639579999999</c:v>
                </c:pt>
                <c:pt idx="1580">
                  <c:v>26538.78845</c:v>
                </c:pt>
                <c:pt idx="1581">
                  <c:v>26498.872660000001</c:v>
                </c:pt>
                <c:pt idx="1582">
                  <c:v>27320.37127</c:v>
                </c:pt>
                <c:pt idx="1583">
                  <c:v>27889.423330000001</c:v>
                </c:pt>
                <c:pt idx="1584">
                  <c:v>27365.78773</c:v>
                </c:pt>
                <c:pt idx="1585">
                  <c:v>26730.55258</c:v>
                </c:pt>
                <c:pt idx="1586">
                  <c:v>27035.678550000001</c:v>
                </c:pt>
                <c:pt idx="1587">
                  <c:v>26203.581180000001</c:v>
                </c:pt>
                <c:pt idx="1588">
                  <c:v>26129.60427</c:v>
                </c:pt>
                <c:pt idx="1589">
                  <c:v>25888.635249999999</c:v>
                </c:pt>
                <c:pt idx="1590">
                  <c:v>26860.44989</c:v>
                </c:pt>
                <c:pt idx="1591">
                  <c:v>26815.376670000001</c:v>
                </c:pt>
                <c:pt idx="1592">
                  <c:v>26446.666949999999</c:v>
                </c:pt>
                <c:pt idx="1593">
                  <c:v>26764.406480000001</c:v>
                </c:pt>
                <c:pt idx="1594">
                  <c:v>26948.095369999999</c:v>
                </c:pt>
                <c:pt idx="1595">
                  <c:v>26720.575369999999</c:v>
                </c:pt>
                <c:pt idx="1596">
                  <c:v>27531.99106</c:v>
                </c:pt>
                <c:pt idx="1597">
                  <c:v>27238.239030000001</c:v>
                </c:pt>
                <c:pt idx="1598">
                  <c:v>28085.189419999999</c:v>
                </c:pt>
                <c:pt idx="1599">
                  <c:v>28185.85482</c:v>
                </c:pt>
                <c:pt idx="1600">
                  <c:v>27042.714680000001</c:v>
                </c:pt>
                <c:pt idx="1601">
                  <c:v>26942.460029999998</c:v>
                </c:pt>
                <c:pt idx="1602">
                  <c:v>25976.62283</c:v>
                </c:pt>
                <c:pt idx="1603">
                  <c:v>25969.11404</c:v>
                </c:pt>
                <c:pt idx="1604">
                  <c:v>25442.62225</c:v>
                </c:pt>
                <c:pt idx="1605">
                  <c:v>25159.96082</c:v>
                </c:pt>
                <c:pt idx="1606">
                  <c:v>27040.758610000001</c:v>
                </c:pt>
                <c:pt idx="1607">
                  <c:v>27511.463309999999</c:v>
                </c:pt>
                <c:pt idx="1608">
                  <c:v>27916.681</c:v>
                </c:pt>
                <c:pt idx="1609">
                  <c:v>27625.41027</c:v>
                </c:pt>
                <c:pt idx="1610">
                  <c:v>27927.015370000001</c:v>
                </c:pt>
                <c:pt idx="1611">
                  <c:v>27207.29408</c:v>
                </c:pt>
                <c:pt idx="1612">
                  <c:v>26411.832549999999</c:v>
                </c:pt>
                <c:pt idx="1613">
                  <c:v>26321.315170000002</c:v>
                </c:pt>
                <c:pt idx="1614">
                  <c:v>26131.620180000002</c:v>
                </c:pt>
                <c:pt idx="1615">
                  <c:v>26686.2379</c:v>
                </c:pt>
                <c:pt idx="1616">
                  <c:v>26195.3305</c:v>
                </c:pt>
                <c:pt idx="1617">
                  <c:v>26556.38855</c:v>
                </c:pt>
                <c:pt idx="1618">
                  <c:v>27033.395509999998</c:v>
                </c:pt>
                <c:pt idx="1619">
                  <c:v>27393.906370000001</c:v>
                </c:pt>
                <c:pt idx="1620">
                  <c:v>26761.537240000001</c:v>
                </c:pt>
                <c:pt idx="1621">
                  <c:v>26046.8351</c:v>
                </c:pt>
                <c:pt idx="1622">
                  <c:v>25713.755499999999</c:v>
                </c:pt>
                <c:pt idx="1623">
                  <c:v>25819.65107</c:v>
                </c:pt>
                <c:pt idx="1624">
                  <c:v>26674.595580000001</c:v>
                </c:pt>
                <c:pt idx="1625">
                  <c:v>28070.244269999999</c:v>
                </c:pt>
                <c:pt idx="1626">
                  <c:v>28118.544910000001</c:v>
                </c:pt>
                <c:pt idx="1627">
                  <c:v>27405.858</c:v>
                </c:pt>
                <c:pt idx="1628">
                  <c:v>27595.4359</c:v>
                </c:pt>
                <c:pt idx="1629">
                  <c:v>27081.80013</c:v>
                </c:pt>
                <c:pt idx="1630">
                  <c:v>28268.598180000001</c:v>
                </c:pt>
                <c:pt idx="1631">
                  <c:v>28796.51023</c:v>
                </c:pt>
                <c:pt idx="1632">
                  <c:v>28483.99296</c:v>
                </c:pt>
                <c:pt idx="1633">
                  <c:v>29177.875919999999</c:v>
                </c:pt>
                <c:pt idx="1634">
                  <c:v>29133.45004</c:v>
                </c:pt>
                <c:pt idx="1635">
                  <c:v>29409.599490000001</c:v>
                </c:pt>
                <c:pt idx="1636">
                  <c:v>29157.537230000002</c:v>
                </c:pt>
                <c:pt idx="1637">
                  <c:v>28684.340889999999</c:v>
                </c:pt>
                <c:pt idx="1638">
                  <c:v>28769.54477</c:v>
                </c:pt>
                <c:pt idx="1639">
                  <c:v>29424.238509999999</c:v>
                </c:pt>
                <c:pt idx="1640">
                  <c:v>29280.588329999999</c:v>
                </c:pt>
                <c:pt idx="1641">
                  <c:v>29358.237939999999</c:v>
                </c:pt>
                <c:pt idx="1642">
                  <c:v>29219.267260000001</c:v>
                </c:pt>
                <c:pt idx="1643">
                  <c:v>29381.871230000001</c:v>
                </c:pt>
                <c:pt idx="1644">
                  <c:v>28901.729189999998</c:v>
                </c:pt>
                <c:pt idx="1645">
                  <c:v>28923.64443</c:v>
                </c:pt>
                <c:pt idx="1646">
                  <c:v>28629.156040000002</c:v>
                </c:pt>
                <c:pt idx="1647">
                  <c:v>28553.60471</c:v>
                </c:pt>
                <c:pt idx="1648">
                  <c:v>27978.14746</c:v>
                </c:pt>
                <c:pt idx="1649">
                  <c:v>27942.23302</c:v>
                </c:pt>
                <c:pt idx="1650">
                  <c:v>28128.487260000002</c:v>
                </c:pt>
                <c:pt idx="1651">
                  <c:v>28171.666379999999</c:v>
                </c:pt>
                <c:pt idx="1652">
                  <c:v>27545.382529999999</c:v>
                </c:pt>
                <c:pt idx="1653">
                  <c:v>27877.198810000002</c:v>
                </c:pt>
                <c:pt idx="1654">
                  <c:v>28654.860830000001</c:v>
                </c:pt>
                <c:pt idx="1655">
                  <c:v>28852.930319999999</c:v>
                </c:pt>
                <c:pt idx="1656">
                  <c:v>29431.674470000002</c:v>
                </c:pt>
                <c:pt idx="1657">
                  <c:v>29658.384849999999</c:v>
                </c:pt>
                <c:pt idx="1658">
                  <c:v>30681.450489999999</c:v>
                </c:pt>
                <c:pt idx="1659">
                  <c:v>30807.812269999999</c:v>
                </c:pt>
                <c:pt idx="1660">
                  <c:v>30459.800159999999</c:v>
                </c:pt>
                <c:pt idx="1661">
                  <c:v>30540.26196</c:v>
                </c:pt>
                <c:pt idx="1662">
                  <c:v>30498.05992</c:v>
                </c:pt>
                <c:pt idx="1663">
                  <c:v>30478.245429999999</c:v>
                </c:pt>
                <c:pt idx="1664">
                  <c:v>30306.959080000001</c:v>
                </c:pt>
                <c:pt idx="1665">
                  <c:v>30581.89501</c:v>
                </c:pt>
                <c:pt idx="1666">
                  <c:v>29884.466069999999</c:v>
                </c:pt>
                <c:pt idx="1667">
                  <c:v>29739.403399999999</c:v>
                </c:pt>
                <c:pt idx="1668">
                  <c:v>29663.083050000001</c:v>
                </c:pt>
                <c:pt idx="1669">
                  <c:v>29199.575339999999</c:v>
                </c:pt>
                <c:pt idx="1670">
                  <c:v>29410.417549999998</c:v>
                </c:pt>
                <c:pt idx="1671">
                  <c:v>29241.138660000001</c:v>
                </c:pt>
                <c:pt idx="1672">
                  <c:v>28961.778450000002</c:v>
                </c:pt>
                <c:pt idx="1673">
                  <c:v>28951.069729999999</c:v>
                </c:pt>
                <c:pt idx="1674">
                  <c:v>28902.832409999999</c:v>
                </c:pt>
                <c:pt idx="1675">
                  <c:v>29220.27017</c:v>
                </c:pt>
                <c:pt idx="1676">
                  <c:v>28950.076590000001</c:v>
                </c:pt>
                <c:pt idx="1677">
                  <c:v>28655.039830000002</c:v>
                </c:pt>
                <c:pt idx="1678">
                  <c:v>29044.979500000001</c:v>
                </c:pt>
                <c:pt idx="1679">
                  <c:v>29332.994210000001</c:v>
                </c:pt>
                <c:pt idx="1680">
                  <c:v>29384.158530000001</c:v>
                </c:pt>
                <c:pt idx="1681">
                  <c:v>29570.51627</c:v>
                </c:pt>
                <c:pt idx="1682">
                  <c:v>29437.166590000001</c:v>
                </c:pt>
                <c:pt idx="1683">
                  <c:v>29068.593519999999</c:v>
                </c:pt>
                <c:pt idx="1684">
                  <c:v>28992.097969999999</c:v>
                </c:pt>
                <c:pt idx="1685">
                  <c:v>28442.655549999999</c:v>
                </c:pt>
                <c:pt idx="1686">
                  <c:v>28191.32879</c:v>
                </c:pt>
                <c:pt idx="1687">
                  <c:v>28550.094410000002</c:v>
                </c:pt>
                <c:pt idx="1688">
                  <c:v>28273.673920000001</c:v>
                </c:pt>
                <c:pt idx="1689">
                  <c:v>28140.849549999999</c:v>
                </c:pt>
                <c:pt idx="1690">
                  <c:v>28397.460620000002</c:v>
                </c:pt>
                <c:pt idx="1691">
                  <c:v>28101.329369999999</c:v>
                </c:pt>
                <c:pt idx="1692">
                  <c:v>28741.534820000001</c:v>
                </c:pt>
                <c:pt idx="1693">
                  <c:v>28600.0893</c:v>
                </c:pt>
                <c:pt idx="1694">
                  <c:v>29243.84708</c:v>
                </c:pt>
                <c:pt idx="1695">
                  <c:v>28783.744009999999</c:v>
                </c:pt>
                <c:pt idx="1696">
                  <c:v>28207.938630000001</c:v>
                </c:pt>
                <c:pt idx="1697">
                  <c:v>28047.780409999999</c:v>
                </c:pt>
                <c:pt idx="1698">
                  <c:v>27809.117259999999</c:v>
                </c:pt>
                <c:pt idx="1699">
                  <c:v>27771.048460000002</c:v>
                </c:pt>
                <c:pt idx="1700">
                  <c:v>27226.23936</c:v>
                </c:pt>
                <c:pt idx="1701">
                  <c:v>26683.199980000001</c:v>
                </c:pt>
                <c:pt idx="1702">
                  <c:v>27167.264729999999</c:v>
                </c:pt>
                <c:pt idx="1703">
                  <c:v>26840.75648</c:v>
                </c:pt>
                <c:pt idx="1704">
                  <c:v>26919.61305</c:v>
                </c:pt>
                <c:pt idx="1705">
                  <c:v>27638.630529999999</c:v>
                </c:pt>
                <c:pt idx="1706">
                  <c:v>27239.474559999999</c:v>
                </c:pt>
                <c:pt idx="1707">
                  <c:v>27078.80314</c:v>
                </c:pt>
                <c:pt idx="1708">
                  <c:v>27106.816780000001</c:v>
                </c:pt>
                <c:pt idx="1709">
                  <c:v>27592.183550000002</c:v>
                </c:pt>
                <c:pt idx="1710">
                  <c:v>27037.95</c:v>
                </c:pt>
                <c:pt idx="1711">
                  <c:v>27457.824960000002</c:v>
                </c:pt>
                <c:pt idx="1712">
                  <c:v>27247.576679999998</c:v>
                </c:pt>
                <c:pt idx="1713">
                  <c:v>27480.404559999999</c:v>
                </c:pt>
                <c:pt idx="1714">
                  <c:v>27740.772649999999</c:v>
                </c:pt>
                <c:pt idx="1715">
                  <c:v>28039.36925</c:v>
                </c:pt>
                <c:pt idx="1716">
                  <c:v>28516.258600000001</c:v>
                </c:pt>
                <c:pt idx="1717">
                  <c:v>28674.717390000002</c:v>
                </c:pt>
                <c:pt idx="1718">
                  <c:v>28685.756860000001</c:v>
                </c:pt>
                <c:pt idx="1719">
                  <c:v>28497.117460000001</c:v>
                </c:pt>
                <c:pt idx="1720">
                  <c:v>28609.447</c:v>
                </c:pt>
                <c:pt idx="1721">
                  <c:v>28425.921979999999</c:v>
                </c:pt>
                <c:pt idx="1722">
                  <c:v>28961.836800000001</c:v>
                </c:pt>
                <c:pt idx="1723">
                  <c:v>29472.068360000001</c:v>
                </c:pt>
                <c:pt idx="1724">
                  <c:v>29745.689869999998</c:v>
                </c:pt>
                <c:pt idx="1725">
                  <c:v>29402.3959</c:v>
                </c:pt>
                <c:pt idx="1726">
                  <c:v>29674.238939999999</c:v>
                </c:pt>
                <c:pt idx="1727">
                  <c:v>29494.214629999999</c:v>
                </c:pt>
                <c:pt idx="1728">
                  <c:v>29819.999080000001</c:v>
                </c:pt>
                <c:pt idx="1729">
                  <c:v>30597.32014</c:v>
                </c:pt>
                <c:pt idx="1730">
                  <c:v>31093.43922</c:v>
                </c:pt>
                <c:pt idx="1731">
                  <c:v>30717.823830000001</c:v>
                </c:pt>
                <c:pt idx="1732">
                  <c:v>30502.629560000001</c:v>
                </c:pt>
                <c:pt idx="1733">
                  <c:v>29961.689969999999</c:v>
                </c:pt>
                <c:pt idx="1734">
                  <c:v>30213.71774</c:v>
                </c:pt>
                <c:pt idx="1735">
                  <c:v>30372.929840000001</c:v>
                </c:pt>
                <c:pt idx="1736">
                  <c:v>30199.091380000002</c:v>
                </c:pt>
                <c:pt idx="1737">
                  <c:v>30569.622350000001</c:v>
                </c:pt>
                <c:pt idx="1738">
                  <c:v>30358.338350000002</c:v>
                </c:pt>
                <c:pt idx="1739">
                  <c:v>30231.603660000001</c:v>
                </c:pt>
                <c:pt idx="1740">
                  <c:v>30488.778190000001</c:v>
                </c:pt>
                <c:pt idx="1741">
                  <c:v>30294.919870000002</c:v>
                </c:pt>
                <c:pt idx="1742">
                  <c:v>30319.215779999999</c:v>
                </c:pt>
                <c:pt idx="1743">
                  <c:v>30142.321329999999</c:v>
                </c:pt>
                <c:pt idx="1744">
                  <c:v>30414.38193</c:v>
                </c:pt>
                <c:pt idx="1745">
                  <c:v>30126.983909999999</c:v>
                </c:pt>
                <c:pt idx="1746">
                  <c:v>29997.036789999998</c:v>
                </c:pt>
                <c:pt idx="1747">
                  <c:v>30440.600750000001</c:v>
                </c:pt>
                <c:pt idx="1748">
                  <c:v>29848.935689999998</c:v>
                </c:pt>
                <c:pt idx="1749">
                  <c:v>30089.868709999999</c:v>
                </c:pt>
                <c:pt idx="1750">
                  <c:v>30357.726419999999</c:v>
                </c:pt>
                <c:pt idx="1751">
                  <c:v>29886.45537</c:v>
                </c:pt>
                <c:pt idx="1752">
                  <c:v>29928.994439999999</c:v>
                </c:pt>
                <c:pt idx="1753">
                  <c:v>29663.90093</c:v>
                </c:pt>
                <c:pt idx="1754">
                  <c:v>29626.179230000002</c:v>
                </c:pt>
                <c:pt idx="1755">
                  <c:v>29674.74668</c:v>
                </c:pt>
                <c:pt idx="1756">
                  <c:v>29715.46082</c:v>
                </c:pt>
                <c:pt idx="1757">
                  <c:v>29638.840840000001</c:v>
                </c:pt>
                <c:pt idx="1758">
                  <c:v>29477.82963</c:v>
                </c:pt>
                <c:pt idx="1759">
                  <c:v>29336.472549999999</c:v>
                </c:pt>
                <c:pt idx="1760">
                  <c:v>29307.83311</c:v>
                </c:pt>
                <c:pt idx="1761">
                  <c:v>28673.745180000002</c:v>
                </c:pt>
                <c:pt idx="1762">
                  <c:v>28439.949199999999</c:v>
                </c:pt>
                <c:pt idx="1763">
                  <c:v>28784.616249999999</c:v>
                </c:pt>
                <c:pt idx="1764">
                  <c:v>28732.584940000001</c:v>
                </c:pt>
                <c:pt idx="1765">
                  <c:v>28653.520059999999</c:v>
                </c:pt>
                <c:pt idx="1766">
                  <c:v>28977.424169999998</c:v>
                </c:pt>
                <c:pt idx="1767">
                  <c:v>29108.01352</c:v>
                </c:pt>
                <c:pt idx="1768">
                  <c:v>28739.447410000001</c:v>
                </c:pt>
                <c:pt idx="1769">
                  <c:v>28539.259419999998</c:v>
                </c:pt>
                <c:pt idx="1770">
                  <c:v>28456.276320000001</c:v>
                </c:pt>
                <c:pt idx="1771">
                  <c:v>29480.07562</c:v>
                </c:pt>
                <c:pt idx="1772">
                  <c:v>30019.28716</c:v>
                </c:pt>
                <c:pt idx="1773">
                  <c:v>29976.273529999999</c:v>
                </c:pt>
                <c:pt idx="1774">
                  <c:v>29904.882799999999</c:v>
                </c:pt>
                <c:pt idx="1775">
                  <c:v>29654.393690000001</c:v>
                </c:pt>
                <c:pt idx="1776">
                  <c:v>29186.195930000002</c:v>
                </c:pt>
                <c:pt idx="1777">
                  <c:v>29073.707999999999</c:v>
                </c:pt>
                <c:pt idx="1778">
                  <c:v>28718.958310000002</c:v>
                </c:pt>
                <c:pt idx="1779">
                  <c:v>28644.02259</c:v>
                </c:pt>
                <c:pt idx="1780">
                  <c:v>28402.155940000001</c:v>
                </c:pt>
                <c:pt idx="1781">
                  <c:v>28138.82646</c:v>
                </c:pt>
                <c:pt idx="1782">
                  <c:v>27694.175739999999</c:v>
                </c:pt>
                <c:pt idx="1783">
                  <c:v>27456.957470000001</c:v>
                </c:pt>
                <c:pt idx="1784">
                  <c:v>27289.19889</c:v>
                </c:pt>
                <c:pt idx="1785">
                  <c:v>27675.179270000001</c:v>
                </c:pt>
                <c:pt idx="1786">
                  <c:v>27866.664540000002</c:v>
                </c:pt>
                <c:pt idx="1787">
                  <c:v>27951.039069999999</c:v>
                </c:pt>
                <c:pt idx="1788">
                  <c:v>27707.265899999999</c:v>
                </c:pt>
                <c:pt idx="1789">
                  <c:v>27124.481889999999</c:v>
                </c:pt>
                <c:pt idx="1790">
                  <c:v>27447.877410000001</c:v>
                </c:pt>
                <c:pt idx="1791">
                  <c:v>27077.667450000001</c:v>
                </c:pt>
                <c:pt idx="1792">
                  <c:v>27646.947349999999</c:v>
                </c:pt>
                <c:pt idx="1793">
                  <c:v>27674.842329999999</c:v>
                </c:pt>
                <c:pt idx="1794">
                  <c:v>28137.506450000001</c:v>
                </c:pt>
                <c:pt idx="1795">
                  <c:v>28410.051390000001</c:v>
                </c:pt>
                <c:pt idx="1796">
                  <c:v>28103.74379</c:v>
                </c:pt>
                <c:pt idx="1797">
                  <c:v>27938.112359999999</c:v>
                </c:pt>
                <c:pt idx="1798">
                  <c:v>26746.441220000001</c:v>
                </c:pt>
                <c:pt idx="1799">
                  <c:v>27069.856169999999</c:v>
                </c:pt>
                <c:pt idx="1800">
                  <c:v>26393.47222</c:v>
                </c:pt>
                <c:pt idx="1801">
                  <c:v>26364.13276</c:v>
                </c:pt>
                <c:pt idx="1802">
                  <c:v>26883.809509999999</c:v>
                </c:pt>
                <c:pt idx="1803">
                  <c:v>26937.406609999998</c:v>
                </c:pt>
                <c:pt idx="1804">
                  <c:v>27173.358749999999</c:v>
                </c:pt>
                <c:pt idx="1805">
                  <c:v>27187.613969999999</c:v>
                </c:pt>
                <c:pt idx="1806">
                  <c:v>27368.082610000001</c:v>
                </c:pt>
                <c:pt idx="1807">
                  <c:v>27113.818309999999</c:v>
                </c:pt>
                <c:pt idx="1808">
                  <c:v>27372.456610000001</c:v>
                </c:pt>
                <c:pt idx="1809">
                  <c:v>27941.214960000001</c:v>
                </c:pt>
                <c:pt idx="1810">
                  <c:v>27519.240750000001</c:v>
                </c:pt>
                <c:pt idx="1811">
                  <c:v>27612.87789</c:v>
                </c:pt>
                <c:pt idx="1812">
                  <c:v>27530.485189999999</c:v>
                </c:pt>
                <c:pt idx="1813">
                  <c:v>28051.77216</c:v>
                </c:pt>
                <c:pt idx="1814">
                  <c:v>27889.84994</c:v>
                </c:pt>
                <c:pt idx="1815">
                  <c:v>27737.648140000001</c:v>
                </c:pt>
                <c:pt idx="1816">
                  <c:v>27220.449860000001</c:v>
                </c:pt>
                <c:pt idx="1817">
                  <c:v>27058.82591</c:v>
                </c:pt>
                <c:pt idx="1818">
                  <c:v>27216.379720000001</c:v>
                </c:pt>
                <c:pt idx="1819">
                  <c:v>27070.272059999999</c:v>
                </c:pt>
                <c:pt idx="1820">
                  <c:v>26925.878049999999</c:v>
                </c:pt>
                <c:pt idx="1821">
                  <c:v>27049.26424</c:v>
                </c:pt>
                <c:pt idx="1822">
                  <c:v>27370.040540000002</c:v>
                </c:pt>
                <c:pt idx="1823">
                  <c:v>27640.656470000002</c:v>
                </c:pt>
                <c:pt idx="1824">
                  <c:v>27580.288120000001</c:v>
                </c:pt>
                <c:pt idx="1825">
                  <c:v>27526.701249999998</c:v>
                </c:pt>
                <c:pt idx="1826">
                  <c:v>27469.665400000002</c:v>
                </c:pt>
                <c:pt idx="1827">
                  <c:v>27474.03</c:v>
                </c:pt>
                <c:pt idx="1828">
                  <c:v>27017.145629999999</c:v>
                </c:pt>
                <c:pt idx="1829">
                  <c:v>25947.326830000002</c:v>
                </c:pt>
                <c:pt idx="1830">
                  <c:v>25036.76858</c:v>
                </c:pt>
                <c:pt idx="1831">
                  <c:v>25258.397420000001</c:v>
                </c:pt>
                <c:pt idx="1832">
                  <c:v>25172.607499999998</c:v>
                </c:pt>
                <c:pt idx="1833">
                  <c:v>24750.90422</c:v>
                </c:pt>
                <c:pt idx="1834">
                  <c:v>24872.932049999999</c:v>
                </c:pt>
                <c:pt idx="1835">
                  <c:v>24193.208129999999</c:v>
                </c:pt>
                <c:pt idx="1836">
                  <c:v>23913.811659999999</c:v>
                </c:pt>
                <c:pt idx="1837">
                  <c:v>23240.686290000001</c:v>
                </c:pt>
                <c:pt idx="1838">
                  <c:v>22882.137500000001</c:v>
                </c:pt>
                <c:pt idx="1839">
                  <c:v>23562.764360000001</c:v>
                </c:pt>
                <c:pt idx="1840">
                  <c:v>23057.88262</c:v>
                </c:pt>
                <c:pt idx="1841">
                  <c:v>22722.018349999998</c:v>
                </c:pt>
                <c:pt idx="1842">
                  <c:v>22870.788499999999</c:v>
                </c:pt>
                <c:pt idx="1843">
                  <c:v>21996.536359999998</c:v>
                </c:pt>
                <c:pt idx="1844">
                  <c:v>21411.50621</c:v>
                </c:pt>
                <c:pt idx="1845">
                  <c:v>20816.65077</c:v>
                </c:pt>
                <c:pt idx="1846">
                  <c:v>20491.752820000002</c:v>
                </c:pt>
                <c:pt idx="1847">
                  <c:v>21181.191139999999</c:v>
                </c:pt>
                <c:pt idx="1848">
                  <c:v>21473.042839999998</c:v>
                </c:pt>
                <c:pt idx="1849">
                  <c:v>21782.248680000001</c:v>
                </c:pt>
                <c:pt idx="1850">
                  <c:v>21364.57429</c:v>
                </c:pt>
                <c:pt idx="1851">
                  <c:v>21290.89387</c:v>
                </c:pt>
                <c:pt idx="1852">
                  <c:v>20211.34563</c:v>
                </c:pt>
                <c:pt idx="1853">
                  <c:v>19894.016100000001</c:v>
                </c:pt>
                <c:pt idx="1854">
                  <c:v>20292.28455</c:v>
                </c:pt>
                <c:pt idx="1855">
                  <c:v>20002.870650000001</c:v>
                </c:pt>
                <c:pt idx="1856">
                  <c:v>19951.091049999999</c:v>
                </c:pt>
                <c:pt idx="1857">
                  <c:v>19972.52434</c:v>
                </c:pt>
                <c:pt idx="1858">
                  <c:v>20550.161639999998</c:v>
                </c:pt>
                <c:pt idx="1859">
                  <c:v>20081.696329999999</c:v>
                </c:pt>
                <c:pt idx="1860">
                  <c:v>20857.199530000002</c:v>
                </c:pt>
                <c:pt idx="1861">
                  <c:v>20853.038380000002</c:v>
                </c:pt>
                <c:pt idx="1862">
                  <c:v>21256.023239999999</c:v>
                </c:pt>
                <c:pt idx="1863">
                  <c:v>21409.21917</c:v>
                </c:pt>
                <c:pt idx="1864">
                  <c:v>21238.56551</c:v>
                </c:pt>
                <c:pt idx="1865">
                  <c:v>21787.965319999999</c:v>
                </c:pt>
                <c:pt idx="1866">
                  <c:v>22041.410220000002</c:v>
                </c:pt>
                <c:pt idx="1867">
                  <c:v>21508.261299999998</c:v>
                </c:pt>
                <c:pt idx="1868">
                  <c:v>21704.228780000001</c:v>
                </c:pt>
                <c:pt idx="1869">
                  <c:v>21957.548760000001</c:v>
                </c:pt>
                <c:pt idx="1870">
                  <c:v>21763.810420000002</c:v>
                </c:pt>
                <c:pt idx="1871">
                  <c:v>21343.023450000001</c:v>
                </c:pt>
                <c:pt idx="1872">
                  <c:v>21030.951929999999</c:v>
                </c:pt>
                <c:pt idx="1873">
                  <c:v>21365.557069999999</c:v>
                </c:pt>
                <c:pt idx="1874">
                  <c:v>21258.678650000002</c:v>
                </c:pt>
                <c:pt idx="1875">
                  <c:v>21024.586060000001</c:v>
                </c:pt>
                <c:pt idx="1876">
                  <c:v>20705.519609999999</c:v>
                </c:pt>
                <c:pt idx="1877">
                  <c:v>20680.255819999998</c:v>
                </c:pt>
                <c:pt idx="1878">
                  <c:v>21438.38247</c:v>
                </c:pt>
                <c:pt idx="1879">
                  <c:v>21953.912509999998</c:v>
                </c:pt>
                <c:pt idx="1880">
                  <c:v>22132.040410000001</c:v>
                </c:pt>
                <c:pt idx="1881">
                  <c:v>21960.138330000002</c:v>
                </c:pt>
                <c:pt idx="1882">
                  <c:v>22012.854930000001</c:v>
                </c:pt>
                <c:pt idx="1883">
                  <c:v>21769.655709999999</c:v>
                </c:pt>
                <c:pt idx="1884">
                  <c:v>21705.108970000001</c:v>
                </c:pt>
                <c:pt idx="1885">
                  <c:v>21426.70955</c:v>
                </c:pt>
                <c:pt idx="1886">
                  <c:v>21046.34532</c:v>
                </c:pt>
                <c:pt idx="1887">
                  <c:v>20760.821800000002</c:v>
                </c:pt>
                <c:pt idx="1888">
                  <c:v>21152.17092</c:v>
                </c:pt>
                <c:pt idx="1889">
                  <c:v>22038.02349</c:v>
                </c:pt>
                <c:pt idx="1890">
                  <c:v>21550.169910000001</c:v>
                </c:pt>
                <c:pt idx="1891">
                  <c:v>20914.179260000001</c:v>
                </c:pt>
                <c:pt idx="1892">
                  <c:v>21338.919880000001</c:v>
                </c:pt>
                <c:pt idx="1893">
                  <c:v>21157.821100000001</c:v>
                </c:pt>
                <c:pt idx="1894">
                  <c:v>21015.106309999999</c:v>
                </c:pt>
                <c:pt idx="1895">
                  <c:v>21899.09102</c:v>
                </c:pt>
                <c:pt idx="1896">
                  <c:v>21663.169819999999</c:v>
                </c:pt>
                <c:pt idx="1897">
                  <c:v>21972.281989999999</c:v>
                </c:pt>
                <c:pt idx="1898">
                  <c:v>22429.141589999999</c:v>
                </c:pt>
                <c:pt idx="1899">
                  <c:v>23401.87299</c:v>
                </c:pt>
                <c:pt idx="1900">
                  <c:v>23803.023679999998</c:v>
                </c:pt>
                <c:pt idx="1901">
                  <c:v>23601.517749999999</c:v>
                </c:pt>
                <c:pt idx="1902">
                  <c:v>23368.723139999998</c:v>
                </c:pt>
                <c:pt idx="1903">
                  <c:v>23381.32807</c:v>
                </c:pt>
                <c:pt idx="1904">
                  <c:v>23592.29564</c:v>
                </c:pt>
                <c:pt idx="1905">
                  <c:v>23699.528350000001</c:v>
                </c:pt>
                <c:pt idx="1906">
                  <c:v>24051.074670000002</c:v>
                </c:pt>
                <c:pt idx="1907">
                  <c:v>24880.694319999999</c:v>
                </c:pt>
                <c:pt idx="1908">
                  <c:v>24938.07603</c:v>
                </c:pt>
                <c:pt idx="1909">
                  <c:v>24531.908800000001</c:v>
                </c:pt>
                <c:pt idx="1910">
                  <c:v>24795.5946</c:v>
                </c:pt>
                <c:pt idx="1911">
                  <c:v>24829.418280000002</c:v>
                </c:pt>
                <c:pt idx="1912">
                  <c:v>24399.07791</c:v>
                </c:pt>
                <c:pt idx="1913">
                  <c:v>24039.229759999998</c:v>
                </c:pt>
                <c:pt idx="1914">
                  <c:v>23805.67107</c:v>
                </c:pt>
                <c:pt idx="1915">
                  <c:v>23512.215349999999</c:v>
                </c:pt>
                <c:pt idx="1916">
                  <c:v>23943.926579999999</c:v>
                </c:pt>
                <c:pt idx="1917">
                  <c:v>24089.361560000001</c:v>
                </c:pt>
                <c:pt idx="1918">
                  <c:v>23846.020069999999</c:v>
                </c:pt>
                <c:pt idx="1919">
                  <c:v>23990.6345</c:v>
                </c:pt>
                <c:pt idx="1920">
                  <c:v>23788.110530000002</c:v>
                </c:pt>
                <c:pt idx="1921">
                  <c:v>23764.33988</c:v>
                </c:pt>
                <c:pt idx="1922">
                  <c:v>23808.486669999998</c:v>
                </c:pt>
                <c:pt idx="1923">
                  <c:v>24336.061269999998</c:v>
                </c:pt>
                <c:pt idx="1924">
                  <c:v>24390.629679999998</c:v>
                </c:pt>
                <c:pt idx="1925">
                  <c:v>24780.696049999999</c:v>
                </c:pt>
                <c:pt idx="1926">
                  <c:v>25211.22553</c:v>
                </c:pt>
                <c:pt idx="1927">
                  <c:v>25918.24007</c:v>
                </c:pt>
                <c:pt idx="1928">
                  <c:v>25592.034060000002</c:v>
                </c:pt>
                <c:pt idx="1929">
                  <c:v>25596.700229999999</c:v>
                </c:pt>
                <c:pt idx="1930">
                  <c:v>25734.215820000001</c:v>
                </c:pt>
                <c:pt idx="1931">
                  <c:v>25965.957910000001</c:v>
                </c:pt>
                <c:pt idx="1932">
                  <c:v>25390.442520000001</c:v>
                </c:pt>
                <c:pt idx="1933">
                  <c:v>24954.366989999999</c:v>
                </c:pt>
                <c:pt idx="1934">
                  <c:v>24759.577740000001</c:v>
                </c:pt>
                <c:pt idx="1935">
                  <c:v>25217.899689999998</c:v>
                </c:pt>
                <c:pt idx="1936">
                  <c:v>25010.914769999999</c:v>
                </c:pt>
                <c:pt idx="1937">
                  <c:v>24813.4941</c:v>
                </c:pt>
                <c:pt idx="1938">
                  <c:v>24269.189139999999</c:v>
                </c:pt>
                <c:pt idx="1939">
                  <c:v>23935.67236</c:v>
                </c:pt>
                <c:pt idx="1940">
                  <c:v>24254.554390000001</c:v>
                </c:pt>
                <c:pt idx="1941">
                  <c:v>23583.56767</c:v>
                </c:pt>
                <c:pt idx="1942">
                  <c:v>23374.31655</c:v>
                </c:pt>
                <c:pt idx="1943">
                  <c:v>22881.036469999999</c:v>
                </c:pt>
                <c:pt idx="1944">
                  <c:v>22564.82806</c:v>
                </c:pt>
                <c:pt idx="1945">
                  <c:v>22536.02463</c:v>
                </c:pt>
                <c:pt idx="1946">
                  <c:v>22194.562409999999</c:v>
                </c:pt>
                <c:pt idx="1947">
                  <c:v>22385.68878</c:v>
                </c:pt>
                <c:pt idx="1948">
                  <c:v>23039.48343</c:v>
                </c:pt>
                <c:pt idx="1949">
                  <c:v>23947.014309999999</c:v>
                </c:pt>
                <c:pt idx="1950">
                  <c:v>23374.872230000001</c:v>
                </c:pt>
                <c:pt idx="1951">
                  <c:v>22851.203320000001</c:v>
                </c:pt>
                <c:pt idx="1952">
                  <c:v>23065.14863</c:v>
                </c:pt>
                <c:pt idx="1953">
                  <c:v>22898.4892</c:v>
                </c:pt>
                <c:pt idx="1954">
                  <c:v>22410.11897</c:v>
                </c:pt>
                <c:pt idx="1955">
                  <c:v>22433.260200000001</c:v>
                </c:pt>
                <c:pt idx="1956">
                  <c:v>22270.974279999999</c:v>
                </c:pt>
                <c:pt idx="1957">
                  <c:v>22485.107</c:v>
                </c:pt>
                <c:pt idx="1958">
                  <c:v>21741.566030000002</c:v>
                </c:pt>
                <c:pt idx="1959">
                  <c:v>21189.718710000001</c:v>
                </c:pt>
                <c:pt idx="1960">
                  <c:v>21107.939920000001</c:v>
                </c:pt>
                <c:pt idx="1961">
                  <c:v>21511.978009999999</c:v>
                </c:pt>
                <c:pt idx="1962">
                  <c:v>21881.397430000001</c:v>
                </c:pt>
                <c:pt idx="1963">
                  <c:v>22058.79667</c:v>
                </c:pt>
                <c:pt idx="1964">
                  <c:v>22076.81163</c:v>
                </c:pt>
                <c:pt idx="1965">
                  <c:v>21431.379270000001</c:v>
                </c:pt>
                <c:pt idx="1966">
                  <c:v>21375.64371</c:v>
                </c:pt>
                <c:pt idx="1967">
                  <c:v>21433.35889</c:v>
                </c:pt>
                <c:pt idx="1968">
                  <c:v>21602.410039999999</c:v>
                </c:pt>
                <c:pt idx="1969">
                  <c:v>21573.930380000002</c:v>
                </c:pt>
                <c:pt idx="1970">
                  <c:v>21577.872950000001</c:v>
                </c:pt>
                <c:pt idx="1971">
                  <c:v>21967.932980000001</c:v>
                </c:pt>
                <c:pt idx="1972">
                  <c:v>21525.605889999999</c:v>
                </c:pt>
                <c:pt idx="1973">
                  <c:v>21689.374759999999</c:v>
                </c:pt>
                <c:pt idx="1974">
                  <c:v>21737.899140000001</c:v>
                </c:pt>
                <c:pt idx="1975">
                  <c:v>21871.398730000001</c:v>
                </c:pt>
                <c:pt idx="1976">
                  <c:v>21820.444869999999</c:v>
                </c:pt>
                <c:pt idx="1977">
                  <c:v>21036.878400000001</c:v>
                </c:pt>
                <c:pt idx="1978">
                  <c:v>21416.126810000002</c:v>
                </c:pt>
                <c:pt idx="1979">
                  <c:v>21446.323260000001</c:v>
                </c:pt>
                <c:pt idx="1980">
                  <c:v>21265.030360000001</c:v>
                </c:pt>
                <c:pt idx="1981">
                  <c:v>21167.974149999998</c:v>
                </c:pt>
                <c:pt idx="1982">
                  <c:v>20591.88364</c:v>
                </c:pt>
                <c:pt idx="1983">
                  <c:v>20997.316739999998</c:v>
                </c:pt>
                <c:pt idx="1984">
                  <c:v>20955.144120000001</c:v>
                </c:pt>
                <c:pt idx="1985">
                  <c:v>21125.08567</c:v>
                </c:pt>
                <c:pt idx="1986">
                  <c:v>21335.052640000002</c:v>
                </c:pt>
                <c:pt idx="1987">
                  <c:v>21029.232080000002</c:v>
                </c:pt>
                <c:pt idx="1988">
                  <c:v>20933.795600000001</c:v>
                </c:pt>
                <c:pt idx="1989">
                  <c:v>20822.678749999999</c:v>
                </c:pt>
                <c:pt idx="1990">
                  <c:v>20533.002120000001</c:v>
                </c:pt>
                <c:pt idx="1991">
                  <c:v>20781.376779999999</c:v>
                </c:pt>
                <c:pt idx="1992">
                  <c:v>20173.105930000002</c:v>
                </c:pt>
                <c:pt idx="1993">
                  <c:v>19892.344369999999</c:v>
                </c:pt>
                <c:pt idx="1994">
                  <c:v>19707.10628</c:v>
                </c:pt>
                <c:pt idx="1995">
                  <c:v>19716.022949999999</c:v>
                </c:pt>
                <c:pt idx="1996">
                  <c:v>19529.70361</c:v>
                </c:pt>
                <c:pt idx="1997">
                  <c:v>19585.549190000002</c:v>
                </c:pt>
                <c:pt idx="1998">
                  <c:v>19726.289130000001</c:v>
                </c:pt>
                <c:pt idx="1999">
                  <c:v>18968.891609999999</c:v>
                </c:pt>
                <c:pt idx="2000">
                  <c:v>19489.6538</c:v>
                </c:pt>
                <c:pt idx="2001">
                  <c:v>19417.120869999999</c:v>
                </c:pt>
                <c:pt idx="2002">
                  <c:v>20018.488649999999</c:v>
                </c:pt>
                <c:pt idx="2003">
                  <c:v>20183.72725</c:v>
                </c:pt>
                <c:pt idx="2004">
                  <c:v>19881.165229999999</c:v>
                </c:pt>
                <c:pt idx="2005">
                  <c:v>20159.230060000002</c:v>
                </c:pt>
                <c:pt idx="2006">
                  <c:v>19896.381379999999</c:v>
                </c:pt>
                <c:pt idx="2007">
                  <c:v>19892.173460000002</c:v>
                </c:pt>
                <c:pt idx="2008">
                  <c:v>20203.33195</c:v>
                </c:pt>
                <c:pt idx="2009">
                  <c:v>19948.145960000002</c:v>
                </c:pt>
                <c:pt idx="2010">
                  <c:v>19501.072039999999</c:v>
                </c:pt>
                <c:pt idx="2011">
                  <c:v>19678.97668</c:v>
                </c:pt>
                <c:pt idx="2012">
                  <c:v>19957.21012</c:v>
                </c:pt>
                <c:pt idx="2013">
                  <c:v>20149.799370000001</c:v>
                </c:pt>
                <c:pt idx="2014">
                  <c:v>20283.971750000001</c:v>
                </c:pt>
                <c:pt idx="2015">
                  <c:v>20014.528139999999</c:v>
                </c:pt>
                <c:pt idx="2016">
                  <c:v>19804.169539999999</c:v>
                </c:pt>
                <c:pt idx="2017">
                  <c:v>20491.886190000001</c:v>
                </c:pt>
                <c:pt idx="2018">
                  <c:v>20177.548599999998</c:v>
                </c:pt>
                <c:pt idx="2019">
                  <c:v>20039.141469999999</c:v>
                </c:pt>
                <c:pt idx="2020">
                  <c:v>20324.167659999999</c:v>
                </c:pt>
                <c:pt idx="2021">
                  <c:v>19721.96789</c:v>
                </c:pt>
                <c:pt idx="2022">
                  <c:v>19415.486629999999</c:v>
                </c:pt>
                <c:pt idx="2023">
                  <c:v>19375.71385</c:v>
                </c:pt>
                <c:pt idx="2024">
                  <c:v>19391.885249999999</c:v>
                </c:pt>
                <c:pt idx="2025">
                  <c:v>19241.1839</c:v>
                </c:pt>
                <c:pt idx="2026">
                  <c:v>19033.08365</c:v>
                </c:pt>
                <c:pt idx="2027">
                  <c:v>19229.34013</c:v>
                </c:pt>
                <c:pt idx="2028">
                  <c:v>19720.104660000001</c:v>
                </c:pt>
                <c:pt idx="2029">
                  <c:v>20016.002789999999</c:v>
                </c:pt>
                <c:pt idx="2030">
                  <c:v>20331.332460000001</c:v>
                </c:pt>
                <c:pt idx="2031">
                  <c:v>20401.714339999999</c:v>
                </c:pt>
                <c:pt idx="2032">
                  <c:v>20691.2791</c:v>
                </c:pt>
                <c:pt idx="2033">
                  <c:v>20926.96027</c:v>
                </c:pt>
                <c:pt idx="2034">
                  <c:v>20747.268209999998</c:v>
                </c:pt>
                <c:pt idx="2035">
                  <c:v>21865.052879999999</c:v>
                </c:pt>
                <c:pt idx="2036">
                  <c:v>21998.876639999999</c:v>
                </c:pt>
                <c:pt idx="2037">
                  <c:v>22326.257420000002</c:v>
                </c:pt>
                <c:pt idx="2038">
                  <c:v>22224.84244</c:v>
                </c:pt>
                <c:pt idx="2039">
                  <c:v>22757.747490000002</c:v>
                </c:pt>
                <c:pt idx="2040">
                  <c:v>22564.285189999999</c:v>
                </c:pt>
                <c:pt idx="2041">
                  <c:v>22737.372589999999</c:v>
                </c:pt>
                <c:pt idx="2042">
                  <c:v>23455.33426</c:v>
                </c:pt>
                <c:pt idx="2043">
                  <c:v>23463.493139999999</c:v>
                </c:pt>
                <c:pt idx="2044">
                  <c:v>23114.793369999999</c:v>
                </c:pt>
                <c:pt idx="2045">
                  <c:v>23340.552609999999</c:v>
                </c:pt>
                <c:pt idx="2046">
                  <c:v>23458.746749999998</c:v>
                </c:pt>
                <c:pt idx="2047">
                  <c:v>23348.968570000001</c:v>
                </c:pt>
                <c:pt idx="2048">
                  <c:v>22536.33713</c:v>
                </c:pt>
                <c:pt idx="2049">
                  <c:v>22893.162810000002</c:v>
                </c:pt>
                <c:pt idx="2050">
                  <c:v>23134.090189999999</c:v>
                </c:pt>
                <c:pt idx="2051">
                  <c:v>23166.722839999999</c:v>
                </c:pt>
                <c:pt idx="2052">
                  <c:v>23120.238229999999</c:v>
                </c:pt>
                <c:pt idx="2053">
                  <c:v>23304.452099999999</c:v>
                </c:pt>
                <c:pt idx="2054">
                  <c:v>22983.07618</c:v>
                </c:pt>
                <c:pt idx="2055">
                  <c:v>23021.361870000001</c:v>
                </c:pt>
                <c:pt idx="2056">
                  <c:v>23283.601050000001</c:v>
                </c:pt>
                <c:pt idx="2057">
                  <c:v>23071.319380000001</c:v>
                </c:pt>
                <c:pt idx="2058">
                  <c:v>23886.523280000001</c:v>
                </c:pt>
                <c:pt idx="2059">
                  <c:v>23875.886480000001</c:v>
                </c:pt>
                <c:pt idx="2060">
                  <c:v>24171.755249999998</c:v>
                </c:pt>
                <c:pt idx="2061">
                  <c:v>24275.908670000001</c:v>
                </c:pt>
                <c:pt idx="2062">
                  <c:v>24232.228579999999</c:v>
                </c:pt>
                <c:pt idx="2063">
                  <c:v>23915.84015</c:v>
                </c:pt>
                <c:pt idx="2064">
                  <c:v>24355.83222</c:v>
                </c:pt>
                <c:pt idx="2065">
                  <c:v>24389.20551</c:v>
                </c:pt>
                <c:pt idx="2066">
                  <c:v>24640.01225</c:v>
                </c:pt>
                <c:pt idx="2067">
                  <c:v>24239.598099999999</c:v>
                </c:pt>
                <c:pt idx="2068">
                  <c:v>24403.545419999999</c:v>
                </c:pt>
                <c:pt idx="2069">
                  <c:v>24205.19987</c:v>
                </c:pt>
                <c:pt idx="2070">
                  <c:v>23651.231370000001</c:v>
                </c:pt>
                <c:pt idx="2071">
                  <c:v>23600.077359999999</c:v>
                </c:pt>
                <c:pt idx="2072">
                  <c:v>23830.59648</c:v>
                </c:pt>
                <c:pt idx="2073">
                  <c:v>23683.187129999998</c:v>
                </c:pt>
                <c:pt idx="2074">
                  <c:v>23851.173849999999</c:v>
                </c:pt>
                <c:pt idx="2075">
                  <c:v>23287.797050000001</c:v>
                </c:pt>
                <c:pt idx="2076">
                  <c:v>23525.093850000001</c:v>
                </c:pt>
                <c:pt idx="2077">
                  <c:v>23537.595689999998</c:v>
                </c:pt>
                <c:pt idx="2078">
                  <c:v>22878.790799999999</c:v>
                </c:pt>
                <c:pt idx="2079">
                  <c:v>22739.855520000001</c:v>
                </c:pt>
                <c:pt idx="2080">
                  <c:v>22881.433099999998</c:v>
                </c:pt>
                <c:pt idx="2081">
                  <c:v>22713.838960000001</c:v>
                </c:pt>
                <c:pt idx="2082">
                  <c:v>22738.164970000002</c:v>
                </c:pt>
                <c:pt idx="2083">
                  <c:v>23628.490160000001</c:v>
                </c:pt>
                <c:pt idx="2084">
                  <c:v>24353.028859999999</c:v>
                </c:pt>
                <c:pt idx="2085">
                  <c:v>24526.946</c:v>
                </c:pt>
                <c:pt idx="2086">
                  <c:v>24724.02808</c:v>
                </c:pt>
                <c:pt idx="2087">
                  <c:v>24590.201290000001</c:v>
                </c:pt>
                <c:pt idx="2088">
                  <c:v>24461.357970000001</c:v>
                </c:pt>
                <c:pt idx="2089">
                  <c:v>24009.528320000001</c:v>
                </c:pt>
                <c:pt idx="2090">
                  <c:v>24512.672760000001</c:v>
                </c:pt>
                <c:pt idx="2091">
                  <c:v>24428.03745</c:v>
                </c:pt>
                <c:pt idx="2092">
                  <c:v>24432.148349999999</c:v>
                </c:pt>
                <c:pt idx="2093">
                  <c:v>24434.292710000002</c:v>
                </c:pt>
                <c:pt idx="2094">
                  <c:v>24196.439419999999</c:v>
                </c:pt>
                <c:pt idx="2095">
                  <c:v>24243.011190000001</c:v>
                </c:pt>
                <c:pt idx="2096">
                  <c:v>24155.821479999999</c:v>
                </c:pt>
                <c:pt idx="2097">
                  <c:v>24063.461759999998</c:v>
                </c:pt>
                <c:pt idx="2098">
                  <c:v>24138.137030000002</c:v>
                </c:pt>
                <c:pt idx="2099">
                  <c:v>23913.768319999999</c:v>
                </c:pt>
                <c:pt idx="2100">
                  <c:v>24324.805</c:v>
                </c:pt>
                <c:pt idx="2101">
                  <c:v>24436.462380000001</c:v>
                </c:pt>
                <c:pt idx="2102">
                  <c:v>24204.529480000001</c:v>
                </c:pt>
                <c:pt idx="2103">
                  <c:v>24212.121419999999</c:v>
                </c:pt>
                <c:pt idx="2104">
                  <c:v>24581.363410000002</c:v>
                </c:pt>
                <c:pt idx="2105">
                  <c:v>24669.45681</c:v>
                </c:pt>
                <c:pt idx="2106">
                  <c:v>25192.742129999999</c:v>
                </c:pt>
                <c:pt idx="2107">
                  <c:v>25172.517260000001</c:v>
                </c:pt>
                <c:pt idx="2108">
                  <c:v>25033.63408</c:v>
                </c:pt>
                <c:pt idx="2109">
                  <c:v>24823.768240000001</c:v>
                </c:pt>
                <c:pt idx="2110">
                  <c:v>25505.703229999999</c:v>
                </c:pt>
                <c:pt idx="2111">
                  <c:v>25944.864440000001</c:v>
                </c:pt>
                <c:pt idx="2112">
                  <c:v>26219.000820000001</c:v>
                </c:pt>
                <c:pt idx="2113">
                  <c:v>25842.729619999998</c:v>
                </c:pt>
                <c:pt idx="2114">
                  <c:v>26133.675289999999</c:v>
                </c:pt>
                <c:pt idx="2115">
                  <c:v>25970.660309999999</c:v>
                </c:pt>
                <c:pt idx="2116">
                  <c:v>25869.039479999999</c:v>
                </c:pt>
                <c:pt idx="2117">
                  <c:v>25634.50706</c:v>
                </c:pt>
                <c:pt idx="2118">
                  <c:v>25188.41891</c:v>
                </c:pt>
                <c:pt idx="2119">
                  <c:v>24600.956249999999</c:v>
                </c:pt>
                <c:pt idx="2120">
                  <c:v>24665.933249999998</c:v>
                </c:pt>
                <c:pt idx="2121">
                  <c:v>25008.31668</c:v>
                </c:pt>
                <c:pt idx="2122">
                  <c:v>24693.366239999999</c:v>
                </c:pt>
                <c:pt idx="2123">
                  <c:v>24809.899720000001</c:v>
                </c:pt>
                <c:pt idx="2124">
                  <c:v>24546.985909999999</c:v>
                </c:pt>
                <c:pt idx="2125">
                  <c:v>24192.647110000002</c:v>
                </c:pt>
                <c:pt idx="2126">
                  <c:v>24906.87211</c:v>
                </c:pt>
                <c:pt idx="2127">
                  <c:v>24804.36822</c:v>
                </c:pt>
                <c:pt idx="2128">
                  <c:v>24439.887159999998</c:v>
                </c:pt>
                <c:pt idx="2129">
                  <c:v>24567.456559999999</c:v>
                </c:pt>
                <c:pt idx="2130">
                  <c:v>25099.646809999998</c:v>
                </c:pt>
                <c:pt idx="2131">
                  <c:v>25463.711019999999</c:v>
                </c:pt>
                <c:pt idx="2132">
                  <c:v>25899.188699999999</c:v>
                </c:pt>
                <c:pt idx="2133">
                  <c:v>26137.90209</c:v>
                </c:pt>
                <c:pt idx="2134">
                  <c:v>26150.143789999998</c:v>
                </c:pt>
                <c:pt idx="2135">
                  <c:v>25594.794180000001</c:v>
                </c:pt>
                <c:pt idx="2136">
                  <c:v>26125.157169999999</c:v>
                </c:pt>
                <c:pt idx="2137">
                  <c:v>26350.739689999999</c:v>
                </c:pt>
                <c:pt idx="2138">
                  <c:v>26995.55776</c:v>
                </c:pt>
                <c:pt idx="2139">
                  <c:v>26792.37041</c:v>
                </c:pt>
                <c:pt idx="2140">
                  <c:v>27392.575509999999</c:v>
                </c:pt>
                <c:pt idx="2141">
                  <c:v>27324.485830000001</c:v>
                </c:pt>
                <c:pt idx="2142">
                  <c:v>27543.601149999999</c:v>
                </c:pt>
                <c:pt idx="2143">
                  <c:v>27718.42712</c:v>
                </c:pt>
                <c:pt idx="2144">
                  <c:v>27142.865849999998</c:v>
                </c:pt>
                <c:pt idx="2145">
                  <c:v>27076.873189999998</c:v>
                </c:pt>
                <c:pt idx="2146">
                  <c:v>26193.800340000002</c:v>
                </c:pt>
                <c:pt idx="2147">
                  <c:v>25720.571550000001</c:v>
                </c:pt>
                <c:pt idx="2148">
                  <c:v>25346.74453</c:v>
                </c:pt>
                <c:pt idx="2149">
                  <c:v>25537.247879999999</c:v>
                </c:pt>
                <c:pt idx="2150">
                  <c:v>24461.932199999999</c:v>
                </c:pt>
                <c:pt idx="2151">
                  <c:v>24677.949809999998</c:v>
                </c:pt>
                <c:pt idx="2152">
                  <c:v>25420.19356</c:v>
                </c:pt>
                <c:pt idx="2153">
                  <c:v>25202.827519999999</c:v>
                </c:pt>
                <c:pt idx="2154">
                  <c:v>24745.434720000001</c:v>
                </c:pt>
                <c:pt idx="2155">
                  <c:v>24311.610960000002</c:v>
                </c:pt>
                <c:pt idx="2156">
                  <c:v>23758.35642</c:v>
                </c:pt>
                <c:pt idx="2157">
                  <c:v>23491.00503</c:v>
                </c:pt>
                <c:pt idx="2158">
                  <c:v>23664.024430000001</c:v>
                </c:pt>
                <c:pt idx="2159">
                  <c:v>23112.409909999998</c:v>
                </c:pt>
                <c:pt idx="2160">
                  <c:v>23630.73763</c:v>
                </c:pt>
                <c:pt idx="2161">
                  <c:v>22331.610140000001</c:v>
                </c:pt>
                <c:pt idx="2162">
                  <c:v>22053.94918</c:v>
                </c:pt>
                <c:pt idx="2163">
                  <c:v>21250.474269999999</c:v>
                </c:pt>
                <c:pt idx="2164">
                  <c:v>21546.185560000002</c:v>
                </c:pt>
                <c:pt idx="2165">
                  <c:v>22057.57128</c:v>
                </c:pt>
                <c:pt idx="2166">
                  <c:v>23644.60111</c:v>
                </c:pt>
                <c:pt idx="2167">
                  <c:v>23926.818630000002</c:v>
                </c:pt>
                <c:pt idx="2168">
                  <c:v>23608.126319999999</c:v>
                </c:pt>
                <c:pt idx="2169">
                  <c:v>23978.365890000001</c:v>
                </c:pt>
                <c:pt idx="2170">
                  <c:v>22977.56309</c:v>
                </c:pt>
                <c:pt idx="2171">
                  <c:v>24291.265869999999</c:v>
                </c:pt>
                <c:pt idx="2172">
                  <c:v>24207.402539999999</c:v>
                </c:pt>
                <c:pt idx="2173">
                  <c:v>22866.621650000001</c:v>
                </c:pt>
                <c:pt idx="2174">
                  <c:v>22049.187089999999</c:v>
                </c:pt>
                <c:pt idx="2175">
                  <c:v>22811.4414</c:v>
                </c:pt>
                <c:pt idx="2176">
                  <c:v>22078.703119999998</c:v>
                </c:pt>
                <c:pt idx="2177">
                  <c:v>21170.278869999998</c:v>
                </c:pt>
                <c:pt idx="2178">
                  <c:v>21100.298419999999</c:v>
                </c:pt>
                <c:pt idx="2179">
                  <c:v>20208.512350000001</c:v>
                </c:pt>
                <c:pt idx="2180">
                  <c:v>21015.022860000001</c:v>
                </c:pt>
                <c:pt idx="2181">
                  <c:v>20032.390670000001</c:v>
                </c:pt>
                <c:pt idx="2182">
                  <c:v>21105.925319999998</c:v>
                </c:pt>
                <c:pt idx="2183">
                  <c:v>20861.15006</c:v>
                </c:pt>
                <c:pt idx="2184">
                  <c:v>21746.30329</c:v>
                </c:pt>
                <c:pt idx="2185">
                  <c:v>22139.250889999999</c:v>
                </c:pt>
                <c:pt idx="2186">
                  <c:v>21578.88438</c:v>
                </c:pt>
                <c:pt idx="2187">
                  <c:v>21672.81309</c:v>
                </c:pt>
                <c:pt idx="2188">
                  <c:v>21369.954580000001</c:v>
                </c:pt>
                <c:pt idx="2189">
                  <c:v>20632.27447</c:v>
                </c:pt>
                <c:pt idx="2190">
                  <c:v>20727.830959999999</c:v>
                </c:pt>
                <c:pt idx="2191">
                  <c:v>20693.66101</c:v>
                </c:pt>
                <c:pt idx="2192">
                  <c:v>20461.793529999999</c:v>
                </c:pt>
                <c:pt idx="2193">
                  <c:v>20697.304619999999</c:v>
                </c:pt>
                <c:pt idx="2194">
                  <c:v>19979.202789999999</c:v>
                </c:pt>
                <c:pt idx="2195">
                  <c:v>19921.655549999999</c:v>
                </c:pt>
                <c:pt idx="2196">
                  <c:v>19684.699199999999</c:v>
                </c:pt>
                <c:pt idx="2197">
                  <c:v>20096.44846</c:v>
                </c:pt>
                <c:pt idx="2198">
                  <c:v>20706.788919999999</c:v>
                </c:pt>
                <c:pt idx="2199">
                  <c:v>22267.942139999999</c:v>
                </c:pt>
                <c:pt idx="2200">
                  <c:v>21748.669379999999</c:v>
                </c:pt>
                <c:pt idx="2201">
                  <c:v>21867.44672</c:v>
                </c:pt>
                <c:pt idx="2202">
                  <c:v>22036.74309</c:v>
                </c:pt>
                <c:pt idx="2203">
                  <c:v>21768.366740000001</c:v>
                </c:pt>
                <c:pt idx="2204">
                  <c:v>21266.078580000001</c:v>
                </c:pt>
                <c:pt idx="2205">
                  <c:v>20460.500240000001</c:v>
                </c:pt>
                <c:pt idx="2206">
                  <c:v>20043.677179999999</c:v>
                </c:pt>
                <c:pt idx="2207">
                  <c:v>20490.514800000001</c:v>
                </c:pt>
                <c:pt idx="2208">
                  <c:v>19885.10986</c:v>
                </c:pt>
                <c:pt idx="2209">
                  <c:v>20073.700099999998</c:v>
                </c:pt>
                <c:pt idx="2210">
                  <c:v>19239.98098</c:v>
                </c:pt>
                <c:pt idx="2211">
                  <c:v>19346.104739999999</c:v>
                </c:pt>
                <c:pt idx="2212">
                  <c:v>18973.760480000001</c:v>
                </c:pt>
                <c:pt idx="2213">
                  <c:v>18865.610530000002</c:v>
                </c:pt>
                <c:pt idx="2214">
                  <c:v>18031.62184</c:v>
                </c:pt>
                <c:pt idx="2215">
                  <c:v>17492.068340000002</c:v>
                </c:pt>
                <c:pt idx="2216">
                  <c:v>17182.364119999998</c:v>
                </c:pt>
                <c:pt idx="2217">
                  <c:v>18043.425670000001</c:v>
                </c:pt>
                <c:pt idx="2218">
                  <c:v>18268.55242</c:v>
                </c:pt>
                <c:pt idx="2219">
                  <c:v>18670.695479999998</c:v>
                </c:pt>
                <c:pt idx="2220">
                  <c:v>18842.428339999999</c:v>
                </c:pt>
                <c:pt idx="2221">
                  <c:v>18811.151669999999</c:v>
                </c:pt>
                <c:pt idx="2222">
                  <c:v>18715.570810000001</c:v>
                </c:pt>
                <c:pt idx="2223">
                  <c:v>18715.577369999999</c:v>
                </c:pt>
                <c:pt idx="2224">
                  <c:v>18887.113389999999</c:v>
                </c:pt>
                <c:pt idx="2225">
                  <c:v>18016.19889</c:v>
                </c:pt>
                <c:pt idx="2226">
                  <c:v>17422.659889999999</c:v>
                </c:pt>
                <c:pt idx="2227">
                  <c:v>17787.342280000001</c:v>
                </c:pt>
                <c:pt idx="2228">
                  <c:v>18356.99021</c:v>
                </c:pt>
                <c:pt idx="2229">
                  <c:v>18703.2546</c:v>
                </c:pt>
                <c:pt idx="2230">
                  <c:v>18500.094700000001</c:v>
                </c:pt>
                <c:pt idx="2231">
                  <c:v>18084.048930000001</c:v>
                </c:pt>
                <c:pt idx="2232">
                  <c:v>18252.221369999999</c:v>
                </c:pt>
                <c:pt idx="2233">
                  <c:v>18218.128369999999</c:v>
                </c:pt>
                <c:pt idx="2234">
                  <c:v>18231.146270000001</c:v>
                </c:pt>
                <c:pt idx="2235">
                  <c:v>18704.311799999999</c:v>
                </c:pt>
                <c:pt idx="2236">
                  <c:v>18077.1459</c:v>
                </c:pt>
                <c:pt idx="2237">
                  <c:v>18298.677619999999</c:v>
                </c:pt>
                <c:pt idx="2238">
                  <c:v>18864.85959</c:v>
                </c:pt>
                <c:pt idx="2239">
                  <c:v>19237.62543</c:v>
                </c:pt>
                <c:pt idx="2240">
                  <c:v>18885.39155</c:v>
                </c:pt>
                <c:pt idx="2241">
                  <c:v>18764.843649999999</c:v>
                </c:pt>
                <c:pt idx="2242">
                  <c:v>18859.39472</c:v>
                </c:pt>
                <c:pt idx="2243">
                  <c:v>18498.444350000002</c:v>
                </c:pt>
                <c:pt idx="2244">
                  <c:v>18282.196459999999</c:v>
                </c:pt>
                <c:pt idx="2245">
                  <c:v>17476.129679999998</c:v>
                </c:pt>
                <c:pt idx="2246">
                  <c:v>17596.281569999999</c:v>
                </c:pt>
                <c:pt idx="2247">
                  <c:v>18080.44759</c:v>
                </c:pt>
                <c:pt idx="2248">
                  <c:v>17951.80816</c:v>
                </c:pt>
                <c:pt idx="2249">
                  <c:v>17983.654729999998</c:v>
                </c:pt>
                <c:pt idx="2250">
                  <c:v>17592.30918</c:v>
                </c:pt>
                <c:pt idx="2251">
                  <c:v>17769.269950000002</c:v>
                </c:pt>
                <c:pt idx="2252">
                  <c:v>17186.990699999998</c:v>
                </c:pt>
                <c:pt idx="2253">
                  <c:v>16758.032329999998</c:v>
                </c:pt>
                <c:pt idx="2254">
                  <c:v>17533.705750000001</c:v>
                </c:pt>
                <c:pt idx="2255">
                  <c:v>17868.558779999999</c:v>
                </c:pt>
                <c:pt idx="2256">
                  <c:v>18051.379669999998</c:v>
                </c:pt>
                <c:pt idx="2257">
                  <c:v>17891.810399999998</c:v>
                </c:pt>
                <c:pt idx="2258">
                  <c:v>17810.03832</c:v>
                </c:pt>
                <c:pt idx="2259">
                  <c:v>17850.403999999999</c:v>
                </c:pt>
                <c:pt idx="2260">
                  <c:v>18308.746650000001</c:v>
                </c:pt>
                <c:pt idx="2261">
                  <c:v>18006.192920000001</c:v>
                </c:pt>
                <c:pt idx="2262">
                  <c:v>17992.400949999999</c:v>
                </c:pt>
                <c:pt idx="2263">
                  <c:v>18074.596119999998</c:v>
                </c:pt>
                <c:pt idx="2264">
                  <c:v>17644.490460000001</c:v>
                </c:pt>
                <c:pt idx="2265">
                  <c:v>17667.310020000001</c:v>
                </c:pt>
                <c:pt idx="2266">
                  <c:v>16946.392250000001</c:v>
                </c:pt>
                <c:pt idx="2267">
                  <c:v>16768.277819999999</c:v>
                </c:pt>
                <c:pt idx="2268">
                  <c:v>16389.425289999999</c:v>
                </c:pt>
                <c:pt idx="2269">
                  <c:v>15784.39301</c:v>
                </c:pt>
                <c:pt idx="2270">
                  <c:v>15612.76298</c:v>
                </c:pt>
                <c:pt idx="2271">
                  <c:v>15670.84662</c:v>
                </c:pt>
                <c:pt idx="2272">
                  <c:v>15472.397580000001</c:v>
                </c:pt>
                <c:pt idx="2273">
                  <c:v>14947.49735</c:v>
                </c:pt>
                <c:pt idx="2274">
                  <c:v>15144.384110000001</c:v>
                </c:pt>
                <c:pt idx="2275">
                  <c:v>15345.33282</c:v>
                </c:pt>
                <c:pt idx="2276">
                  <c:v>15773.6458</c:v>
                </c:pt>
                <c:pt idx="2277">
                  <c:v>15415.239079999999</c:v>
                </c:pt>
                <c:pt idx="2278">
                  <c:v>16149.220960000001</c:v>
                </c:pt>
                <c:pt idx="2279">
                  <c:v>16440.254939999999</c:v>
                </c:pt>
                <c:pt idx="2280">
                  <c:v>16476.142899999999</c:v>
                </c:pt>
                <c:pt idx="2281">
                  <c:v>16301.490239999999</c:v>
                </c:pt>
                <c:pt idx="2282">
                  <c:v>15784.99253</c:v>
                </c:pt>
                <c:pt idx="2283">
                  <c:v>15534.19131</c:v>
                </c:pt>
                <c:pt idx="2284">
                  <c:v>15785.67225</c:v>
                </c:pt>
                <c:pt idx="2285">
                  <c:v>15968.955110000001</c:v>
                </c:pt>
                <c:pt idx="2286">
                  <c:v>16568.530269999999</c:v>
                </c:pt>
                <c:pt idx="2287">
                  <c:v>16928.94184</c:v>
                </c:pt>
                <c:pt idx="2288">
                  <c:v>17369.339240000001</c:v>
                </c:pt>
                <c:pt idx="2289">
                  <c:v>17243.544440000001</c:v>
                </c:pt>
                <c:pt idx="2290">
                  <c:v>17421.306860000001</c:v>
                </c:pt>
                <c:pt idx="2291">
                  <c:v>17675.567569999999</c:v>
                </c:pt>
                <c:pt idx="2292">
                  <c:v>17599.126560000001</c:v>
                </c:pt>
                <c:pt idx="2293">
                  <c:v>17438.197499999998</c:v>
                </c:pt>
                <c:pt idx="2294">
                  <c:v>17525.459989999999</c:v>
                </c:pt>
                <c:pt idx="2295">
                  <c:v>18000.241969999999</c:v>
                </c:pt>
                <c:pt idx="2296">
                  <c:v>18094.456890000001</c:v>
                </c:pt>
                <c:pt idx="2297">
                  <c:v>17584.58725</c:v>
                </c:pt>
                <c:pt idx="2298">
                  <c:v>17666.612829999998</c:v>
                </c:pt>
                <c:pt idx="2299">
                  <c:v>18182.754970000002</c:v>
                </c:pt>
                <c:pt idx="2300">
                  <c:v>18691.209569999999</c:v>
                </c:pt>
                <c:pt idx="2301">
                  <c:v>19055.292509999999</c:v>
                </c:pt>
                <c:pt idx="2302">
                  <c:v>19102.40094</c:v>
                </c:pt>
                <c:pt idx="2303">
                  <c:v>19221.004669999998</c:v>
                </c:pt>
                <c:pt idx="2304">
                  <c:v>18811.726979999999</c:v>
                </c:pt>
                <c:pt idx="2305">
                  <c:v>18693.277549999999</c:v>
                </c:pt>
                <c:pt idx="2306">
                  <c:v>18652.307550000001</c:v>
                </c:pt>
                <c:pt idx="2307">
                  <c:v>18961.199820000002</c:v>
                </c:pt>
                <c:pt idx="2308">
                  <c:v>18675.804759999999</c:v>
                </c:pt>
                <c:pt idx="2309">
                  <c:v>18681.739020000001</c:v>
                </c:pt>
                <c:pt idx="2310">
                  <c:v>19108.375059999998</c:v>
                </c:pt>
                <c:pt idx="2311">
                  <c:v>18821.646499999999</c:v>
                </c:pt>
                <c:pt idx="2312">
                  <c:v>18781.682239999998</c:v>
                </c:pt>
                <c:pt idx="2313">
                  <c:v>18661.912489999999</c:v>
                </c:pt>
                <c:pt idx="2314">
                  <c:v>18870.427100000001</c:v>
                </c:pt>
                <c:pt idx="2315">
                  <c:v>19162.079549999999</c:v>
                </c:pt>
                <c:pt idx="2316">
                  <c:v>18657.625319999999</c:v>
                </c:pt>
                <c:pt idx="2317">
                  <c:v>18382.571070000002</c:v>
                </c:pt>
                <c:pt idx="2318">
                  <c:v>18113.76802</c:v>
                </c:pt>
                <c:pt idx="2319">
                  <c:v>18141.496019999999</c:v>
                </c:pt>
                <c:pt idx="2320">
                  <c:v>17715.357240000001</c:v>
                </c:pt>
                <c:pt idx="2321">
                  <c:v>17529.37241</c:v>
                </c:pt>
                <c:pt idx="2322">
                  <c:v>17028.03024</c:v>
                </c:pt>
                <c:pt idx="2323">
                  <c:v>17149.802370000001</c:v>
                </c:pt>
                <c:pt idx="2324">
                  <c:v>17014.871660000001</c:v>
                </c:pt>
                <c:pt idx="2325">
                  <c:v>16592.38838</c:v>
                </c:pt>
                <c:pt idx="2326">
                  <c:v>16682.285189999999</c:v>
                </c:pt>
                <c:pt idx="2327">
                  <c:v>17333.47192</c:v>
                </c:pt>
                <c:pt idx="2328">
                  <c:v>17132.8125</c:v>
                </c:pt>
                <c:pt idx="2329">
                  <c:v>16775.937829999999</c:v>
                </c:pt>
                <c:pt idx="2330">
                  <c:v>16916.9493</c:v>
                </c:pt>
                <c:pt idx="2331">
                  <c:v>17038.516090000001</c:v>
                </c:pt>
                <c:pt idx="2332">
                  <c:v>17425.028399999999</c:v>
                </c:pt>
                <c:pt idx="2333">
                  <c:v>17132.082299999998</c:v>
                </c:pt>
                <c:pt idx="2334">
                  <c:v>17128.762640000001</c:v>
                </c:pt>
                <c:pt idx="2335">
                  <c:v>17129.535230000001</c:v>
                </c:pt>
                <c:pt idx="2336">
                  <c:v>17292.03773</c:v>
                </c:pt>
                <c:pt idx="2337">
                  <c:v>17215.267210000002</c:v>
                </c:pt>
                <c:pt idx="2338">
                  <c:v>17798.901900000001</c:v>
                </c:pt>
                <c:pt idx="2339">
                  <c:v>17438.086510000001</c:v>
                </c:pt>
                <c:pt idx="2340">
                  <c:v>17499.001270000001</c:v>
                </c:pt>
                <c:pt idx="2341">
                  <c:v>17352.10226</c:v>
                </c:pt>
                <c:pt idx="2342">
                  <c:v>17420.822199999999</c:v>
                </c:pt>
                <c:pt idx="2343">
                  <c:v>17065.90969</c:v>
                </c:pt>
                <c:pt idx="2344">
                  <c:v>17288.750700000001</c:v>
                </c:pt>
                <c:pt idx="2345">
                  <c:v>16948.277150000002</c:v>
                </c:pt>
                <c:pt idx="2346">
                  <c:v>17084.837879999999</c:v>
                </c:pt>
                <c:pt idx="2347">
                  <c:v>16860.83064</c:v>
                </c:pt>
                <c:pt idx="2348">
                  <c:v>17120.53499</c:v>
                </c:pt>
                <c:pt idx="2349">
                  <c:v>16757.947110000001</c:v>
                </c:pt>
                <c:pt idx="2350">
                  <c:v>16600.678400000001</c:v>
                </c:pt>
                <c:pt idx="2351">
                  <c:v>16416.92224</c:v>
                </c:pt>
                <c:pt idx="2352">
                  <c:v>16036.96305</c:v>
                </c:pt>
                <c:pt idx="2353">
                  <c:v>16493.35843</c:v>
                </c:pt>
                <c:pt idx="2354">
                  <c:v>16892.820059999998</c:v>
                </c:pt>
                <c:pt idx="2355">
                  <c:v>17052.362089999999</c:v>
                </c:pt>
                <c:pt idx="2356">
                  <c:v>16829.101719999999</c:v>
                </c:pt>
                <c:pt idx="2357">
                  <c:v>16937.3357</c:v>
                </c:pt>
                <c:pt idx="2358">
                  <c:v>16421.987519999999</c:v>
                </c:pt>
                <c:pt idx="2359">
                  <c:v>16048.792649999999</c:v>
                </c:pt>
                <c:pt idx="2360">
                  <c:v>16220.03506</c:v>
                </c:pt>
                <c:pt idx="2361">
                  <c:v>15778.545679999999</c:v>
                </c:pt>
                <c:pt idx="2362">
                  <c:v>15146.1589</c:v>
                </c:pt>
                <c:pt idx="2363">
                  <c:v>14739.852650000001</c:v>
                </c:pt>
                <c:pt idx="2364">
                  <c:v>14494.70392</c:v>
                </c:pt>
                <c:pt idx="2365">
                  <c:v>14525.902040000001</c:v>
                </c:pt>
                <c:pt idx="2366">
                  <c:v>15058.33445</c:v>
                </c:pt>
                <c:pt idx="2367">
                  <c:v>14814.26352</c:v>
                </c:pt>
                <c:pt idx="2368">
                  <c:v>14872.74077</c:v>
                </c:pt>
                <c:pt idx="2369">
                  <c:v>14523.085150000001</c:v>
                </c:pt>
                <c:pt idx="2370">
                  <c:v>14385.44983</c:v>
                </c:pt>
                <c:pt idx="2371">
                  <c:v>14391.640310000001</c:v>
                </c:pt>
                <c:pt idx="2372">
                  <c:v>14153.88132</c:v>
                </c:pt>
                <c:pt idx="2373">
                  <c:v>13831.81214</c:v>
                </c:pt>
                <c:pt idx="2374">
                  <c:v>14269.23524</c:v>
                </c:pt>
                <c:pt idx="2375">
                  <c:v>14003.8639</c:v>
                </c:pt>
                <c:pt idx="2376">
                  <c:v>13886.25578</c:v>
                </c:pt>
                <c:pt idx="2377">
                  <c:v>13677.54948</c:v>
                </c:pt>
                <c:pt idx="2378">
                  <c:v>13680.932510000001</c:v>
                </c:pt>
                <c:pt idx="2379">
                  <c:v>13575.24749</c:v>
                </c:pt>
                <c:pt idx="2380">
                  <c:v>13712.852080000001</c:v>
                </c:pt>
                <c:pt idx="2381">
                  <c:v>13301.087939999999</c:v>
                </c:pt>
                <c:pt idx="2382">
                  <c:v>13476.20479</c:v>
                </c:pt>
                <c:pt idx="2383">
                  <c:v>13072.83923</c:v>
                </c:pt>
                <c:pt idx="2384">
                  <c:v>12523.36601</c:v>
                </c:pt>
                <c:pt idx="2385">
                  <c:v>12490.49589</c:v>
                </c:pt>
                <c:pt idx="2386">
                  <c:v>12648.51863</c:v>
                </c:pt>
                <c:pt idx="2387">
                  <c:v>13459.87967</c:v>
                </c:pt>
                <c:pt idx="2388">
                  <c:v>13154.56876</c:v>
                </c:pt>
                <c:pt idx="2389">
                  <c:v>12835.65576</c:v>
                </c:pt>
                <c:pt idx="2390">
                  <c:v>12375.720090000001</c:v>
                </c:pt>
                <c:pt idx="2391">
                  <c:v>12402.29579</c:v>
                </c:pt>
                <c:pt idx="2392">
                  <c:v>12519.723819999999</c:v>
                </c:pt>
                <c:pt idx="2393">
                  <c:v>12120.14356</c:v>
                </c:pt>
                <c:pt idx="2394">
                  <c:v>12275.764660000001</c:v>
                </c:pt>
                <c:pt idx="2395">
                  <c:v>12289.179179999999</c:v>
                </c:pt>
                <c:pt idx="2396">
                  <c:v>12132.21471</c:v>
                </c:pt>
                <c:pt idx="2397">
                  <c:v>11960.43406</c:v>
                </c:pt>
                <c:pt idx="2398">
                  <c:v>12261.16891</c:v>
                </c:pt>
                <c:pt idx="2399">
                  <c:v>12256.19623</c:v>
                </c:pt>
                <c:pt idx="2400">
                  <c:v>12694.28406</c:v>
                </c:pt>
                <c:pt idx="2401">
                  <c:v>12495.773440000001</c:v>
                </c:pt>
                <c:pt idx="2402">
                  <c:v>12065.782209999999</c:v>
                </c:pt>
                <c:pt idx="2403">
                  <c:v>11674.108410000001</c:v>
                </c:pt>
                <c:pt idx="2404">
                  <c:v>11411.807650000001</c:v>
                </c:pt>
                <c:pt idx="2405">
                  <c:v>10960.718800000001</c:v>
                </c:pt>
                <c:pt idx="2406">
                  <c:v>10998.534449999999</c:v>
                </c:pt>
                <c:pt idx="2407">
                  <c:v>11280.62527</c:v>
                </c:pt>
                <c:pt idx="2408">
                  <c:v>10907.62275</c:v>
                </c:pt>
                <c:pt idx="2409">
                  <c:v>10770.689770000001</c:v>
                </c:pt>
                <c:pt idx="2410">
                  <c:v>11387.53664</c:v>
                </c:pt>
                <c:pt idx="2411">
                  <c:v>11311.068010000001</c:v>
                </c:pt>
                <c:pt idx="2412">
                  <c:v>11851.995999999999</c:v>
                </c:pt>
                <c:pt idx="2413">
                  <c:v>12156.00938</c:v>
                </c:pt>
                <c:pt idx="2414">
                  <c:v>12411.624900000001</c:v>
                </c:pt>
                <c:pt idx="2415">
                  <c:v>12795.751780000001</c:v>
                </c:pt>
                <c:pt idx="2416">
                  <c:v>12841.001679999999</c:v>
                </c:pt>
                <c:pt idx="2417">
                  <c:v>13136.592490000001</c:v>
                </c:pt>
                <c:pt idx="2418">
                  <c:v>12308.697410000001</c:v>
                </c:pt>
                <c:pt idx="2419">
                  <c:v>12162.59276</c:v>
                </c:pt>
                <c:pt idx="2420">
                  <c:v>12345.85038</c:v>
                </c:pt>
                <c:pt idx="2421">
                  <c:v>12295.625760000001</c:v>
                </c:pt>
                <c:pt idx="2422">
                  <c:v>12183.47178</c:v>
                </c:pt>
                <c:pt idx="2423">
                  <c:v>12089.820180000001</c:v>
                </c:pt>
                <c:pt idx="2424">
                  <c:v>11943.9874</c:v>
                </c:pt>
                <c:pt idx="2425">
                  <c:v>12229.82454</c:v>
                </c:pt>
                <c:pt idx="2426">
                  <c:v>12198.31105</c:v>
                </c:pt>
                <c:pt idx="2427">
                  <c:v>12086.669970000001</c:v>
                </c:pt>
                <c:pt idx="2428">
                  <c:v>12038.83439</c:v>
                </c:pt>
                <c:pt idx="2429">
                  <c:v>12082.73387</c:v>
                </c:pt>
                <c:pt idx="2430">
                  <c:v>11805.2189</c:v>
                </c:pt>
                <c:pt idx="2431">
                  <c:v>11868.047409999999</c:v>
                </c:pt>
                <c:pt idx="2432">
                  <c:v>12807.480809999999</c:v>
                </c:pt>
                <c:pt idx="2433">
                  <c:v>12556.280150000001</c:v>
                </c:pt>
                <c:pt idx="2434">
                  <c:v>12748.21773</c:v>
                </c:pt>
                <c:pt idx="2435">
                  <c:v>12432.697980000001</c:v>
                </c:pt>
                <c:pt idx="2436">
                  <c:v>12192.17237</c:v>
                </c:pt>
                <c:pt idx="2437">
                  <c:v>12197.17721</c:v>
                </c:pt>
                <c:pt idx="2438">
                  <c:v>12463.2608</c:v>
                </c:pt>
                <c:pt idx="2439">
                  <c:v>12408.972030000001</c:v>
                </c:pt>
                <c:pt idx="2440">
                  <c:v>12141.636839999999</c:v>
                </c:pt>
                <c:pt idx="2441">
                  <c:v>12244.98798</c:v>
                </c:pt>
                <c:pt idx="2442">
                  <c:v>12403.60202</c:v>
                </c:pt>
                <c:pt idx="2443">
                  <c:v>12514.66287</c:v>
                </c:pt>
                <c:pt idx="2444">
                  <c:v>12894.805189999999</c:v>
                </c:pt>
                <c:pt idx="2445">
                  <c:v>12922.085080000001</c:v>
                </c:pt>
                <c:pt idx="2446">
                  <c:v>13048.017159999999</c:v>
                </c:pt>
                <c:pt idx="2447">
                  <c:v>12496.435799999999</c:v>
                </c:pt>
                <c:pt idx="2448">
                  <c:v>12578.20629</c:v>
                </c:pt>
                <c:pt idx="2449">
                  <c:v>12081.9938</c:v>
                </c:pt>
                <c:pt idx="2450">
                  <c:v>11585.06673</c:v>
                </c:pt>
                <c:pt idx="2451">
                  <c:v>11669.537850000001</c:v>
                </c:pt>
                <c:pt idx="2452">
                  <c:v>11681.58632</c:v>
                </c:pt>
                <c:pt idx="2453">
                  <c:v>12391.362649999999</c:v>
                </c:pt>
                <c:pt idx="2454">
                  <c:v>12103.62564</c:v>
                </c:pt>
                <c:pt idx="2455">
                  <c:v>12017.08632</c:v>
                </c:pt>
                <c:pt idx="2456">
                  <c:v>11651.746800000001</c:v>
                </c:pt>
                <c:pt idx="2457">
                  <c:v>12368.36486</c:v>
                </c:pt>
                <c:pt idx="2458">
                  <c:v>12018.835520000001</c:v>
                </c:pt>
                <c:pt idx="2459">
                  <c:v>11655.13652</c:v>
                </c:pt>
                <c:pt idx="2460">
                  <c:v>11535.78564</c:v>
                </c:pt>
                <c:pt idx="2461">
                  <c:v>11523.489659999999</c:v>
                </c:pt>
                <c:pt idx="2462">
                  <c:v>11468.420400000001</c:v>
                </c:pt>
                <c:pt idx="2463">
                  <c:v>11624.28551</c:v>
                </c:pt>
                <c:pt idx="2464">
                  <c:v>11147.08512</c:v>
                </c:pt>
                <c:pt idx="2465">
                  <c:v>10758.299870000001</c:v>
                </c:pt>
                <c:pt idx="2466">
                  <c:v>10873.08728</c:v>
                </c:pt>
                <c:pt idx="2467">
                  <c:v>11112.076150000001</c:v>
                </c:pt>
                <c:pt idx="2468">
                  <c:v>11340.555039999999</c:v>
                </c:pt>
                <c:pt idx="2469">
                  <c:v>11227.583850000001</c:v>
                </c:pt>
                <c:pt idx="2470">
                  <c:v>10960.52209</c:v>
                </c:pt>
                <c:pt idx="2471">
                  <c:v>10396.722470000001</c:v>
                </c:pt>
                <c:pt idx="2472">
                  <c:v>10573.90142</c:v>
                </c:pt>
                <c:pt idx="2473">
                  <c:v>10395.984409999999</c:v>
                </c:pt>
                <c:pt idx="2474">
                  <c:v>10057.01828</c:v>
                </c:pt>
                <c:pt idx="2475">
                  <c:v>10060.74444</c:v>
                </c:pt>
                <c:pt idx="2476">
                  <c:v>9873.82719</c:v>
                </c:pt>
                <c:pt idx="2477">
                  <c:v>9775.5691700000007</c:v>
                </c:pt>
                <c:pt idx="2478">
                  <c:v>9750.9806000000008</c:v>
                </c:pt>
                <c:pt idx="2479">
                  <c:v>9866.6406999999999</c:v>
                </c:pt>
                <c:pt idx="2480">
                  <c:v>9524.8870200000001</c:v>
                </c:pt>
                <c:pt idx="2481">
                  <c:v>9408.5792999999994</c:v>
                </c:pt>
                <c:pt idx="2482">
                  <c:v>9411.4339899999995</c:v>
                </c:pt>
                <c:pt idx="2483">
                  <c:v>9131.2675099999997</c:v>
                </c:pt>
                <c:pt idx="2484">
                  <c:v>9094.3769100000009</c:v>
                </c:pt>
                <c:pt idx="2485">
                  <c:v>9246.8133799999996</c:v>
                </c:pt>
                <c:pt idx="2486">
                  <c:v>9236.9692200000009</c:v>
                </c:pt>
                <c:pt idx="2487">
                  <c:v>9430.2413500000002</c:v>
                </c:pt>
                <c:pt idx="2488">
                  <c:v>9481.6630100000002</c:v>
                </c:pt>
                <c:pt idx="2489">
                  <c:v>10103.51778</c:v>
                </c:pt>
                <c:pt idx="2490">
                  <c:v>10193.47618</c:v>
                </c:pt>
                <c:pt idx="2491">
                  <c:v>9661.3602300000002</c:v>
                </c:pt>
                <c:pt idx="2492">
                  <c:v>10097.384760000001</c:v>
                </c:pt>
                <c:pt idx="2493">
                  <c:v>10492.94015</c:v>
                </c:pt>
                <c:pt idx="2494">
                  <c:v>10406.62815</c:v>
                </c:pt>
                <c:pt idx="2495">
                  <c:v>10279.69299</c:v>
                </c:pt>
                <c:pt idx="2496">
                  <c:v>9878.4746200000009</c:v>
                </c:pt>
                <c:pt idx="2497">
                  <c:v>9982.4582200000004</c:v>
                </c:pt>
                <c:pt idx="2498">
                  <c:v>10041.04551</c:v>
                </c:pt>
                <c:pt idx="2499">
                  <c:v>10100.06791</c:v>
                </c:pt>
                <c:pt idx="2500">
                  <c:v>10458.95298</c:v>
                </c:pt>
                <c:pt idx="2501">
                  <c:v>10258.361440000001</c:v>
                </c:pt>
                <c:pt idx="2502">
                  <c:v>10274.88283</c:v>
                </c:pt>
                <c:pt idx="2503">
                  <c:v>10959.96134</c:v>
                </c:pt>
                <c:pt idx="2504">
                  <c:v>10711.1042</c:v>
                </c:pt>
                <c:pt idx="2505">
                  <c:v>10588.642250000001</c:v>
                </c:pt>
                <c:pt idx="2506">
                  <c:v>10609.366900000001</c:v>
                </c:pt>
                <c:pt idx="2507">
                  <c:v>10419.890799999999</c:v>
                </c:pt>
                <c:pt idx="2508">
                  <c:v>10777.409369999999</c:v>
                </c:pt>
                <c:pt idx="2509">
                  <c:v>11152.00511</c:v>
                </c:pt>
                <c:pt idx="2510">
                  <c:v>11546.08315</c:v>
                </c:pt>
                <c:pt idx="2511">
                  <c:v>12398.75749</c:v>
                </c:pt>
                <c:pt idx="2512">
                  <c:v>13168.661050000001</c:v>
                </c:pt>
                <c:pt idx="2513">
                  <c:v>13006.7354</c:v>
                </c:pt>
                <c:pt idx="2514">
                  <c:v>13036.196239999999</c:v>
                </c:pt>
                <c:pt idx="2515">
                  <c:v>13111.267040000001</c:v>
                </c:pt>
                <c:pt idx="2516">
                  <c:v>13577.40496</c:v>
                </c:pt>
                <c:pt idx="2517">
                  <c:v>13727.509899999999</c:v>
                </c:pt>
                <c:pt idx="2518">
                  <c:v>13517.93525</c:v>
                </c:pt>
                <c:pt idx="2519">
                  <c:v>12565.325650000001</c:v>
                </c:pt>
                <c:pt idx="2520">
                  <c:v>12543.247890000001</c:v>
                </c:pt>
                <c:pt idx="2521">
                  <c:v>13949.36548</c:v>
                </c:pt>
                <c:pt idx="2522">
                  <c:v>14114.398160000001</c:v>
                </c:pt>
                <c:pt idx="2523">
                  <c:v>14193.8164</c:v>
                </c:pt>
                <c:pt idx="2524">
                  <c:v>14232.75539</c:v>
                </c:pt>
                <c:pt idx="2525">
                  <c:v>13547.274160000001</c:v>
                </c:pt>
                <c:pt idx="2526">
                  <c:v>13467.50668</c:v>
                </c:pt>
                <c:pt idx="2527">
                  <c:v>13981.141460000001</c:v>
                </c:pt>
                <c:pt idx="2528">
                  <c:v>13984.79789</c:v>
                </c:pt>
                <c:pt idx="2529">
                  <c:v>14139.194890000001</c:v>
                </c:pt>
                <c:pt idx="2530">
                  <c:v>14045.477699999999</c:v>
                </c:pt>
                <c:pt idx="2531">
                  <c:v>14191.912700000001</c:v>
                </c:pt>
                <c:pt idx="2532">
                  <c:v>13591.525320000001</c:v>
                </c:pt>
                <c:pt idx="2533">
                  <c:v>13347.92304</c:v>
                </c:pt>
                <c:pt idx="2534">
                  <c:v>13117.037710000001</c:v>
                </c:pt>
                <c:pt idx="2535">
                  <c:v>13099.257879999999</c:v>
                </c:pt>
                <c:pt idx="2536">
                  <c:v>13871.614579999999</c:v>
                </c:pt>
                <c:pt idx="2537">
                  <c:v>14226.093269999999</c:v>
                </c:pt>
                <c:pt idx="2538">
                  <c:v>14694.35794</c:v>
                </c:pt>
                <c:pt idx="2539">
                  <c:v>15029.363160000001</c:v>
                </c:pt>
                <c:pt idx="2540">
                  <c:v>14909.82465</c:v>
                </c:pt>
                <c:pt idx="2541">
                  <c:v>15008.94945</c:v>
                </c:pt>
                <c:pt idx="2542">
                  <c:v>14822.49632</c:v>
                </c:pt>
                <c:pt idx="2543">
                  <c:v>15156.91581</c:v>
                </c:pt>
                <c:pt idx="2544">
                  <c:v>15119.229160000001</c:v>
                </c:pt>
                <c:pt idx="2545">
                  <c:v>14776.26067</c:v>
                </c:pt>
                <c:pt idx="2546">
                  <c:v>14625.41311</c:v>
                </c:pt>
                <c:pt idx="2547">
                  <c:v>15052.03312</c:v>
                </c:pt>
                <c:pt idx="2548">
                  <c:v>15355.36988</c:v>
                </c:pt>
                <c:pt idx="2549">
                  <c:v>15595.68266</c:v>
                </c:pt>
                <c:pt idx="2550">
                  <c:v>15614.91899</c:v>
                </c:pt>
                <c:pt idx="2551">
                  <c:v>15344.506729999999</c:v>
                </c:pt>
                <c:pt idx="2552">
                  <c:v>14659.23913</c:v>
                </c:pt>
                <c:pt idx="2553">
                  <c:v>14881.57583</c:v>
                </c:pt>
                <c:pt idx="2554">
                  <c:v>14635.20055</c:v>
                </c:pt>
                <c:pt idx="2555">
                  <c:v>14739.882079999999</c:v>
                </c:pt>
                <c:pt idx="2556">
                  <c:v>14327.07683</c:v>
                </c:pt>
                <c:pt idx="2557">
                  <c:v>15224.448850000001</c:v>
                </c:pt>
                <c:pt idx="2558">
                  <c:v>15239.713760000001</c:v>
                </c:pt>
                <c:pt idx="2559">
                  <c:v>15336.24739</c:v>
                </c:pt>
                <c:pt idx="2560">
                  <c:v>14756.960160000001</c:v>
                </c:pt>
                <c:pt idx="2561">
                  <c:v>14795.761990000001</c:v>
                </c:pt>
                <c:pt idx="2562">
                  <c:v>14500.697469999999</c:v>
                </c:pt>
                <c:pt idx="2563">
                  <c:v>14316.93938</c:v>
                </c:pt>
                <c:pt idx="2564">
                  <c:v>13919.516670000001</c:v>
                </c:pt>
                <c:pt idx="2565">
                  <c:v>14054.708049999999</c:v>
                </c:pt>
                <c:pt idx="2566">
                  <c:v>13797.56157</c:v>
                </c:pt>
                <c:pt idx="2567">
                  <c:v>13862.56532</c:v>
                </c:pt>
                <c:pt idx="2568">
                  <c:v>13760.528190000001</c:v>
                </c:pt>
                <c:pt idx="2569">
                  <c:v>13599.726119999999</c:v>
                </c:pt>
                <c:pt idx="2570">
                  <c:v>13619.74458</c:v>
                </c:pt>
                <c:pt idx="2571">
                  <c:v>13475.21811</c:v>
                </c:pt>
                <c:pt idx="2572">
                  <c:v>13573.528029999999</c:v>
                </c:pt>
                <c:pt idx="2573">
                  <c:v>13886.11095</c:v>
                </c:pt>
                <c:pt idx="2574">
                  <c:v>14327.625249999999</c:v>
                </c:pt>
                <c:pt idx="2575">
                  <c:v>14402.09065</c:v>
                </c:pt>
                <c:pt idx="2576">
                  <c:v>14640.952139999999</c:v>
                </c:pt>
                <c:pt idx="2577">
                  <c:v>15260.0399</c:v>
                </c:pt>
                <c:pt idx="2578">
                  <c:v>15105.03544</c:v>
                </c:pt>
                <c:pt idx="2579">
                  <c:v>14425.194879999999</c:v>
                </c:pt>
                <c:pt idx="2580">
                  <c:v>14348.267620000001</c:v>
                </c:pt>
                <c:pt idx="2581">
                  <c:v>13933.7495</c:v>
                </c:pt>
                <c:pt idx="2582">
                  <c:v>14151.933279999999</c:v>
                </c:pt>
                <c:pt idx="2583">
                  <c:v>14232.68635</c:v>
                </c:pt>
                <c:pt idx="2584">
                  <c:v>14451.464550000001</c:v>
                </c:pt>
                <c:pt idx="2585">
                  <c:v>14812.338369999999</c:v>
                </c:pt>
                <c:pt idx="2586">
                  <c:v>14942.62674</c:v>
                </c:pt>
                <c:pt idx="2587">
                  <c:v>14867.29449</c:v>
                </c:pt>
                <c:pt idx="2588">
                  <c:v>15366.678519999999</c:v>
                </c:pt>
                <c:pt idx="2589">
                  <c:v>14785.11073</c:v>
                </c:pt>
                <c:pt idx="2590">
                  <c:v>14433.462659999999</c:v>
                </c:pt>
                <c:pt idx="2591">
                  <c:v>15105.44102</c:v>
                </c:pt>
                <c:pt idx="2592">
                  <c:v>15687.585800000001</c:v>
                </c:pt>
                <c:pt idx="2593">
                  <c:v>16178.50664</c:v>
                </c:pt>
                <c:pt idx="2594">
                  <c:v>16194.283810000001</c:v>
                </c:pt>
                <c:pt idx="2595">
                  <c:v>16183.43634</c:v>
                </c:pt>
                <c:pt idx="2596">
                  <c:v>15703.11673</c:v>
                </c:pt>
                <c:pt idx="2597">
                  <c:v>15633.07489</c:v>
                </c:pt>
                <c:pt idx="2598">
                  <c:v>15521.203229999999</c:v>
                </c:pt>
                <c:pt idx="2599">
                  <c:v>16162.516589999999</c:v>
                </c:pt>
                <c:pt idx="2600">
                  <c:v>16310.03304</c:v>
                </c:pt>
                <c:pt idx="2601">
                  <c:v>16568.865280000002</c:v>
                </c:pt>
                <c:pt idx="2602">
                  <c:v>16620.482550000001</c:v>
                </c:pt>
                <c:pt idx="2603">
                  <c:v>17169.297269999999</c:v>
                </c:pt>
                <c:pt idx="2604">
                  <c:v>16990.168229999999</c:v>
                </c:pt>
                <c:pt idx="2605">
                  <c:v>17374.41245</c:v>
                </c:pt>
                <c:pt idx="2606">
                  <c:v>17329.84763</c:v>
                </c:pt>
                <c:pt idx="2607">
                  <c:v>17379.752680000001</c:v>
                </c:pt>
                <c:pt idx="2608">
                  <c:v>17269.799470000002</c:v>
                </c:pt>
                <c:pt idx="2609">
                  <c:v>17317.43895</c:v>
                </c:pt>
                <c:pt idx="2610">
                  <c:v>17300.214929999998</c:v>
                </c:pt>
                <c:pt idx="2611">
                  <c:v>17361.569739999999</c:v>
                </c:pt>
                <c:pt idx="2612">
                  <c:v>17290.48501</c:v>
                </c:pt>
                <c:pt idx="2613">
                  <c:v>17280.774939999999</c:v>
                </c:pt>
                <c:pt idx="2614">
                  <c:v>17673.536960000001</c:v>
                </c:pt>
                <c:pt idx="2615">
                  <c:v>17372.970649999999</c:v>
                </c:pt>
                <c:pt idx="2616">
                  <c:v>17214.522280000001</c:v>
                </c:pt>
                <c:pt idx="2617">
                  <c:v>17575.105940000001</c:v>
                </c:pt>
                <c:pt idx="2618">
                  <c:v>17943.141179999999</c:v>
                </c:pt>
                <c:pt idx="2619">
                  <c:v>18098.28645</c:v>
                </c:pt>
                <c:pt idx="2620">
                  <c:v>18128.338250000001</c:v>
                </c:pt>
                <c:pt idx="2621">
                  <c:v>18368.330010000001</c:v>
                </c:pt>
                <c:pt idx="2622">
                  <c:v>18144.0749</c:v>
                </c:pt>
                <c:pt idx="2623">
                  <c:v>18572.656999999999</c:v>
                </c:pt>
                <c:pt idx="2624">
                  <c:v>18372.69744</c:v>
                </c:pt>
                <c:pt idx="2625">
                  <c:v>18631.001250000001</c:v>
                </c:pt>
                <c:pt idx="2626">
                  <c:v>18514.40235</c:v>
                </c:pt>
                <c:pt idx="2627">
                  <c:v>18392.133969999999</c:v>
                </c:pt>
                <c:pt idx="2628">
                  <c:v>18263.934440000001</c:v>
                </c:pt>
                <c:pt idx="2629">
                  <c:v>18303.679970000001</c:v>
                </c:pt>
                <c:pt idx="2630">
                  <c:v>17942.813460000001</c:v>
                </c:pt>
                <c:pt idx="2631">
                  <c:v>18008.577560000002</c:v>
                </c:pt>
                <c:pt idx="2632">
                  <c:v>17886.480159999999</c:v>
                </c:pt>
                <c:pt idx="2633">
                  <c:v>17887.798429999999</c:v>
                </c:pt>
                <c:pt idx="2634">
                  <c:v>17814.757079999999</c:v>
                </c:pt>
                <c:pt idx="2635">
                  <c:v>18024.538130000001</c:v>
                </c:pt>
                <c:pt idx="2636">
                  <c:v>17990.546969999999</c:v>
                </c:pt>
                <c:pt idx="2637">
                  <c:v>17901.100439999998</c:v>
                </c:pt>
                <c:pt idx="2638">
                  <c:v>17975.26686</c:v>
                </c:pt>
                <c:pt idx="2639">
                  <c:v>18346.329720000002</c:v>
                </c:pt>
                <c:pt idx="2640">
                  <c:v>18207.098590000001</c:v>
                </c:pt>
                <c:pt idx="2641">
                  <c:v>18670.83916</c:v>
                </c:pt>
                <c:pt idx="2642">
                  <c:v>18829.45362</c:v>
                </c:pt>
                <c:pt idx="2643">
                  <c:v>17742.887989999999</c:v>
                </c:pt>
                <c:pt idx="2644">
                  <c:v>17883.428970000001</c:v>
                </c:pt>
                <c:pt idx="2645">
                  <c:v>17102.84244</c:v>
                </c:pt>
                <c:pt idx="2646">
                  <c:v>17135.487829999998</c:v>
                </c:pt>
                <c:pt idx="2647">
                  <c:v>17399.119159999998</c:v>
                </c:pt>
                <c:pt idx="2648">
                  <c:v>17373.233240000001</c:v>
                </c:pt>
                <c:pt idx="2649">
                  <c:v>17575.426739999999</c:v>
                </c:pt>
                <c:pt idx="2650">
                  <c:v>17688.865519999999</c:v>
                </c:pt>
                <c:pt idx="2651">
                  <c:v>18024.484329999999</c:v>
                </c:pt>
                <c:pt idx="2652">
                  <c:v>18378.818029999999</c:v>
                </c:pt>
                <c:pt idx="2653">
                  <c:v>18171.884440000002</c:v>
                </c:pt>
                <c:pt idx="2654">
                  <c:v>17977.68217</c:v>
                </c:pt>
                <c:pt idx="2655">
                  <c:v>18052.15928</c:v>
                </c:pt>
                <c:pt idx="2656">
                  <c:v>18286.946070000002</c:v>
                </c:pt>
                <c:pt idx="2657">
                  <c:v>18064.631570000001</c:v>
                </c:pt>
                <c:pt idx="2658">
                  <c:v>17988.426319999999</c:v>
                </c:pt>
                <c:pt idx="2659">
                  <c:v>18433.589759999999</c:v>
                </c:pt>
                <c:pt idx="2660">
                  <c:v>18267.780220000001</c:v>
                </c:pt>
                <c:pt idx="2661">
                  <c:v>18647.66646</c:v>
                </c:pt>
                <c:pt idx="2662">
                  <c:v>18781.121770000002</c:v>
                </c:pt>
                <c:pt idx="2663">
                  <c:v>18952.636040000001</c:v>
                </c:pt>
                <c:pt idx="2664">
                  <c:v>19192.18478</c:v>
                </c:pt>
                <c:pt idx="2665">
                  <c:v>19022.95894</c:v>
                </c:pt>
                <c:pt idx="2666">
                  <c:v>19119.871760000002</c:v>
                </c:pt>
                <c:pt idx="2667">
                  <c:v>19339.726579999999</c:v>
                </c:pt>
                <c:pt idx="2668">
                  <c:v>19605.40022</c:v>
                </c:pt>
                <c:pt idx="2669">
                  <c:v>20076.869610000002</c:v>
                </c:pt>
                <c:pt idx="2670">
                  <c:v>20022.576379999999</c:v>
                </c:pt>
                <c:pt idx="2671">
                  <c:v>20235.150109999999</c:v>
                </c:pt>
                <c:pt idx="2672">
                  <c:v>20282.8747</c:v>
                </c:pt>
                <c:pt idx="2673">
                  <c:v>20527.41072</c:v>
                </c:pt>
                <c:pt idx="2674">
                  <c:v>20541.039250000002</c:v>
                </c:pt>
                <c:pt idx="2675">
                  <c:v>20362.96819</c:v>
                </c:pt>
                <c:pt idx="2676">
                  <c:v>20366.925739999999</c:v>
                </c:pt>
                <c:pt idx="2677">
                  <c:v>20235.252619999999</c:v>
                </c:pt>
                <c:pt idx="2678">
                  <c:v>20395.34936</c:v>
                </c:pt>
                <c:pt idx="2679">
                  <c:v>19490.449049999999</c:v>
                </c:pt>
                <c:pt idx="2680">
                  <c:v>19090.51254</c:v>
                </c:pt>
                <c:pt idx="2681">
                  <c:v>19143.01528</c:v>
                </c:pt>
                <c:pt idx="2682">
                  <c:v>20009.263180000002</c:v>
                </c:pt>
                <c:pt idx="2683">
                  <c:v>20228.805550000001</c:v>
                </c:pt>
                <c:pt idx="2684">
                  <c:v>19752.159380000001</c:v>
                </c:pt>
                <c:pt idx="2685">
                  <c:v>18197.780940000001</c:v>
                </c:pt>
                <c:pt idx="2686">
                  <c:v>17427.41691</c:v>
                </c:pt>
                <c:pt idx="2687">
                  <c:v>17313.09562</c:v>
                </c:pt>
                <c:pt idx="2688">
                  <c:v>17757.574359999999</c:v>
                </c:pt>
                <c:pt idx="2689">
                  <c:v>17445.629929999999</c:v>
                </c:pt>
                <c:pt idx="2690">
                  <c:v>17701.411629999999</c:v>
                </c:pt>
                <c:pt idx="2691">
                  <c:v>18239.18692</c:v>
                </c:pt>
                <c:pt idx="2692">
                  <c:v>18442.124390000001</c:v>
                </c:pt>
                <c:pt idx="2693">
                  <c:v>18267.145919999999</c:v>
                </c:pt>
                <c:pt idx="2694">
                  <c:v>18077.181420000001</c:v>
                </c:pt>
                <c:pt idx="2695">
                  <c:v>18010.262760000001</c:v>
                </c:pt>
                <c:pt idx="2696">
                  <c:v>18537.616460000001</c:v>
                </c:pt>
                <c:pt idx="2697">
                  <c:v>17955.69428</c:v>
                </c:pt>
                <c:pt idx="2698">
                  <c:v>18245.315500000001</c:v>
                </c:pt>
                <c:pt idx="2699">
                  <c:v>17116.79536</c:v>
                </c:pt>
                <c:pt idx="2700">
                  <c:v>17398.716049999999</c:v>
                </c:pt>
                <c:pt idx="2701">
                  <c:v>17462.998820000001</c:v>
                </c:pt>
                <c:pt idx="2702">
                  <c:v>17922.85123</c:v>
                </c:pt>
                <c:pt idx="2703">
                  <c:v>18001.114509999999</c:v>
                </c:pt>
                <c:pt idx="2704">
                  <c:v>17930.957310000002</c:v>
                </c:pt>
                <c:pt idx="2705">
                  <c:v>17959.100330000001</c:v>
                </c:pt>
                <c:pt idx="2706">
                  <c:v>17668.95206</c:v>
                </c:pt>
                <c:pt idx="2707">
                  <c:v>17812.67137</c:v>
                </c:pt>
                <c:pt idx="2708">
                  <c:v>17460.14313</c:v>
                </c:pt>
                <c:pt idx="2709">
                  <c:v>17323.612109999998</c:v>
                </c:pt>
                <c:pt idx="2710">
                  <c:v>17209.18477</c:v>
                </c:pt>
                <c:pt idx="2711">
                  <c:v>16918.76885</c:v>
                </c:pt>
                <c:pt idx="2712">
                  <c:v>17176.618109999999</c:v>
                </c:pt>
                <c:pt idx="2713">
                  <c:v>17296.72334</c:v>
                </c:pt>
                <c:pt idx="2714">
                  <c:v>17340.0838</c:v>
                </c:pt>
                <c:pt idx="2715">
                  <c:v>17722.647059999999</c:v>
                </c:pt>
                <c:pt idx="2716">
                  <c:v>17867.127260000001</c:v>
                </c:pt>
                <c:pt idx="2717">
                  <c:v>17916.63607</c:v>
                </c:pt>
                <c:pt idx="2718">
                  <c:v>18206.67971</c:v>
                </c:pt>
                <c:pt idx="2719">
                  <c:v>18530.900590000001</c:v>
                </c:pt>
                <c:pt idx="2720">
                  <c:v>18153.451069999999</c:v>
                </c:pt>
                <c:pt idx="2721">
                  <c:v>18996.843209999999</c:v>
                </c:pt>
                <c:pt idx="2722">
                  <c:v>19107.455089999999</c:v>
                </c:pt>
                <c:pt idx="2723">
                  <c:v>19392.333320000002</c:v>
                </c:pt>
                <c:pt idx="2724">
                  <c:v>19143.600890000002</c:v>
                </c:pt>
                <c:pt idx="2725">
                  <c:v>19292.795429999998</c:v>
                </c:pt>
                <c:pt idx="2726">
                  <c:v>19428.937989999999</c:v>
                </c:pt>
                <c:pt idx="2727">
                  <c:v>19555.40092</c:v>
                </c:pt>
                <c:pt idx="2728">
                  <c:v>20142.335579999999</c:v>
                </c:pt>
                <c:pt idx="2729">
                  <c:v>19819.253840000001</c:v>
                </c:pt>
                <c:pt idx="2730">
                  <c:v>19755.277580000002</c:v>
                </c:pt>
                <c:pt idx="2731">
                  <c:v>20030.607550000001</c:v>
                </c:pt>
                <c:pt idx="2732">
                  <c:v>19907.390220000001</c:v>
                </c:pt>
                <c:pt idx="2733">
                  <c:v>20015.91966</c:v>
                </c:pt>
                <c:pt idx="2734">
                  <c:v>20320.992610000001</c:v>
                </c:pt>
                <c:pt idx="2735">
                  <c:v>20719.32216</c:v>
                </c:pt>
                <c:pt idx="2736">
                  <c:v>20793.359570000001</c:v>
                </c:pt>
                <c:pt idx="2737">
                  <c:v>20796.350699999999</c:v>
                </c:pt>
                <c:pt idx="2738">
                  <c:v>20941.231210000002</c:v>
                </c:pt>
                <c:pt idx="2739">
                  <c:v>20633.998810000001</c:v>
                </c:pt>
                <c:pt idx="2740">
                  <c:v>20525.194</c:v>
                </c:pt>
                <c:pt idx="2741">
                  <c:v>20577.017680000001</c:v>
                </c:pt>
                <c:pt idx="2742">
                  <c:v>20708.765670000001</c:v>
                </c:pt>
                <c:pt idx="2743">
                  <c:v>20869.404200000001</c:v>
                </c:pt>
                <c:pt idx="2744">
                  <c:v>20497.416280000001</c:v>
                </c:pt>
                <c:pt idx="2745">
                  <c:v>20547.592639999999</c:v>
                </c:pt>
                <c:pt idx="2746">
                  <c:v>20811.92899</c:v>
                </c:pt>
                <c:pt idx="2747">
                  <c:v>20780.783940000001</c:v>
                </c:pt>
                <c:pt idx="2748">
                  <c:v>21251.65465</c:v>
                </c:pt>
                <c:pt idx="2749">
                  <c:v>21506.7251</c:v>
                </c:pt>
                <c:pt idx="2750">
                  <c:v>21540.435509999999</c:v>
                </c:pt>
                <c:pt idx="2751">
                  <c:v>22207.70954</c:v>
                </c:pt>
                <c:pt idx="2752">
                  <c:v>21999.75416</c:v>
                </c:pt>
                <c:pt idx="2753">
                  <c:v>21895.295030000001</c:v>
                </c:pt>
                <c:pt idx="2754">
                  <c:v>22176.048210000001</c:v>
                </c:pt>
                <c:pt idx="2755">
                  <c:v>22335.367910000001</c:v>
                </c:pt>
                <c:pt idx="2756">
                  <c:v>22262.828030000001</c:v>
                </c:pt>
                <c:pt idx="2757">
                  <c:v>22013.8328</c:v>
                </c:pt>
                <c:pt idx="2758">
                  <c:v>21480.344639999999</c:v>
                </c:pt>
                <c:pt idx="2759">
                  <c:v>21628.15194</c:v>
                </c:pt>
                <c:pt idx="2760">
                  <c:v>20963.560730000001</c:v>
                </c:pt>
                <c:pt idx="2761">
                  <c:v>21291.654050000001</c:v>
                </c:pt>
                <c:pt idx="2762">
                  <c:v>21223.804209999998</c:v>
                </c:pt>
                <c:pt idx="2763">
                  <c:v>21104.403750000001</c:v>
                </c:pt>
                <c:pt idx="2764">
                  <c:v>20444.801630000002</c:v>
                </c:pt>
                <c:pt idx="2765">
                  <c:v>20325.801530000001</c:v>
                </c:pt>
                <c:pt idx="2766">
                  <c:v>20533.84922</c:v>
                </c:pt>
                <c:pt idx="2767">
                  <c:v>20768.277870000002</c:v>
                </c:pt>
                <c:pt idx="2768">
                  <c:v>20447.982339999999</c:v>
                </c:pt>
                <c:pt idx="2769">
                  <c:v>20949.133379999999</c:v>
                </c:pt>
                <c:pt idx="2770">
                  <c:v>21180.646390000002</c:v>
                </c:pt>
                <c:pt idx="2771">
                  <c:v>20734.955760000001</c:v>
                </c:pt>
                <c:pt idx="2772">
                  <c:v>21080.008330000001</c:v>
                </c:pt>
                <c:pt idx="2773">
                  <c:v>20378.6996</c:v>
                </c:pt>
                <c:pt idx="2774">
                  <c:v>20571.046969999999</c:v>
                </c:pt>
                <c:pt idx="2775">
                  <c:v>20279.88163</c:v>
                </c:pt>
                <c:pt idx="2776">
                  <c:v>20507.362120000002</c:v>
                </c:pt>
                <c:pt idx="2777">
                  <c:v>20539.90566</c:v>
                </c:pt>
                <c:pt idx="2778">
                  <c:v>20612.388149999999</c:v>
                </c:pt>
                <c:pt idx="2779">
                  <c:v>21009.390530000001</c:v>
                </c:pt>
                <c:pt idx="2780">
                  <c:v>20825.137360000001</c:v>
                </c:pt>
                <c:pt idx="2781">
                  <c:v>20768.31781</c:v>
                </c:pt>
                <c:pt idx="2782">
                  <c:v>20931.303660000001</c:v>
                </c:pt>
                <c:pt idx="2783">
                  <c:v>21103.453890000001</c:v>
                </c:pt>
                <c:pt idx="2784">
                  <c:v>20946.438239999999</c:v>
                </c:pt>
                <c:pt idx="2785">
                  <c:v>20618.57027</c:v>
                </c:pt>
                <c:pt idx="2786">
                  <c:v>20629.52493</c:v>
                </c:pt>
                <c:pt idx="2787">
                  <c:v>20574.698120000001</c:v>
                </c:pt>
                <c:pt idx="2788">
                  <c:v>20522.891919999998</c:v>
                </c:pt>
                <c:pt idx="2789">
                  <c:v>20266.986779999999</c:v>
                </c:pt>
                <c:pt idx="2790">
                  <c:v>19986.092329999999</c:v>
                </c:pt>
                <c:pt idx="2791">
                  <c:v>20727.794860000002</c:v>
                </c:pt>
                <c:pt idx="2792">
                  <c:v>20668.398860000001</c:v>
                </c:pt>
                <c:pt idx="2793">
                  <c:v>20214.546740000002</c:v>
                </c:pt>
                <c:pt idx="2794">
                  <c:v>20178.050289999999</c:v>
                </c:pt>
                <c:pt idx="2795">
                  <c:v>20579.46038</c:v>
                </c:pt>
                <c:pt idx="2796">
                  <c:v>20665.613860000001</c:v>
                </c:pt>
                <c:pt idx="2797">
                  <c:v>20252.262739999998</c:v>
                </c:pt>
                <c:pt idx="2798">
                  <c:v>20371.850450000002</c:v>
                </c:pt>
                <c:pt idx="2799">
                  <c:v>20533.481769999999</c:v>
                </c:pt>
                <c:pt idx="2800">
                  <c:v>21051.191040000002</c:v>
                </c:pt>
                <c:pt idx="2801">
                  <c:v>20982.15278</c:v>
                </c:pt>
                <c:pt idx="2802">
                  <c:v>20342.670689999999</c:v>
                </c:pt>
                <c:pt idx="2803">
                  <c:v>20652.39789</c:v>
                </c:pt>
                <c:pt idx="2804">
                  <c:v>20455.154839999999</c:v>
                </c:pt>
                <c:pt idx="2805">
                  <c:v>20808.662799999998</c:v>
                </c:pt>
                <c:pt idx="2806">
                  <c:v>21326.02722</c:v>
                </c:pt>
                <c:pt idx="2807">
                  <c:v>21462.31638</c:v>
                </c:pt>
                <c:pt idx="2808">
                  <c:v>21870.21142</c:v>
                </c:pt>
                <c:pt idx="2809">
                  <c:v>22054.298989999999</c:v>
                </c:pt>
                <c:pt idx="2810">
                  <c:v>22220.802329999999</c:v>
                </c:pt>
                <c:pt idx="2811">
                  <c:v>21761.204369999999</c:v>
                </c:pt>
                <c:pt idx="2812">
                  <c:v>18261.799579999999</c:v>
                </c:pt>
                <c:pt idx="2813">
                  <c:v>19053.782510000001</c:v>
                </c:pt>
                <c:pt idx="2814">
                  <c:v>18729.23259</c:v>
                </c:pt>
                <c:pt idx="2815">
                  <c:v>19109.075379999998</c:v>
                </c:pt>
                <c:pt idx="2816">
                  <c:v>19288.720840000002</c:v>
                </c:pt>
                <c:pt idx="2817">
                  <c:v>19193.949789999999</c:v>
                </c:pt>
                <c:pt idx="2818">
                  <c:v>19616.581470000001</c:v>
                </c:pt>
                <c:pt idx="2819">
                  <c:v>19511.88567</c:v>
                </c:pt>
                <c:pt idx="2820">
                  <c:v>19570.501479999999</c:v>
                </c:pt>
                <c:pt idx="2821">
                  <c:v>19291.681789999999</c:v>
                </c:pt>
                <c:pt idx="2822">
                  <c:v>19220.10615</c:v>
                </c:pt>
                <c:pt idx="2823">
                  <c:v>19281.522300000001</c:v>
                </c:pt>
                <c:pt idx="2824">
                  <c:v>18998.06826</c:v>
                </c:pt>
                <c:pt idx="2825">
                  <c:v>19181.806830000001</c:v>
                </c:pt>
                <c:pt idx="2826">
                  <c:v>19240.011569999999</c:v>
                </c:pt>
                <c:pt idx="2827">
                  <c:v>19135.712759999999</c:v>
                </c:pt>
                <c:pt idx="2828">
                  <c:v>18984.57689</c:v>
                </c:pt>
                <c:pt idx="2829">
                  <c:v>18598.41145</c:v>
                </c:pt>
                <c:pt idx="2830">
                  <c:v>18711.6757</c:v>
                </c:pt>
                <c:pt idx="2831">
                  <c:v>18873.188050000001</c:v>
                </c:pt>
                <c:pt idx="2832">
                  <c:v>18713.23029</c:v>
                </c:pt>
                <c:pt idx="2833">
                  <c:v>18816.648969999998</c:v>
                </c:pt>
                <c:pt idx="2834">
                  <c:v>18230.577219999999</c:v>
                </c:pt>
                <c:pt idx="2835">
                  <c:v>18235.269049999999</c:v>
                </c:pt>
                <c:pt idx="2836">
                  <c:v>18414.440699999999</c:v>
                </c:pt>
                <c:pt idx="2837">
                  <c:v>18336.777330000001</c:v>
                </c:pt>
                <c:pt idx="2838">
                  <c:v>18760.736700000001</c:v>
                </c:pt>
                <c:pt idx="2839">
                  <c:v>18538.417150000001</c:v>
                </c:pt>
                <c:pt idx="2840">
                  <c:v>18790.477200000001</c:v>
                </c:pt>
                <c:pt idx="2841">
                  <c:v>18815.814139999999</c:v>
                </c:pt>
                <c:pt idx="2842">
                  <c:v>19023.12717</c:v>
                </c:pt>
                <c:pt idx="2843">
                  <c:v>19178.53614</c:v>
                </c:pt>
                <c:pt idx="2844">
                  <c:v>19143.684529999999</c:v>
                </c:pt>
                <c:pt idx="2845">
                  <c:v>19091.345219999999</c:v>
                </c:pt>
                <c:pt idx="2846">
                  <c:v>18883.480439999999</c:v>
                </c:pt>
                <c:pt idx="2847">
                  <c:v>18985.103729999999</c:v>
                </c:pt>
                <c:pt idx="2848">
                  <c:v>19315.19154</c:v>
                </c:pt>
                <c:pt idx="2849">
                  <c:v>19635.22409</c:v>
                </c:pt>
                <c:pt idx="2850">
                  <c:v>20160.934730000001</c:v>
                </c:pt>
                <c:pt idx="2851">
                  <c:v>20318.074130000001</c:v>
                </c:pt>
                <c:pt idx="2852">
                  <c:v>20550.273219999999</c:v>
                </c:pt>
                <c:pt idx="2853">
                  <c:v>20512.176019999999</c:v>
                </c:pt>
                <c:pt idx="2854">
                  <c:v>20696.126069999998</c:v>
                </c:pt>
                <c:pt idx="2855">
                  <c:v>20675.62887</c:v>
                </c:pt>
                <c:pt idx="2856">
                  <c:v>20729.751639999999</c:v>
                </c:pt>
                <c:pt idx="2857">
                  <c:v>20674.459040000002</c:v>
                </c:pt>
                <c:pt idx="2858">
                  <c:v>20665.867750000001</c:v>
                </c:pt>
                <c:pt idx="2859">
                  <c:v>20716.64774</c:v>
                </c:pt>
                <c:pt idx="2860">
                  <c:v>20567.758160000001</c:v>
                </c:pt>
                <c:pt idx="2861">
                  <c:v>20707.857749999999</c:v>
                </c:pt>
                <c:pt idx="2862">
                  <c:v>20831.757900000001</c:v>
                </c:pt>
                <c:pt idx="2863">
                  <c:v>21071.589309999999</c:v>
                </c:pt>
                <c:pt idx="2864">
                  <c:v>21359.010340000001</c:v>
                </c:pt>
                <c:pt idx="2865">
                  <c:v>21530.366880000001</c:v>
                </c:pt>
                <c:pt idx="2866">
                  <c:v>21422.151290000002</c:v>
                </c:pt>
                <c:pt idx="2867">
                  <c:v>21443.034810000001</c:v>
                </c:pt>
                <c:pt idx="2868">
                  <c:v>21727.480889999999</c:v>
                </c:pt>
                <c:pt idx="2869">
                  <c:v>21716.541929999999</c:v>
                </c:pt>
                <c:pt idx="2870">
                  <c:v>21499.256580000001</c:v>
                </c:pt>
                <c:pt idx="2871">
                  <c:v>21237.664850000001</c:v>
                </c:pt>
                <c:pt idx="2872">
                  <c:v>21319.382809999999</c:v>
                </c:pt>
                <c:pt idx="2873">
                  <c:v>21450.903149999998</c:v>
                </c:pt>
                <c:pt idx="2874">
                  <c:v>21435.33193</c:v>
                </c:pt>
                <c:pt idx="2875">
                  <c:v>21670.710520000001</c:v>
                </c:pt>
                <c:pt idx="2876">
                  <c:v>21451.906080000001</c:v>
                </c:pt>
                <c:pt idx="2877">
                  <c:v>21807.254840000001</c:v>
                </c:pt>
                <c:pt idx="2878">
                  <c:v>21791.544959999999</c:v>
                </c:pt>
                <c:pt idx="2879">
                  <c:v>22184.945179999999</c:v>
                </c:pt>
                <c:pt idx="2880">
                  <c:v>22355.398720000001</c:v>
                </c:pt>
                <c:pt idx="2881">
                  <c:v>22689.888360000001</c:v>
                </c:pt>
                <c:pt idx="2882">
                  <c:v>22616.91329</c:v>
                </c:pt>
                <c:pt idx="2883">
                  <c:v>22502.088090000001</c:v>
                </c:pt>
                <c:pt idx="2884">
                  <c:v>22510.05112</c:v>
                </c:pt>
                <c:pt idx="2885">
                  <c:v>22440.172210000001</c:v>
                </c:pt>
                <c:pt idx="2886">
                  <c:v>22530.948820000001</c:v>
                </c:pt>
                <c:pt idx="2887">
                  <c:v>22951.498230000001</c:v>
                </c:pt>
                <c:pt idx="2888">
                  <c:v>22980.479179999998</c:v>
                </c:pt>
                <c:pt idx="2889">
                  <c:v>23100.848460000001</c:v>
                </c:pt>
                <c:pt idx="2890">
                  <c:v>23646.334470000002</c:v>
                </c:pt>
                <c:pt idx="2891">
                  <c:v>23666.963530000001</c:v>
                </c:pt>
                <c:pt idx="2892">
                  <c:v>24060.09259</c:v>
                </c:pt>
                <c:pt idx="2893">
                  <c:v>23926.604179999998</c:v>
                </c:pt>
                <c:pt idx="2894">
                  <c:v>23820.731940000001</c:v>
                </c:pt>
                <c:pt idx="2895">
                  <c:v>23829.135010000002</c:v>
                </c:pt>
                <c:pt idx="2896">
                  <c:v>24214.965639999999</c:v>
                </c:pt>
                <c:pt idx="2897">
                  <c:v>24290.503130000001</c:v>
                </c:pt>
                <c:pt idx="2898">
                  <c:v>24237.28067</c:v>
                </c:pt>
                <c:pt idx="2899">
                  <c:v>24372.803360000002</c:v>
                </c:pt>
                <c:pt idx="2900">
                  <c:v>24118.5249</c:v>
                </c:pt>
                <c:pt idx="2901">
                  <c:v>24109.29005</c:v>
                </c:pt>
                <c:pt idx="2902">
                  <c:v>23593.902129999999</c:v>
                </c:pt>
                <c:pt idx="2903">
                  <c:v>23449.569309999999</c:v>
                </c:pt>
                <c:pt idx="2904">
                  <c:v>23176.63076</c:v>
                </c:pt>
                <c:pt idx="2905">
                  <c:v>23119.814579999998</c:v>
                </c:pt>
                <c:pt idx="2906">
                  <c:v>23483.85068</c:v>
                </c:pt>
                <c:pt idx="2907">
                  <c:v>23483.85068</c:v>
                </c:pt>
                <c:pt idx="2908">
                  <c:v>23540.531210000001</c:v>
                </c:pt>
                <c:pt idx="2909">
                  <c:v>24420.344209999999</c:v>
                </c:pt>
                <c:pt idx="2910">
                  <c:v>24513.18291</c:v>
                </c:pt>
                <c:pt idx="2911">
                  <c:v>24419.151580000002</c:v>
                </c:pt>
                <c:pt idx="2912">
                  <c:v>24064.903180000001</c:v>
                </c:pt>
                <c:pt idx="2913">
                  <c:v>23764.883099999999</c:v>
                </c:pt>
                <c:pt idx="2914">
                  <c:v>24204.346870000001</c:v>
                </c:pt>
                <c:pt idx="2915">
                  <c:v>24205.80991</c:v>
                </c:pt>
                <c:pt idx="2916">
                  <c:v>24382.37586</c:v>
                </c:pt>
                <c:pt idx="2917">
                  <c:v>24273.712790000001</c:v>
                </c:pt>
                <c:pt idx="2918">
                  <c:v>24002.661670000001</c:v>
                </c:pt>
                <c:pt idx="2919">
                  <c:v>24148.276949999999</c:v>
                </c:pt>
                <c:pt idx="2920">
                  <c:v>24026.192129999999</c:v>
                </c:pt>
                <c:pt idx="2921">
                  <c:v>23977.689190000001</c:v>
                </c:pt>
                <c:pt idx="2922">
                  <c:v>23455.9205</c:v>
                </c:pt>
                <c:pt idx="2923">
                  <c:v>23464.212179999999</c:v>
                </c:pt>
                <c:pt idx="2924">
                  <c:v>23620.18792</c:v>
                </c:pt>
                <c:pt idx="2925">
                  <c:v>23122.916860000001</c:v>
                </c:pt>
                <c:pt idx="2926">
                  <c:v>23262.617880000002</c:v>
                </c:pt>
                <c:pt idx="2927">
                  <c:v>22850.962299999999</c:v>
                </c:pt>
                <c:pt idx="2928">
                  <c:v>22661.936570000002</c:v>
                </c:pt>
                <c:pt idx="2929">
                  <c:v>22610.64012</c:v>
                </c:pt>
                <c:pt idx="2930">
                  <c:v>22362.69628</c:v>
                </c:pt>
                <c:pt idx="2931">
                  <c:v>22753.541140000001</c:v>
                </c:pt>
                <c:pt idx="2932">
                  <c:v>22093.199499999999</c:v>
                </c:pt>
                <c:pt idx="2933">
                  <c:v>22866.89114</c:v>
                </c:pt>
                <c:pt idx="2934">
                  <c:v>22378.928469999999</c:v>
                </c:pt>
                <c:pt idx="2935">
                  <c:v>22019.845600000001</c:v>
                </c:pt>
                <c:pt idx="2936">
                  <c:v>21984.156879999999</c:v>
                </c:pt>
                <c:pt idx="2937">
                  <c:v>21450.902539999999</c:v>
                </c:pt>
                <c:pt idx="2938">
                  <c:v>22111.97207</c:v>
                </c:pt>
                <c:pt idx="2939">
                  <c:v>22539.909759999999</c:v>
                </c:pt>
                <c:pt idx="2940">
                  <c:v>22979.058590000001</c:v>
                </c:pt>
                <c:pt idx="2941">
                  <c:v>23024.49869</c:v>
                </c:pt>
                <c:pt idx="2942">
                  <c:v>23115.96686</c:v>
                </c:pt>
                <c:pt idx="2943">
                  <c:v>23004.52289</c:v>
                </c:pt>
                <c:pt idx="2944">
                  <c:v>22991.093379999998</c:v>
                </c:pt>
                <c:pt idx="2945">
                  <c:v>23108.003990000001</c:v>
                </c:pt>
                <c:pt idx="2946">
                  <c:v>22421.110250000002</c:v>
                </c:pt>
                <c:pt idx="2947">
                  <c:v>21956.43247</c:v>
                </c:pt>
                <c:pt idx="2948">
                  <c:v>22211.295529999999</c:v>
                </c:pt>
                <c:pt idx="2949">
                  <c:v>22532.26771</c:v>
                </c:pt>
                <c:pt idx="2950">
                  <c:v>22422.627799999998</c:v>
                </c:pt>
                <c:pt idx="2951">
                  <c:v>22609.501329999999</c:v>
                </c:pt>
                <c:pt idx="2952">
                  <c:v>22029.31165</c:v>
                </c:pt>
                <c:pt idx="2953">
                  <c:v>22051.311280000002</c:v>
                </c:pt>
                <c:pt idx="2954">
                  <c:v>22067.974170000001</c:v>
                </c:pt>
                <c:pt idx="2955">
                  <c:v>22162.89746</c:v>
                </c:pt>
                <c:pt idx="2956">
                  <c:v>21999.921549999999</c:v>
                </c:pt>
                <c:pt idx="2957">
                  <c:v>21685.95766</c:v>
                </c:pt>
                <c:pt idx="2958">
                  <c:v>21937.84935</c:v>
                </c:pt>
                <c:pt idx="2959">
                  <c:v>22204.643459999999</c:v>
                </c:pt>
                <c:pt idx="2960">
                  <c:v>22036.374390000001</c:v>
                </c:pt>
                <c:pt idx="2961">
                  <c:v>22313.5736</c:v>
                </c:pt>
                <c:pt idx="2962">
                  <c:v>22700.978940000001</c:v>
                </c:pt>
                <c:pt idx="2963">
                  <c:v>22555.507890000001</c:v>
                </c:pt>
                <c:pt idx="2964">
                  <c:v>22806.967919999999</c:v>
                </c:pt>
                <c:pt idx="2965">
                  <c:v>22978.475200000001</c:v>
                </c:pt>
                <c:pt idx="2966">
                  <c:v>23108.729050000002</c:v>
                </c:pt>
                <c:pt idx="2967">
                  <c:v>23901.755249999998</c:v>
                </c:pt>
                <c:pt idx="2968">
                  <c:v>24065.895280000001</c:v>
                </c:pt>
                <c:pt idx="2969">
                  <c:v>24367.907050000002</c:v>
                </c:pt>
                <c:pt idx="2970">
                  <c:v>24475.784680000001</c:v>
                </c:pt>
                <c:pt idx="2971">
                  <c:v>24547.277109999999</c:v>
                </c:pt>
                <c:pt idx="2972">
                  <c:v>24271.679179999999</c:v>
                </c:pt>
                <c:pt idx="2973">
                  <c:v>24194.972310000001</c:v>
                </c:pt>
                <c:pt idx="2974">
                  <c:v>24617.071960000001</c:v>
                </c:pt>
                <c:pt idx="2975">
                  <c:v>24719.352019999998</c:v>
                </c:pt>
                <c:pt idx="2976">
                  <c:v>24900.053080000002</c:v>
                </c:pt>
                <c:pt idx="2977">
                  <c:v>24733.330239999999</c:v>
                </c:pt>
                <c:pt idx="2978">
                  <c:v>25232.831920000001</c:v>
                </c:pt>
                <c:pt idx="2979">
                  <c:v>25215.725050000001</c:v>
                </c:pt>
                <c:pt idx="2980">
                  <c:v>25366.032670000001</c:v>
                </c:pt>
                <c:pt idx="2981">
                  <c:v>25498.866720000002</c:v>
                </c:pt>
                <c:pt idx="2982">
                  <c:v>24902.259399999999</c:v>
                </c:pt>
                <c:pt idx="2983">
                  <c:v>26312.810519999999</c:v>
                </c:pt>
                <c:pt idx="2984">
                  <c:v>27175.077840000002</c:v>
                </c:pt>
                <c:pt idx="2985">
                  <c:v>26728.736430000001</c:v>
                </c:pt>
                <c:pt idx="2986">
                  <c:v>26561.799660000001</c:v>
                </c:pt>
                <c:pt idx="2987">
                  <c:v>26656.84059</c:v>
                </c:pt>
                <c:pt idx="2988">
                  <c:v>26947.155419999999</c:v>
                </c:pt>
                <c:pt idx="2989">
                  <c:v>26129.81998</c:v>
                </c:pt>
                <c:pt idx="2990">
                  <c:v>25246.288359999999</c:v>
                </c:pt>
                <c:pt idx="2991">
                  <c:v>25878.845089999999</c:v>
                </c:pt>
                <c:pt idx="2992">
                  <c:v>25299.32141</c:v>
                </c:pt>
                <c:pt idx="2993">
                  <c:v>24748.825280000001</c:v>
                </c:pt>
                <c:pt idx="2994">
                  <c:v>24430.361779999999</c:v>
                </c:pt>
                <c:pt idx="2995">
                  <c:v>25749.064569999999</c:v>
                </c:pt>
                <c:pt idx="2996">
                  <c:v>26043.73861</c:v>
                </c:pt>
                <c:pt idx="2997">
                  <c:v>26335.746999999999</c:v>
                </c:pt>
                <c:pt idx="2998">
                  <c:v>26228.064590000002</c:v>
                </c:pt>
                <c:pt idx="2999">
                  <c:v>26406.090359999998</c:v>
                </c:pt>
                <c:pt idx="3000">
                  <c:v>26443.31018</c:v>
                </c:pt>
                <c:pt idx="3001">
                  <c:v>26675.21617</c:v>
                </c:pt>
                <c:pt idx="3002">
                  <c:v>26963.995800000001</c:v>
                </c:pt>
                <c:pt idx="3003">
                  <c:v>27078.356500000002</c:v>
                </c:pt>
                <c:pt idx="3004">
                  <c:v>26826.957969999999</c:v>
                </c:pt>
                <c:pt idx="3005">
                  <c:v>26325.01311</c:v>
                </c:pt>
                <c:pt idx="3006">
                  <c:v>26243.442040000002</c:v>
                </c:pt>
                <c:pt idx="3007">
                  <c:v>26335.43375</c:v>
                </c:pt>
                <c:pt idx="3008">
                  <c:v>26458.793679999999</c:v>
                </c:pt>
                <c:pt idx="3009">
                  <c:v>26669.8904</c:v>
                </c:pt>
                <c:pt idx="3010">
                  <c:v>26355.34145</c:v>
                </c:pt>
                <c:pt idx="3011">
                  <c:v>26060.904630000001</c:v>
                </c:pt>
                <c:pt idx="3012">
                  <c:v>26540.70307</c:v>
                </c:pt>
                <c:pt idx="3013">
                  <c:v>26633.698049999999</c:v>
                </c:pt>
                <c:pt idx="3014">
                  <c:v>26507.054530000001</c:v>
                </c:pt>
                <c:pt idx="3015">
                  <c:v>26402.479139999999</c:v>
                </c:pt>
                <c:pt idx="3016">
                  <c:v>25787.392970000001</c:v>
                </c:pt>
                <c:pt idx="3017">
                  <c:v>25846.140729999999</c:v>
                </c:pt>
                <c:pt idx="3018">
                  <c:v>25534.982650000002</c:v>
                </c:pt>
                <c:pt idx="3019">
                  <c:v>25501.090779999999</c:v>
                </c:pt>
                <c:pt idx="3020">
                  <c:v>25892.498250000001</c:v>
                </c:pt>
                <c:pt idx="3021">
                  <c:v>25679.454710000002</c:v>
                </c:pt>
                <c:pt idx="3022">
                  <c:v>25524.760259999999</c:v>
                </c:pt>
                <c:pt idx="3023">
                  <c:v>25745.192129999999</c:v>
                </c:pt>
                <c:pt idx="3024">
                  <c:v>25178.168000000001</c:v>
                </c:pt>
                <c:pt idx="3025">
                  <c:v>25099.991020000001</c:v>
                </c:pt>
                <c:pt idx="3026">
                  <c:v>25841.726709999999</c:v>
                </c:pt>
                <c:pt idx="3027">
                  <c:v>25550.423999999999</c:v>
                </c:pt>
                <c:pt idx="3028">
                  <c:v>25499.746879999999</c:v>
                </c:pt>
                <c:pt idx="3029">
                  <c:v>25189.51627</c:v>
                </c:pt>
                <c:pt idx="3030">
                  <c:v>25610.02044</c:v>
                </c:pt>
                <c:pt idx="3031">
                  <c:v>25196.179899999999</c:v>
                </c:pt>
                <c:pt idx="3032">
                  <c:v>24443.175279999999</c:v>
                </c:pt>
                <c:pt idx="3033">
                  <c:v>24671.676299999999</c:v>
                </c:pt>
                <c:pt idx="3034">
                  <c:v>25161.03601</c:v>
                </c:pt>
                <c:pt idx="3035">
                  <c:v>25232.120599999998</c:v>
                </c:pt>
                <c:pt idx="3036">
                  <c:v>24740.204760000001</c:v>
                </c:pt>
                <c:pt idx="3037">
                  <c:v>24173.399850000002</c:v>
                </c:pt>
                <c:pt idx="3038">
                  <c:v>24782.236959999998</c:v>
                </c:pt>
                <c:pt idx="3039">
                  <c:v>25329.689350000001</c:v>
                </c:pt>
                <c:pt idx="3040">
                  <c:v>25219.435219999999</c:v>
                </c:pt>
                <c:pt idx="3041">
                  <c:v>25098.307219999999</c:v>
                </c:pt>
                <c:pt idx="3042">
                  <c:v>24867.820930000002</c:v>
                </c:pt>
                <c:pt idx="3043">
                  <c:v>24615.25258</c:v>
                </c:pt>
                <c:pt idx="3044">
                  <c:v>24242.98461</c:v>
                </c:pt>
                <c:pt idx="3045">
                  <c:v>24731.083050000001</c:v>
                </c:pt>
                <c:pt idx="3046">
                  <c:v>24929.247889999999</c:v>
                </c:pt>
                <c:pt idx="3047">
                  <c:v>24709.62096</c:v>
                </c:pt>
                <c:pt idx="3048">
                  <c:v>23863.135760000001</c:v>
                </c:pt>
                <c:pt idx="3049">
                  <c:v>23562.334500000001</c:v>
                </c:pt>
                <c:pt idx="3050">
                  <c:v>23627.172460000002</c:v>
                </c:pt>
                <c:pt idx="3051">
                  <c:v>23327.435280000002</c:v>
                </c:pt>
                <c:pt idx="3052">
                  <c:v>23196.7032</c:v>
                </c:pt>
                <c:pt idx="3053">
                  <c:v>23427.25402</c:v>
                </c:pt>
                <c:pt idx="3054">
                  <c:v>24202.615849999998</c:v>
                </c:pt>
                <c:pt idx="3055">
                  <c:v>23718.40523</c:v>
                </c:pt>
                <c:pt idx="3056">
                  <c:v>23448.29019</c:v>
                </c:pt>
                <c:pt idx="3057">
                  <c:v>23287.673709999999</c:v>
                </c:pt>
                <c:pt idx="3058">
                  <c:v>23512.925230000001</c:v>
                </c:pt>
                <c:pt idx="3059">
                  <c:v>22599.916219999999</c:v>
                </c:pt>
                <c:pt idx="3060">
                  <c:v>22187.117450000002</c:v>
                </c:pt>
                <c:pt idx="3061">
                  <c:v>22047.889940000001</c:v>
                </c:pt>
                <c:pt idx="3062">
                  <c:v>22731.086019999999</c:v>
                </c:pt>
                <c:pt idx="3063">
                  <c:v>22284.243160000002</c:v>
                </c:pt>
                <c:pt idx="3064">
                  <c:v>22029.174340000001</c:v>
                </c:pt>
                <c:pt idx="3065">
                  <c:v>21550.260849999999</c:v>
                </c:pt>
                <c:pt idx="3066">
                  <c:v>20252.046549999999</c:v>
                </c:pt>
                <c:pt idx="3067">
                  <c:v>20355.340899999999</c:v>
                </c:pt>
                <c:pt idx="3068">
                  <c:v>20568.003860000001</c:v>
                </c:pt>
                <c:pt idx="3069">
                  <c:v>20550.685109999999</c:v>
                </c:pt>
                <c:pt idx="3070">
                  <c:v>20998.706890000001</c:v>
                </c:pt>
                <c:pt idx="3071">
                  <c:v>20271.835899999998</c:v>
                </c:pt>
                <c:pt idx="3072">
                  <c:v>19914.50735</c:v>
                </c:pt>
                <c:pt idx="3073">
                  <c:v>18753.547490000001</c:v>
                </c:pt>
                <c:pt idx="3074">
                  <c:v>19463.156070000001</c:v>
                </c:pt>
                <c:pt idx="3075">
                  <c:v>19554.79622</c:v>
                </c:pt>
                <c:pt idx="3076">
                  <c:v>19695.749749999999</c:v>
                </c:pt>
                <c:pt idx="3077">
                  <c:v>19524.12832</c:v>
                </c:pt>
                <c:pt idx="3078">
                  <c:v>19189.446250000001</c:v>
                </c:pt>
                <c:pt idx="3079">
                  <c:v>18906.035909999999</c:v>
                </c:pt>
                <c:pt idx="3080">
                  <c:v>18634.653679999999</c:v>
                </c:pt>
                <c:pt idx="3081">
                  <c:v>19085.313300000002</c:v>
                </c:pt>
                <c:pt idx="3082">
                  <c:v>19246.253400000001</c:v>
                </c:pt>
                <c:pt idx="3083">
                  <c:v>18469.43939</c:v>
                </c:pt>
                <c:pt idx="3084">
                  <c:v>18771.431229999998</c:v>
                </c:pt>
                <c:pt idx="3085">
                  <c:v>18799.472740000001</c:v>
                </c:pt>
                <c:pt idx="3086">
                  <c:v>18911.616389999999</c:v>
                </c:pt>
                <c:pt idx="3087">
                  <c:v>18315.737590000001</c:v>
                </c:pt>
                <c:pt idx="3088">
                  <c:v>18604.894489999999</c:v>
                </c:pt>
                <c:pt idx="3089">
                  <c:v>18833.80183</c:v>
                </c:pt>
                <c:pt idx="3090">
                  <c:v>18601.496500000001</c:v>
                </c:pt>
                <c:pt idx="3091">
                  <c:v>18920.70117</c:v>
                </c:pt>
                <c:pt idx="3092">
                  <c:v>19122.242689999999</c:v>
                </c:pt>
                <c:pt idx="3093">
                  <c:v>19019.122940000001</c:v>
                </c:pt>
                <c:pt idx="3094">
                  <c:v>19227.02433</c:v>
                </c:pt>
                <c:pt idx="3095">
                  <c:v>19610.31565</c:v>
                </c:pt>
                <c:pt idx="3096">
                  <c:v>19230.39444</c:v>
                </c:pt>
                <c:pt idx="3097">
                  <c:v>19626.447609999999</c:v>
                </c:pt>
                <c:pt idx="3098">
                  <c:v>19824.60658</c:v>
                </c:pt>
                <c:pt idx="3099">
                  <c:v>19861.783220000001</c:v>
                </c:pt>
                <c:pt idx="3100">
                  <c:v>20215.871459999998</c:v>
                </c:pt>
                <c:pt idx="3101">
                  <c:v>20216.539049999999</c:v>
                </c:pt>
                <c:pt idx="3102">
                  <c:v>19971.34978</c:v>
                </c:pt>
                <c:pt idx="3103">
                  <c:v>20792.106169999999</c:v>
                </c:pt>
                <c:pt idx="3104">
                  <c:v>20569.139480000002</c:v>
                </c:pt>
                <c:pt idx="3105">
                  <c:v>21157.079089999999</c:v>
                </c:pt>
                <c:pt idx="3106">
                  <c:v>21619.199570000001</c:v>
                </c:pt>
                <c:pt idx="3107">
                  <c:v>21292.290779999999</c:v>
                </c:pt>
                <c:pt idx="3108">
                  <c:v>21457.845239999999</c:v>
                </c:pt>
                <c:pt idx="3109">
                  <c:v>21533.729449999999</c:v>
                </c:pt>
                <c:pt idx="3110">
                  <c:v>21135.593079999999</c:v>
                </c:pt>
                <c:pt idx="3111">
                  <c:v>21155.004540000002</c:v>
                </c:pt>
                <c:pt idx="3112">
                  <c:v>21206.47884</c:v>
                </c:pt>
                <c:pt idx="3113">
                  <c:v>21983.311740000001</c:v>
                </c:pt>
                <c:pt idx="3114">
                  <c:v>21764.436089999999</c:v>
                </c:pt>
                <c:pt idx="3115">
                  <c:v>21606.65842</c:v>
                </c:pt>
                <c:pt idx="3116">
                  <c:v>21093.620080000001</c:v>
                </c:pt>
                <c:pt idx="3117">
                  <c:v>20654.497060000002</c:v>
                </c:pt>
                <c:pt idx="3118">
                  <c:v>19841.90395</c:v>
                </c:pt>
                <c:pt idx="3119">
                  <c:v>19760.428879999999</c:v>
                </c:pt>
                <c:pt idx="3120">
                  <c:v>20183.368429999999</c:v>
                </c:pt>
                <c:pt idx="3121">
                  <c:v>19816.431</c:v>
                </c:pt>
                <c:pt idx="3122">
                  <c:v>19711.765159999999</c:v>
                </c:pt>
                <c:pt idx="3123">
                  <c:v>19309.806209999999</c:v>
                </c:pt>
                <c:pt idx="3124">
                  <c:v>19324.494910000001</c:v>
                </c:pt>
                <c:pt idx="3125">
                  <c:v>18847.874049999999</c:v>
                </c:pt>
                <c:pt idx="3126">
                  <c:v>18872.193179999998</c:v>
                </c:pt>
                <c:pt idx="3127">
                  <c:v>18413.577600000001</c:v>
                </c:pt>
                <c:pt idx="3128">
                  <c:v>18559.351200000001</c:v>
                </c:pt>
                <c:pt idx="3129">
                  <c:v>19113.060109999999</c:v>
                </c:pt>
                <c:pt idx="3130">
                  <c:v>18796.414100000002</c:v>
                </c:pt>
                <c:pt idx="3131">
                  <c:v>19008.42164</c:v>
                </c:pt>
                <c:pt idx="3132">
                  <c:v>18431.0537</c:v>
                </c:pt>
                <c:pt idx="3133">
                  <c:v>18731.075339999999</c:v>
                </c:pt>
                <c:pt idx="3134">
                  <c:v>18438.334579999999</c:v>
                </c:pt>
                <c:pt idx="3135">
                  <c:v>17924.23588</c:v>
                </c:pt>
                <c:pt idx="3136">
                  <c:v>18187.43218</c:v>
                </c:pt>
                <c:pt idx="3137">
                  <c:v>18432.595219999999</c:v>
                </c:pt>
                <c:pt idx="3138">
                  <c:v>18580.924709999999</c:v>
                </c:pt>
                <c:pt idx="3139">
                  <c:v>17961.388190000001</c:v>
                </c:pt>
                <c:pt idx="3140">
                  <c:v>18210.309300000001</c:v>
                </c:pt>
                <c:pt idx="3141">
                  <c:v>17871.044699999999</c:v>
                </c:pt>
                <c:pt idx="3142">
                  <c:v>18054.73934</c:v>
                </c:pt>
                <c:pt idx="3143">
                  <c:v>18452.204730000001</c:v>
                </c:pt>
                <c:pt idx="3144">
                  <c:v>18928.302800000001</c:v>
                </c:pt>
                <c:pt idx="3145">
                  <c:v>19027.008740000001</c:v>
                </c:pt>
                <c:pt idx="3146">
                  <c:v>19112.820830000001</c:v>
                </c:pt>
                <c:pt idx="3147">
                  <c:v>19662.48144</c:v>
                </c:pt>
                <c:pt idx="3148">
                  <c:v>19130.649590000001</c:v>
                </c:pt>
                <c:pt idx="3149">
                  <c:v>19098.428510000002</c:v>
                </c:pt>
                <c:pt idx="3150">
                  <c:v>19425.59087</c:v>
                </c:pt>
                <c:pt idx="3151">
                  <c:v>20025.555079999998</c:v>
                </c:pt>
                <c:pt idx="3152">
                  <c:v>19729.55862</c:v>
                </c:pt>
                <c:pt idx="3153">
                  <c:v>19579.067159999999</c:v>
                </c:pt>
                <c:pt idx="3154">
                  <c:v>20819.459180000002</c:v>
                </c:pt>
                <c:pt idx="3155">
                  <c:v>21425.21934</c:v>
                </c:pt>
                <c:pt idx="3156">
                  <c:v>21115.10716</c:v>
                </c:pt>
                <c:pt idx="3157">
                  <c:v>21231.661209999998</c:v>
                </c:pt>
                <c:pt idx="3158">
                  <c:v>22894.656910000002</c:v>
                </c:pt>
                <c:pt idx="3159">
                  <c:v>23116.957569999999</c:v>
                </c:pt>
                <c:pt idx="3160">
                  <c:v>22261.002929999999</c:v>
                </c:pt>
                <c:pt idx="3161">
                  <c:v>22049.96011</c:v>
                </c:pt>
                <c:pt idx="3162">
                  <c:v>22388.67671</c:v>
                </c:pt>
                <c:pt idx="3163">
                  <c:v>23084.55241</c:v>
                </c:pt>
                <c:pt idx="3164">
                  <c:v>23367.013599999998</c:v>
                </c:pt>
                <c:pt idx="3165">
                  <c:v>22649.752830000001</c:v>
                </c:pt>
                <c:pt idx="3166">
                  <c:v>22670.185730000001</c:v>
                </c:pt>
                <c:pt idx="3167">
                  <c:v>23263.130860000001</c:v>
                </c:pt>
                <c:pt idx="3168">
                  <c:v>23030.409309999999</c:v>
                </c:pt>
                <c:pt idx="3169">
                  <c:v>22298.942279999999</c:v>
                </c:pt>
                <c:pt idx="3170">
                  <c:v>22783.771850000001</c:v>
                </c:pt>
                <c:pt idx="3171">
                  <c:v>23335.294279999998</c:v>
                </c:pt>
                <c:pt idx="3172">
                  <c:v>22725.76411</c:v>
                </c:pt>
                <c:pt idx="3173">
                  <c:v>23362.65394</c:v>
                </c:pt>
                <c:pt idx="3174">
                  <c:v>23436.6924</c:v>
                </c:pt>
                <c:pt idx="3175">
                  <c:v>23972.846570000002</c:v>
                </c:pt>
                <c:pt idx="3176">
                  <c:v>24087.469420000001</c:v>
                </c:pt>
                <c:pt idx="3177">
                  <c:v>23657.031559999999</c:v>
                </c:pt>
                <c:pt idx="3178">
                  <c:v>23417.970420000001</c:v>
                </c:pt>
                <c:pt idx="3179">
                  <c:v>22765.86189</c:v>
                </c:pt>
                <c:pt idx="3180">
                  <c:v>22892.598239999999</c:v>
                </c:pt>
                <c:pt idx="3181">
                  <c:v>22808.411339999999</c:v>
                </c:pt>
                <c:pt idx="3182">
                  <c:v>22255.62457</c:v>
                </c:pt>
                <c:pt idx="3183">
                  <c:v>22665.645509999998</c:v>
                </c:pt>
                <c:pt idx="3184">
                  <c:v>23647.583549999999</c:v>
                </c:pt>
                <c:pt idx="3185">
                  <c:v>23350.555199999999</c:v>
                </c:pt>
                <c:pt idx="3186">
                  <c:v>23053.440760000001</c:v>
                </c:pt>
                <c:pt idx="3187">
                  <c:v>22949.717970000002</c:v>
                </c:pt>
                <c:pt idx="3188">
                  <c:v>22593.465390000001</c:v>
                </c:pt>
                <c:pt idx="3189">
                  <c:v>21883.380229999999</c:v>
                </c:pt>
                <c:pt idx="3190">
                  <c:v>22570.344880000001</c:v>
                </c:pt>
                <c:pt idx="3191">
                  <c:v>23207.348279999998</c:v>
                </c:pt>
                <c:pt idx="3192">
                  <c:v>23239.01251</c:v>
                </c:pt>
                <c:pt idx="3193">
                  <c:v>23140.811310000001</c:v>
                </c:pt>
                <c:pt idx="3194">
                  <c:v>23499.57878</c:v>
                </c:pt>
                <c:pt idx="3195">
                  <c:v>23000.817520000001</c:v>
                </c:pt>
                <c:pt idx="3196">
                  <c:v>23032.6944</c:v>
                </c:pt>
                <c:pt idx="3197">
                  <c:v>22844.99756</c:v>
                </c:pt>
                <c:pt idx="3198">
                  <c:v>22723.53973</c:v>
                </c:pt>
                <c:pt idx="3199">
                  <c:v>21880.73602</c:v>
                </c:pt>
                <c:pt idx="3200">
                  <c:v>22094.845700000002</c:v>
                </c:pt>
                <c:pt idx="3201">
                  <c:v>22606.227419999999</c:v>
                </c:pt>
                <c:pt idx="3202">
                  <c:v>22625.7251</c:v>
                </c:pt>
                <c:pt idx="3203">
                  <c:v>22418.92481</c:v>
                </c:pt>
                <c:pt idx="3204">
                  <c:v>22215.283350000002</c:v>
                </c:pt>
                <c:pt idx="3205">
                  <c:v>22198.710790000001</c:v>
                </c:pt>
                <c:pt idx="3206">
                  <c:v>22107.013470000002</c:v>
                </c:pt>
                <c:pt idx="3207">
                  <c:v>22134.069670000001</c:v>
                </c:pt>
                <c:pt idx="3208">
                  <c:v>22022.18996</c:v>
                </c:pt>
                <c:pt idx="3209">
                  <c:v>21710.085429999999</c:v>
                </c:pt>
                <c:pt idx="3210">
                  <c:v>21938.185089999999</c:v>
                </c:pt>
                <c:pt idx="3211">
                  <c:v>22694.053240000001</c:v>
                </c:pt>
                <c:pt idx="3212">
                  <c:v>23856.437750000001</c:v>
                </c:pt>
                <c:pt idx="3213">
                  <c:v>24424.297790000001</c:v>
                </c:pt>
                <c:pt idx="3214">
                  <c:v>24702.329269999998</c:v>
                </c:pt>
                <c:pt idx="3215">
                  <c:v>24608.606390000001</c:v>
                </c:pt>
                <c:pt idx="3216">
                  <c:v>24783.718430000001</c:v>
                </c:pt>
                <c:pt idx="3217">
                  <c:v>25362.514220000001</c:v>
                </c:pt>
                <c:pt idx="3218">
                  <c:v>25260.106100000001</c:v>
                </c:pt>
                <c:pt idx="3219">
                  <c:v>25233.944930000001</c:v>
                </c:pt>
                <c:pt idx="3220">
                  <c:v>25587.489839999998</c:v>
                </c:pt>
                <c:pt idx="3221">
                  <c:v>25266.136569999999</c:v>
                </c:pt>
                <c:pt idx="3222">
                  <c:v>25329.541669999999</c:v>
                </c:pt>
                <c:pt idx="3223">
                  <c:v>25438.489450000001</c:v>
                </c:pt>
                <c:pt idx="3224">
                  <c:v>25518.28297</c:v>
                </c:pt>
                <c:pt idx="3225">
                  <c:v>25535.871589999999</c:v>
                </c:pt>
                <c:pt idx="3226">
                  <c:v>25148.97927</c:v>
                </c:pt>
                <c:pt idx="3227">
                  <c:v>25600.76888</c:v>
                </c:pt>
                <c:pt idx="3228">
                  <c:v>25910.443520000001</c:v>
                </c:pt>
                <c:pt idx="3229">
                  <c:v>25338.186259999999</c:v>
                </c:pt>
                <c:pt idx="3230">
                  <c:v>25660.52159</c:v>
                </c:pt>
                <c:pt idx="3231">
                  <c:v>26050.440460000002</c:v>
                </c:pt>
                <c:pt idx="3232">
                  <c:v>26720.552</c:v>
                </c:pt>
                <c:pt idx="3233">
                  <c:v>26759.2546</c:v>
                </c:pt>
                <c:pt idx="3234">
                  <c:v>26897.099910000001</c:v>
                </c:pt>
                <c:pt idx="3235">
                  <c:v>26800.93779</c:v>
                </c:pt>
                <c:pt idx="3236">
                  <c:v>25600.706050000001</c:v>
                </c:pt>
                <c:pt idx="3237">
                  <c:v>25434.596010000001</c:v>
                </c:pt>
                <c:pt idx="3238">
                  <c:v>25548.139019999999</c:v>
                </c:pt>
                <c:pt idx="3239">
                  <c:v>25108.480930000002</c:v>
                </c:pt>
                <c:pt idx="3240">
                  <c:v>25922.100330000001</c:v>
                </c:pt>
                <c:pt idx="3241">
                  <c:v>25551.840889999999</c:v>
                </c:pt>
                <c:pt idx="3242">
                  <c:v>26234.60025</c:v>
                </c:pt>
                <c:pt idx="3243">
                  <c:v>26288.01585</c:v>
                </c:pt>
                <c:pt idx="3244">
                  <c:v>25833.10313</c:v>
                </c:pt>
                <c:pt idx="3245">
                  <c:v>26326.059410000002</c:v>
                </c:pt>
                <c:pt idx="3246">
                  <c:v>25951.51067</c:v>
                </c:pt>
                <c:pt idx="3247">
                  <c:v>25794.26541</c:v>
                </c:pt>
                <c:pt idx="3248">
                  <c:v>26218.186689999999</c:v>
                </c:pt>
                <c:pt idx="3249">
                  <c:v>26056.405579999999</c:v>
                </c:pt>
                <c:pt idx="3250">
                  <c:v>25967.089690000001</c:v>
                </c:pt>
                <c:pt idx="3251">
                  <c:v>26116.457770000001</c:v>
                </c:pt>
                <c:pt idx="3252">
                  <c:v>25515.015220000001</c:v>
                </c:pt>
                <c:pt idx="3253">
                  <c:v>24999.669679999999</c:v>
                </c:pt>
                <c:pt idx="3254">
                  <c:v>24604.844349999999</c:v>
                </c:pt>
                <c:pt idx="3255">
                  <c:v>24306.33293</c:v>
                </c:pt>
                <c:pt idx="3256">
                  <c:v>24649.723429999998</c:v>
                </c:pt>
                <c:pt idx="3257">
                  <c:v>25469.398249999998</c:v>
                </c:pt>
                <c:pt idx="3258">
                  <c:v>25671.931670000002</c:v>
                </c:pt>
                <c:pt idx="3259">
                  <c:v>25880.228179999998</c:v>
                </c:pt>
                <c:pt idx="3260">
                  <c:v>25633.574229999998</c:v>
                </c:pt>
                <c:pt idx="3261">
                  <c:v>25963.58065</c:v>
                </c:pt>
                <c:pt idx="3262">
                  <c:v>26362.75244</c:v>
                </c:pt>
                <c:pt idx="3263">
                  <c:v>26379.627570000001</c:v>
                </c:pt>
                <c:pt idx="3264">
                  <c:v>25906.71441</c:v>
                </c:pt>
                <c:pt idx="3265">
                  <c:v>25362.248619999998</c:v>
                </c:pt>
                <c:pt idx="3266">
                  <c:v>24115.657719999999</c:v>
                </c:pt>
                <c:pt idx="3267">
                  <c:v>24202.069769999998</c:v>
                </c:pt>
                <c:pt idx="3268">
                  <c:v>24637.271219999999</c:v>
                </c:pt>
                <c:pt idx="3269">
                  <c:v>23375.57229</c:v>
                </c:pt>
                <c:pt idx="3270">
                  <c:v>24043.8495</c:v>
                </c:pt>
                <c:pt idx="3271">
                  <c:v>24460.878820000002</c:v>
                </c:pt>
                <c:pt idx="3272">
                  <c:v>24795.923900000002</c:v>
                </c:pt>
                <c:pt idx="3273">
                  <c:v>24682.82055</c:v>
                </c:pt>
                <c:pt idx="3274">
                  <c:v>24498.063310000001</c:v>
                </c:pt>
                <c:pt idx="3275">
                  <c:v>24969.682669999998</c:v>
                </c:pt>
                <c:pt idx="3276">
                  <c:v>25130.863590000001</c:v>
                </c:pt>
                <c:pt idx="3277">
                  <c:v>25294.009610000001</c:v>
                </c:pt>
                <c:pt idx="3278">
                  <c:v>24967.404780000001</c:v>
                </c:pt>
                <c:pt idx="3279">
                  <c:v>25052.465990000001</c:v>
                </c:pt>
                <c:pt idx="3280">
                  <c:v>24604.58051</c:v>
                </c:pt>
                <c:pt idx="3281">
                  <c:v>23834.881689999998</c:v>
                </c:pt>
                <c:pt idx="3282">
                  <c:v>24079.201700000001</c:v>
                </c:pt>
                <c:pt idx="3283">
                  <c:v>24212.240450000001</c:v>
                </c:pt>
                <c:pt idx="3284">
                  <c:v>23717.868859999999</c:v>
                </c:pt>
                <c:pt idx="3285">
                  <c:v>24012.55744</c:v>
                </c:pt>
                <c:pt idx="3286">
                  <c:v>24085.368709999999</c:v>
                </c:pt>
                <c:pt idx="3287">
                  <c:v>24313.294300000001</c:v>
                </c:pt>
                <c:pt idx="3288">
                  <c:v>23804.80126</c:v>
                </c:pt>
                <c:pt idx="3289">
                  <c:v>24375.670289999998</c:v>
                </c:pt>
                <c:pt idx="3290">
                  <c:v>24516.862410000002</c:v>
                </c:pt>
                <c:pt idx="3291">
                  <c:v>24493.328409999998</c:v>
                </c:pt>
                <c:pt idx="3292">
                  <c:v>24471.93</c:v>
                </c:pt>
                <c:pt idx="3293">
                  <c:v>24140.81524</c:v>
                </c:pt>
                <c:pt idx="3294">
                  <c:v>24377.38422</c:v>
                </c:pt>
                <c:pt idx="3295">
                  <c:v>24008.455259999999</c:v>
                </c:pt>
                <c:pt idx="3296">
                  <c:v>23714.569619999998</c:v>
                </c:pt>
                <c:pt idx="3297">
                  <c:v>24285.28859</c:v>
                </c:pt>
                <c:pt idx="3298">
                  <c:v>24024.491300000002</c:v>
                </c:pt>
                <c:pt idx="3299">
                  <c:v>23804.818670000001</c:v>
                </c:pt>
                <c:pt idx="3300">
                  <c:v>23031.82343</c:v>
                </c:pt>
                <c:pt idx="3301">
                  <c:v>23157.423050000001</c:v>
                </c:pt>
                <c:pt idx="3302">
                  <c:v>22955.21371</c:v>
                </c:pt>
                <c:pt idx="3303">
                  <c:v>22433.768599999999</c:v>
                </c:pt>
                <c:pt idx="3304">
                  <c:v>21936.07069</c:v>
                </c:pt>
                <c:pt idx="3305">
                  <c:v>22471.39086</c:v>
                </c:pt>
                <c:pt idx="3306">
                  <c:v>23301.921180000001</c:v>
                </c:pt>
                <c:pt idx="3307">
                  <c:v>23404.10239</c:v>
                </c:pt>
                <c:pt idx="3308">
                  <c:v>23243.90624</c:v>
                </c:pt>
                <c:pt idx="3309">
                  <c:v>23263.299129999999</c:v>
                </c:pt>
                <c:pt idx="3310">
                  <c:v>23500.445909999999</c:v>
                </c:pt>
                <c:pt idx="3311">
                  <c:v>23965.183229999999</c:v>
                </c:pt>
                <c:pt idx="3312">
                  <c:v>24219.138739999999</c:v>
                </c:pt>
                <c:pt idx="3313">
                  <c:v>24621.014070000001</c:v>
                </c:pt>
                <c:pt idx="3314">
                  <c:v>24731.8125</c:v>
                </c:pt>
                <c:pt idx="3315">
                  <c:v>24873.857199999999</c:v>
                </c:pt>
                <c:pt idx="3316">
                  <c:v>25203.240330000001</c:v>
                </c:pt>
                <c:pt idx="3317">
                  <c:v>24837.968949999999</c:v>
                </c:pt>
                <c:pt idx="3318">
                  <c:v>25076.062839999999</c:v>
                </c:pt>
                <c:pt idx="3319">
                  <c:v>25360.69169</c:v>
                </c:pt>
                <c:pt idx="3320">
                  <c:v>25151.396059999999</c:v>
                </c:pt>
                <c:pt idx="3321">
                  <c:v>25667.228630000001</c:v>
                </c:pt>
                <c:pt idx="3322">
                  <c:v>25607.730169999999</c:v>
                </c:pt>
                <c:pt idx="3323">
                  <c:v>25713.612580000001</c:v>
                </c:pt>
                <c:pt idx="3324">
                  <c:v>25141.055489999999</c:v>
                </c:pt>
                <c:pt idx="3325">
                  <c:v>25085.633160000001</c:v>
                </c:pt>
                <c:pt idx="3326">
                  <c:v>25751.098389999999</c:v>
                </c:pt>
                <c:pt idx="3327">
                  <c:v>25892.098399999999</c:v>
                </c:pt>
                <c:pt idx="3328">
                  <c:v>26662.2932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E25C-4DAA-A3AE-177ECB43EE3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99214080"/>
        <c:axId val="99215616"/>
      </c:lineChart>
      <c:dateAx>
        <c:axId val="99210368"/>
        <c:scaling>
          <c:orientation val="minMax"/>
        </c:scaling>
        <c:delete val="0"/>
        <c:axPos val="b"/>
        <c:numFmt formatCode="mmm\-yy" sourceLinked="0"/>
        <c:majorTickMark val="out"/>
        <c:minorTickMark val="none"/>
        <c:tickLblPos val="nextTo"/>
        <c:txPr>
          <a:bodyPr rot="0" vert="horz"/>
          <a:lstStyle/>
          <a:p>
            <a:pPr>
              <a:defRPr sz="1100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pt-BR"/>
          </a:p>
        </c:txPr>
        <c:crossAx val="99211904"/>
        <c:crosses val="autoZero"/>
        <c:auto val="0"/>
        <c:lblOffset val="100"/>
        <c:baseTimeUnit val="days"/>
        <c:majorUnit val="1"/>
        <c:majorTimeUnit val="years"/>
        <c:minorUnit val="8"/>
        <c:minorTimeUnit val="days"/>
      </c:dateAx>
      <c:valAx>
        <c:axId val="99211904"/>
        <c:scaling>
          <c:orientation val="minMax"/>
          <c:max val="105000"/>
          <c:min val="25000"/>
        </c:scaling>
        <c:delete val="0"/>
        <c:axPos val="r"/>
        <c:majorGridlines>
          <c:spPr>
            <a:ln>
              <a:solidFill>
                <a:schemeClr val="bg1">
                  <a:lumMod val="75000"/>
                </a:schemeClr>
              </a:solidFill>
              <a:prstDash val="sysDot"/>
            </a:ln>
          </c:spPr>
        </c:majorGridlines>
        <c:title>
          <c:tx>
            <c:rich>
              <a:bodyPr/>
              <a:lstStyle/>
              <a:p>
                <a:pPr>
                  <a:defRPr sz="1400" b="1" i="0" u="none" strike="noStrike" baseline="0">
                    <a:solidFill>
                      <a:srgbClr val="00206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en-US">
                    <a:solidFill>
                      <a:srgbClr val="002060"/>
                    </a:solidFill>
                  </a:rPr>
                  <a:t>Ibovespa em R$</a:t>
                </a:r>
              </a:p>
            </c:rich>
          </c:tx>
          <c:overlay val="0"/>
        </c:title>
        <c:numFmt formatCode="#,##0" sourceLinked="0"/>
        <c:majorTickMark val="in"/>
        <c:minorTickMark val="none"/>
        <c:tickLblPos val="nextTo"/>
        <c:spPr>
          <a:ln>
            <a:solidFill>
              <a:schemeClr val="tx1"/>
            </a:solidFill>
          </a:ln>
        </c:spPr>
        <c:txPr>
          <a:bodyPr rot="0" vert="horz"/>
          <a:lstStyle/>
          <a:p>
            <a:pPr>
              <a:defRPr sz="1200" b="0" i="0" u="none" strike="noStrike" baseline="0">
                <a:solidFill>
                  <a:srgbClr val="002060"/>
                </a:solidFill>
                <a:latin typeface="Arial"/>
                <a:ea typeface="Arial"/>
                <a:cs typeface="Arial"/>
              </a:defRPr>
            </a:pPr>
            <a:endParaRPr lang="pt-BR"/>
          </a:p>
        </c:txPr>
        <c:crossAx val="99210368"/>
        <c:crosses val="max"/>
        <c:crossBetween val="between"/>
      </c:valAx>
      <c:dateAx>
        <c:axId val="99214080"/>
        <c:scaling>
          <c:orientation val="minMax"/>
        </c:scaling>
        <c:delete val="1"/>
        <c:axPos val="b"/>
        <c:numFmt formatCode="m/d/yyyy" sourceLinked="1"/>
        <c:majorTickMark val="out"/>
        <c:minorTickMark val="none"/>
        <c:tickLblPos val="nextTo"/>
        <c:crossAx val="99215616"/>
        <c:crosses val="autoZero"/>
        <c:auto val="0"/>
        <c:lblOffset val="100"/>
        <c:baseTimeUnit val="days"/>
      </c:dateAx>
      <c:valAx>
        <c:axId val="99215616"/>
        <c:scaling>
          <c:orientation val="minMax"/>
          <c:max val="85000"/>
          <c:min val="5000"/>
        </c:scaling>
        <c:delete val="0"/>
        <c:axPos val="l"/>
        <c:title>
          <c:tx>
            <c:rich>
              <a:bodyPr/>
              <a:lstStyle/>
              <a:p>
                <a:pPr>
                  <a:defRPr sz="1400" b="1" i="0" u="none" strike="noStrike" baseline="0">
                    <a:solidFill>
                      <a:srgbClr val="C00000"/>
                    </a:solidFill>
                    <a:latin typeface="Arial"/>
                    <a:ea typeface="Arial"/>
                    <a:cs typeface="Arial"/>
                  </a:defRPr>
                </a:pPr>
                <a:r>
                  <a:rPr lang="en-US">
                    <a:solidFill>
                      <a:srgbClr val="C00000"/>
                    </a:solidFill>
                  </a:rPr>
                  <a:t>Ibovespa em US$</a:t>
                </a:r>
              </a:p>
            </c:rich>
          </c:tx>
          <c:overlay val="0"/>
        </c:title>
        <c:numFmt formatCode="#,##0" sourceLinked="0"/>
        <c:majorTickMark val="in"/>
        <c:minorTickMark val="none"/>
        <c:tickLblPos val="nextTo"/>
        <c:spPr>
          <a:ln>
            <a:solidFill>
              <a:srgbClr val="C00000"/>
            </a:solidFill>
          </a:ln>
        </c:spPr>
        <c:txPr>
          <a:bodyPr rot="0" vert="horz"/>
          <a:lstStyle/>
          <a:p>
            <a:pPr>
              <a:defRPr sz="1200" b="0" i="0" u="none" strike="noStrike" baseline="0">
                <a:solidFill>
                  <a:srgbClr val="C00000"/>
                </a:solidFill>
                <a:latin typeface="Arial"/>
                <a:ea typeface="Arial"/>
                <a:cs typeface="Arial"/>
              </a:defRPr>
            </a:pPr>
            <a:endParaRPr lang="pt-BR"/>
          </a:p>
        </c:txPr>
        <c:crossAx val="99214080"/>
        <c:crosses val="autoZero"/>
        <c:crossBetween val="between"/>
        <c:majorUnit val="10000"/>
      </c:valAx>
      <c:spPr>
        <a:noFill/>
        <a:ln>
          <a:solidFill>
            <a:schemeClr val="bg1">
              <a:lumMod val="50000"/>
            </a:schemeClr>
          </a:solidFill>
        </a:ln>
      </c:spPr>
    </c:plotArea>
    <c:legend>
      <c:legendPos val="r"/>
      <c:legendEntry>
        <c:idx val="0"/>
        <c:txPr>
          <a:bodyPr/>
          <a:lstStyle/>
          <a:p>
            <a:pPr>
              <a:defRPr sz="1400" b="0" i="0" u="none" strike="noStrike" baseline="0">
                <a:solidFill>
                  <a:srgbClr val="002060"/>
                </a:solidFill>
                <a:latin typeface="Arial"/>
                <a:ea typeface="Arial"/>
                <a:cs typeface="Arial"/>
              </a:defRPr>
            </a:pPr>
            <a:endParaRPr lang="pt-BR"/>
          </a:p>
        </c:txPr>
      </c:legendEntry>
      <c:legendEntry>
        <c:idx val="1"/>
        <c:txPr>
          <a:bodyPr/>
          <a:lstStyle/>
          <a:p>
            <a:pPr>
              <a:defRPr sz="1400" b="0" i="0" u="none" strike="noStrike" baseline="0">
                <a:solidFill>
                  <a:srgbClr val="C00000"/>
                </a:solidFill>
                <a:latin typeface="Arial"/>
                <a:ea typeface="Arial"/>
                <a:cs typeface="Arial"/>
              </a:defRPr>
            </a:pPr>
            <a:endParaRPr lang="pt-BR"/>
          </a:p>
        </c:txPr>
      </c:legendEntry>
      <c:layout>
        <c:manualLayout>
          <c:xMode val="edge"/>
          <c:yMode val="edge"/>
          <c:x val="4.3237568276938351E-3"/>
          <c:y val="0.92871087645836181"/>
          <c:w val="0.99567624317230619"/>
          <c:h val="6.1657235042151481E-2"/>
        </c:manualLayout>
      </c:layout>
      <c:overlay val="0"/>
      <c:txPr>
        <a:bodyPr/>
        <a:lstStyle/>
        <a:p>
          <a:pPr>
            <a:defRPr sz="1400" b="0" i="0" u="none" strike="noStrike" baseline="0">
              <a:solidFill>
                <a:srgbClr val="000000"/>
              </a:solidFill>
              <a:latin typeface="Arial"/>
              <a:ea typeface="Arial"/>
              <a:cs typeface="Arial"/>
            </a:defRPr>
          </a:pPr>
          <a:endParaRPr lang="pt-BR"/>
        </a:p>
      </c:txPr>
    </c:legend>
    <c:plotVisOnly val="1"/>
    <c:dispBlanksAs val="gap"/>
    <c:showDLblsOverMax val="0"/>
  </c:chart>
  <c:spPr>
    <a:noFill/>
    <a:ln>
      <a:noFill/>
    </a:ln>
  </c:spPr>
  <c:txPr>
    <a:bodyPr/>
    <a:lstStyle/>
    <a:p>
      <a:pPr>
        <a:defRPr sz="1000" b="0" i="0" u="none" strike="noStrike" baseline="0">
          <a:solidFill>
            <a:srgbClr val="000000"/>
          </a:solidFill>
          <a:latin typeface="Arial"/>
          <a:ea typeface="Arial"/>
          <a:cs typeface="Arial"/>
        </a:defRPr>
      </a:pPr>
      <a:endParaRPr lang="pt-BR"/>
    </a:p>
  </c:txPr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9.9428165611537625E-2"/>
          <c:y val="6.110388597400989E-2"/>
          <c:w val="0.87273133245206824"/>
          <c:h val="0.71032008271932734"/>
        </c:manualLayout>
      </c:layout>
      <c:lineChart>
        <c:grouping val="standard"/>
        <c:varyColors val="0"/>
        <c:ser>
          <c:idx val="0"/>
          <c:order val="0"/>
          <c:tx>
            <c:v>DIVIDENDOS</c:v>
          </c:tx>
          <c:spPr>
            <a:ln w="28575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cat>
            <c:numRef>
              <c:f>'[DadosIndustria325.xlsx]Quantum Axis'!$B$2:$B$3695</c:f>
              <c:numCache>
                <c:formatCode>[$-416]mmm\-yy;@</c:formatCode>
                <c:ptCount val="3694"/>
                <c:pt idx="0">
                  <c:v>38243</c:v>
                </c:pt>
                <c:pt idx="1">
                  <c:v>38244</c:v>
                </c:pt>
                <c:pt idx="2">
                  <c:v>38245</c:v>
                </c:pt>
                <c:pt idx="3">
                  <c:v>38246</c:v>
                </c:pt>
                <c:pt idx="4">
                  <c:v>38247</c:v>
                </c:pt>
                <c:pt idx="5">
                  <c:v>38250</c:v>
                </c:pt>
                <c:pt idx="6">
                  <c:v>38251</c:v>
                </c:pt>
                <c:pt idx="7">
                  <c:v>38252</c:v>
                </c:pt>
                <c:pt idx="8">
                  <c:v>38253</c:v>
                </c:pt>
                <c:pt idx="9">
                  <c:v>38254</c:v>
                </c:pt>
                <c:pt idx="10">
                  <c:v>38257</c:v>
                </c:pt>
                <c:pt idx="11">
                  <c:v>38258</c:v>
                </c:pt>
                <c:pt idx="12">
                  <c:v>38259</c:v>
                </c:pt>
                <c:pt idx="13">
                  <c:v>38260</c:v>
                </c:pt>
                <c:pt idx="14">
                  <c:v>38261</c:v>
                </c:pt>
                <c:pt idx="15">
                  <c:v>38264</c:v>
                </c:pt>
                <c:pt idx="16">
                  <c:v>38265</c:v>
                </c:pt>
                <c:pt idx="17">
                  <c:v>38266</c:v>
                </c:pt>
                <c:pt idx="18">
                  <c:v>38267</c:v>
                </c:pt>
                <c:pt idx="19">
                  <c:v>38268</c:v>
                </c:pt>
                <c:pt idx="20">
                  <c:v>38271</c:v>
                </c:pt>
                <c:pt idx="21">
                  <c:v>38273</c:v>
                </c:pt>
                <c:pt idx="22">
                  <c:v>38274</c:v>
                </c:pt>
                <c:pt idx="23">
                  <c:v>38275</c:v>
                </c:pt>
                <c:pt idx="24">
                  <c:v>38278</c:v>
                </c:pt>
                <c:pt idx="25">
                  <c:v>38279</c:v>
                </c:pt>
                <c:pt idx="26">
                  <c:v>38280</c:v>
                </c:pt>
                <c:pt idx="27">
                  <c:v>38281</c:v>
                </c:pt>
                <c:pt idx="28">
                  <c:v>38282</c:v>
                </c:pt>
                <c:pt idx="29">
                  <c:v>38285</c:v>
                </c:pt>
                <c:pt idx="30">
                  <c:v>38286</c:v>
                </c:pt>
                <c:pt idx="31">
                  <c:v>38287</c:v>
                </c:pt>
                <c:pt idx="32">
                  <c:v>38288</c:v>
                </c:pt>
                <c:pt idx="33">
                  <c:v>38289</c:v>
                </c:pt>
                <c:pt idx="34">
                  <c:v>38292</c:v>
                </c:pt>
                <c:pt idx="35">
                  <c:v>38294</c:v>
                </c:pt>
                <c:pt idx="36">
                  <c:v>38295</c:v>
                </c:pt>
                <c:pt idx="37">
                  <c:v>38296</c:v>
                </c:pt>
                <c:pt idx="38">
                  <c:v>38299</c:v>
                </c:pt>
                <c:pt idx="39">
                  <c:v>38300</c:v>
                </c:pt>
                <c:pt idx="40">
                  <c:v>38301</c:v>
                </c:pt>
                <c:pt idx="41">
                  <c:v>38302</c:v>
                </c:pt>
                <c:pt idx="42">
                  <c:v>38303</c:v>
                </c:pt>
                <c:pt idx="43">
                  <c:v>38307</c:v>
                </c:pt>
                <c:pt idx="44">
                  <c:v>38308</c:v>
                </c:pt>
                <c:pt idx="45">
                  <c:v>38309</c:v>
                </c:pt>
                <c:pt idx="46">
                  <c:v>38310</c:v>
                </c:pt>
                <c:pt idx="47">
                  <c:v>38313</c:v>
                </c:pt>
                <c:pt idx="48">
                  <c:v>38314</c:v>
                </c:pt>
                <c:pt idx="49">
                  <c:v>38315</c:v>
                </c:pt>
                <c:pt idx="50">
                  <c:v>38316</c:v>
                </c:pt>
                <c:pt idx="51">
                  <c:v>38317</c:v>
                </c:pt>
                <c:pt idx="52">
                  <c:v>38320</c:v>
                </c:pt>
                <c:pt idx="53">
                  <c:v>38321</c:v>
                </c:pt>
                <c:pt idx="54">
                  <c:v>38322</c:v>
                </c:pt>
                <c:pt idx="55">
                  <c:v>38323</c:v>
                </c:pt>
                <c:pt idx="56">
                  <c:v>38324</c:v>
                </c:pt>
                <c:pt idx="57">
                  <c:v>38327</c:v>
                </c:pt>
                <c:pt idx="58">
                  <c:v>38328</c:v>
                </c:pt>
                <c:pt idx="59">
                  <c:v>38329</c:v>
                </c:pt>
                <c:pt idx="60">
                  <c:v>38330</c:v>
                </c:pt>
                <c:pt idx="61">
                  <c:v>38331</c:v>
                </c:pt>
                <c:pt idx="62">
                  <c:v>38334</c:v>
                </c:pt>
                <c:pt idx="63">
                  <c:v>38335</c:v>
                </c:pt>
                <c:pt idx="64">
                  <c:v>38336</c:v>
                </c:pt>
                <c:pt idx="65">
                  <c:v>38337</c:v>
                </c:pt>
                <c:pt idx="66">
                  <c:v>38338</c:v>
                </c:pt>
                <c:pt idx="67">
                  <c:v>38341</c:v>
                </c:pt>
                <c:pt idx="68">
                  <c:v>38342</c:v>
                </c:pt>
                <c:pt idx="69">
                  <c:v>38343</c:v>
                </c:pt>
                <c:pt idx="70">
                  <c:v>38344</c:v>
                </c:pt>
                <c:pt idx="71">
                  <c:v>38345</c:v>
                </c:pt>
                <c:pt idx="72">
                  <c:v>38348</c:v>
                </c:pt>
                <c:pt idx="73">
                  <c:v>38349</c:v>
                </c:pt>
                <c:pt idx="74">
                  <c:v>38350</c:v>
                </c:pt>
                <c:pt idx="75">
                  <c:v>38351</c:v>
                </c:pt>
                <c:pt idx="76">
                  <c:v>38352</c:v>
                </c:pt>
                <c:pt idx="77">
                  <c:v>38355</c:v>
                </c:pt>
                <c:pt idx="78">
                  <c:v>38356</c:v>
                </c:pt>
                <c:pt idx="79">
                  <c:v>38357</c:v>
                </c:pt>
                <c:pt idx="80">
                  <c:v>38358</c:v>
                </c:pt>
                <c:pt idx="81">
                  <c:v>38359</c:v>
                </c:pt>
                <c:pt idx="82">
                  <c:v>38362</c:v>
                </c:pt>
                <c:pt idx="83">
                  <c:v>38363</c:v>
                </c:pt>
                <c:pt idx="84">
                  <c:v>38364</c:v>
                </c:pt>
                <c:pt idx="85">
                  <c:v>38365</c:v>
                </c:pt>
                <c:pt idx="86">
                  <c:v>38366</c:v>
                </c:pt>
                <c:pt idx="87">
                  <c:v>38369</c:v>
                </c:pt>
                <c:pt idx="88">
                  <c:v>38370</c:v>
                </c:pt>
                <c:pt idx="89">
                  <c:v>38371</c:v>
                </c:pt>
                <c:pt idx="90">
                  <c:v>38372</c:v>
                </c:pt>
                <c:pt idx="91">
                  <c:v>38373</c:v>
                </c:pt>
                <c:pt idx="92">
                  <c:v>38376</c:v>
                </c:pt>
                <c:pt idx="93">
                  <c:v>38377</c:v>
                </c:pt>
                <c:pt idx="94">
                  <c:v>38378</c:v>
                </c:pt>
                <c:pt idx="95">
                  <c:v>38379</c:v>
                </c:pt>
                <c:pt idx="96">
                  <c:v>38380</c:v>
                </c:pt>
                <c:pt idx="97">
                  <c:v>38383</c:v>
                </c:pt>
                <c:pt idx="98">
                  <c:v>38384</c:v>
                </c:pt>
                <c:pt idx="99">
                  <c:v>38385</c:v>
                </c:pt>
                <c:pt idx="100">
                  <c:v>38386</c:v>
                </c:pt>
                <c:pt idx="101">
                  <c:v>38387</c:v>
                </c:pt>
                <c:pt idx="102">
                  <c:v>38392</c:v>
                </c:pt>
                <c:pt idx="103">
                  <c:v>38393</c:v>
                </c:pt>
                <c:pt idx="104">
                  <c:v>38394</c:v>
                </c:pt>
                <c:pt idx="105">
                  <c:v>38397</c:v>
                </c:pt>
                <c:pt idx="106">
                  <c:v>38398</c:v>
                </c:pt>
                <c:pt idx="107">
                  <c:v>38399</c:v>
                </c:pt>
                <c:pt idx="108">
                  <c:v>38400</c:v>
                </c:pt>
                <c:pt idx="109">
                  <c:v>38401</c:v>
                </c:pt>
                <c:pt idx="110">
                  <c:v>38404</c:v>
                </c:pt>
                <c:pt idx="111">
                  <c:v>38405</c:v>
                </c:pt>
                <c:pt idx="112">
                  <c:v>38406</c:v>
                </c:pt>
                <c:pt idx="113">
                  <c:v>38407</c:v>
                </c:pt>
                <c:pt idx="114">
                  <c:v>38408</c:v>
                </c:pt>
                <c:pt idx="115">
                  <c:v>38411</c:v>
                </c:pt>
                <c:pt idx="116">
                  <c:v>38412</c:v>
                </c:pt>
                <c:pt idx="117">
                  <c:v>38413</c:v>
                </c:pt>
                <c:pt idx="118">
                  <c:v>38414</c:v>
                </c:pt>
                <c:pt idx="119">
                  <c:v>38415</c:v>
                </c:pt>
                <c:pt idx="120">
                  <c:v>38418</c:v>
                </c:pt>
                <c:pt idx="121">
                  <c:v>38419</c:v>
                </c:pt>
                <c:pt idx="122">
                  <c:v>38420</c:v>
                </c:pt>
                <c:pt idx="123">
                  <c:v>38421</c:v>
                </c:pt>
                <c:pt idx="124">
                  <c:v>38422</c:v>
                </c:pt>
                <c:pt idx="125">
                  <c:v>38425</c:v>
                </c:pt>
                <c:pt idx="126">
                  <c:v>38426</c:v>
                </c:pt>
                <c:pt idx="127">
                  <c:v>38427</c:v>
                </c:pt>
                <c:pt idx="128">
                  <c:v>38428</c:v>
                </c:pt>
                <c:pt idx="129">
                  <c:v>38429</c:v>
                </c:pt>
                <c:pt idx="130">
                  <c:v>38432</c:v>
                </c:pt>
                <c:pt idx="131">
                  <c:v>38433</c:v>
                </c:pt>
                <c:pt idx="132">
                  <c:v>38434</c:v>
                </c:pt>
                <c:pt idx="133">
                  <c:v>38435</c:v>
                </c:pt>
                <c:pt idx="134">
                  <c:v>38439</c:v>
                </c:pt>
                <c:pt idx="135">
                  <c:v>38440</c:v>
                </c:pt>
                <c:pt idx="136">
                  <c:v>38441</c:v>
                </c:pt>
                <c:pt idx="137">
                  <c:v>38442</c:v>
                </c:pt>
                <c:pt idx="138">
                  <c:v>38443</c:v>
                </c:pt>
                <c:pt idx="139">
                  <c:v>38446</c:v>
                </c:pt>
                <c:pt idx="140">
                  <c:v>38447</c:v>
                </c:pt>
                <c:pt idx="141">
                  <c:v>38448</c:v>
                </c:pt>
                <c:pt idx="142">
                  <c:v>38449</c:v>
                </c:pt>
                <c:pt idx="143">
                  <c:v>38450</c:v>
                </c:pt>
                <c:pt idx="144">
                  <c:v>38453</c:v>
                </c:pt>
                <c:pt idx="145">
                  <c:v>38454</c:v>
                </c:pt>
                <c:pt idx="146">
                  <c:v>38455</c:v>
                </c:pt>
                <c:pt idx="147">
                  <c:v>38456</c:v>
                </c:pt>
                <c:pt idx="148">
                  <c:v>38457</c:v>
                </c:pt>
                <c:pt idx="149">
                  <c:v>38460</c:v>
                </c:pt>
                <c:pt idx="150">
                  <c:v>38461</c:v>
                </c:pt>
                <c:pt idx="151">
                  <c:v>38462</c:v>
                </c:pt>
                <c:pt idx="152">
                  <c:v>38464</c:v>
                </c:pt>
                <c:pt idx="153">
                  <c:v>38467</c:v>
                </c:pt>
                <c:pt idx="154">
                  <c:v>38468</c:v>
                </c:pt>
                <c:pt idx="155">
                  <c:v>38469</c:v>
                </c:pt>
                <c:pt idx="156">
                  <c:v>38470</c:v>
                </c:pt>
                <c:pt idx="157">
                  <c:v>38471</c:v>
                </c:pt>
                <c:pt idx="158">
                  <c:v>38474</c:v>
                </c:pt>
                <c:pt idx="159">
                  <c:v>38475</c:v>
                </c:pt>
                <c:pt idx="160">
                  <c:v>38476</c:v>
                </c:pt>
                <c:pt idx="161">
                  <c:v>38477</c:v>
                </c:pt>
                <c:pt idx="162">
                  <c:v>38478</c:v>
                </c:pt>
                <c:pt idx="163">
                  <c:v>38481</c:v>
                </c:pt>
                <c:pt idx="164">
                  <c:v>38482</c:v>
                </c:pt>
                <c:pt idx="165">
                  <c:v>38483</c:v>
                </c:pt>
                <c:pt idx="166">
                  <c:v>38484</c:v>
                </c:pt>
                <c:pt idx="167">
                  <c:v>38485</c:v>
                </c:pt>
                <c:pt idx="168">
                  <c:v>38488</c:v>
                </c:pt>
                <c:pt idx="169">
                  <c:v>38489</c:v>
                </c:pt>
                <c:pt idx="170">
                  <c:v>38490</c:v>
                </c:pt>
                <c:pt idx="171">
                  <c:v>38491</c:v>
                </c:pt>
                <c:pt idx="172">
                  <c:v>38492</c:v>
                </c:pt>
                <c:pt idx="173">
                  <c:v>38495</c:v>
                </c:pt>
                <c:pt idx="174">
                  <c:v>38496</c:v>
                </c:pt>
                <c:pt idx="175">
                  <c:v>38497</c:v>
                </c:pt>
                <c:pt idx="176">
                  <c:v>38499</c:v>
                </c:pt>
                <c:pt idx="177">
                  <c:v>38502</c:v>
                </c:pt>
                <c:pt idx="178">
                  <c:v>38503</c:v>
                </c:pt>
                <c:pt idx="179">
                  <c:v>38504</c:v>
                </c:pt>
                <c:pt idx="180">
                  <c:v>38505</c:v>
                </c:pt>
                <c:pt idx="181">
                  <c:v>38506</c:v>
                </c:pt>
                <c:pt idx="182">
                  <c:v>38509</c:v>
                </c:pt>
                <c:pt idx="183">
                  <c:v>38510</c:v>
                </c:pt>
                <c:pt idx="184">
                  <c:v>38511</c:v>
                </c:pt>
                <c:pt idx="185">
                  <c:v>38512</c:v>
                </c:pt>
                <c:pt idx="186">
                  <c:v>38513</c:v>
                </c:pt>
                <c:pt idx="187">
                  <c:v>38516</c:v>
                </c:pt>
                <c:pt idx="188">
                  <c:v>38517</c:v>
                </c:pt>
                <c:pt idx="189">
                  <c:v>38518</c:v>
                </c:pt>
                <c:pt idx="190">
                  <c:v>38519</c:v>
                </c:pt>
                <c:pt idx="191">
                  <c:v>38520</c:v>
                </c:pt>
                <c:pt idx="192">
                  <c:v>38523</c:v>
                </c:pt>
                <c:pt idx="193">
                  <c:v>38524</c:v>
                </c:pt>
                <c:pt idx="194">
                  <c:v>38525</c:v>
                </c:pt>
                <c:pt idx="195">
                  <c:v>38526</c:v>
                </c:pt>
                <c:pt idx="196">
                  <c:v>38527</c:v>
                </c:pt>
                <c:pt idx="197">
                  <c:v>38530</c:v>
                </c:pt>
                <c:pt idx="198">
                  <c:v>38531</c:v>
                </c:pt>
                <c:pt idx="199">
                  <c:v>38532</c:v>
                </c:pt>
                <c:pt idx="200">
                  <c:v>38533</c:v>
                </c:pt>
                <c:pt idx="201">
                  <c:v>38534</c:v>
                </c:pt>
                <c:pt idx="202">
                  <c:v>38537</c:v>
                </c:pt>
                <c:pt idx="203">
                  <c:v>38538</c:v>
                </c:pt>
                <c:pt idx="204">
                  <c:v>38539</c:v>
                </c:pt>
                <c:pt idx="205">
                  <c:v>38540</c:v>
                </c:pt>
                <c:pt idx="206">
                  <c:v>38541</c:v>
                </c:pt>
                <c:pt idx="207">
                  <c:v>38544</c:v>
                </c:pt>
                <c:pt idx="208">
                  <c:v>38545</c:v>
                </c:pt>
                <c:pt idx="209">
                  <c:v>38546</c:v>
                </c:pt>
                <c:pt idx="210">
                  <c:v>38547</c:v>
                </c:pt>
                <c:pt idx="211">
                  <c:v>38548</c:v>
                </c:pt>
                <c:pt idx="212">
                  <c:v>38551</c:v>
                </c:pt>
                <c:pt idx="213">
                  <c:v>38552</c:v>
                </c:pt>
                <c:pt idx="214">
                  <c:v>38553</c:v>
                </c:pt>
                <c:pt idx="215">
                  <c:v>38554</c:v>
                </c:pt>
                <c:pt idx="216">
                  <c:v>38555</c:v>
                </c:pt>
                <c:pt idx="217">
                  <c:v>38558</c:v>
                </c:pt>
                <c:pt idx="218">
                  <c:v>38559</c:v>
                </c:pt>
                <c:pt idx="219">
                  <c:v>38560</c:v>
                </c:pt>
                <c:pt idx="220">
                  <c:v>38561</c:v>
                </c:pt>
                <c:pt idx="221">
                  <c:v>38562</c:v>
                </c:pt>
                <c:pt idx="222">
                  <c:v>38565</c:v>
                </c:pt>
                <c:pt idx="223">
                  <c:v>38566</c:v>
                </c:pt>
                <c:pt idx="224">
                  <c:v>38567</c:v>
                </c:pt>
                <c:pt idx="225">
                  <c:v>38568</c:v>
                </c:pt>
                <c:pt idx="226">
                  <c:v>38569</c:v>
                </c:pt>
                <c:pt idx="227">
                  <c:v>38572</c:v>
                </c:pt>
                <c:pt idx="228">
                  <c:v>38573</c:v>
                </c:pt>
                <c:pt idx="229">
                  <c:v>38574</c:v>
                </c:pt>
                <c:pt idx="230">
                  <c:v>38575</c:v>
                </c:pt>
                <c:pt idx="231">
                  <c:v>38576</c:v>
                </c:pt>
                <c:pt idx="232">
                  <c:v>38579</c:v>
                </c:pt>
                <c:pt idx="233">
                  <c:v>38580</c:v>
                </c:pt>
                <c:pt idx="234">
                  <c:v>38581</c:v>
                </c:pt>
                <c:pt idx="235">
                  <c:v>38582</c:v>
                </c:pt>
                <c:pt idx="236">
                  <c:v>38583</c:v>
                </c:pt>
                <c:pt idx="237">
                  <c:v>38586</c:v>
                </c:pt>
                <c:pt idx="238">
                  <c:v>38587</c:v>
                </c:pt>
                <c:pt idx="239">
                  <c:v>38588</c:v>
                </c:pt>
                <c:pt idx="240">
                  <c:v>38589</c:v>
                </c:pt>
                <c:pt idx="241">
                  <c:v>38590</c:v>
                </c:pt>
                <c:pt idx="242">
                  <c:v>38593</c:v>
                </c:pt>
                <c:pt idx="243">
                  <c:v>38594</c:v>
                </c:pt>
                <c:pt idx="244">
                  <c:v>38595</c:v>
                </c:pt>
                <c:pt idx="245">
                  <c:v>38596</c:v>
                </c:pt>
                <c:pt idx="246">
                  <c:v>38597</c:v>
                </c:pt>
                <c:pt idx="247">
                  <c:v>38600</c:v>
                </c:pt>
                <c:pt idx="248">
                  <c:v>38601</c:v>
                </c:pt>
                <c:pt idx="249">
                  <c:v>38603</c:v>
                </c:pt>
                <c:pt idx="250">
                  <c:v>38604</c:v>
                </c:pt>
                <c:pt idx="251">
                  <c:v>38607</c:v>
                </c:pt>
                <c:pt idx="252">
                  <c:v>38608</c:v>
                </c:pt>
                <c:pt idx="253">
                  <c:v>38609</c:v>
                </c:pt>
                <c:pt idx="254">
                  <c:v>38610</c:v>
                </c:pt>
                <c:pt idx="255">
                  <c:v>38611</c:v>
                </c:pt>
                <c:pt idx="256">
                  <c:v>38614</c:v>
                </c:pt>
                <c:pt idx="257">
                  <c:v>38615</c:v>
                </c:pt>
                <c:pt idx="258">
                  <c:v>38616</c:v>
                </c:pt>
                <c:pt idx="259">
                  <c:v>38617</c:v>
                </c:pt>
                <c:pt idx="260">
                  <c:v>38618</c:v>
                </c:pt>
                <c:pt idx="261">
                  <c:v>38621</c:v>
                </c:pt>
                <c:pt idx="262">
                  <c:v>38622</c:v>
                </c:pt>
                <c:pt idx="263">
                  <c:v>38623</c:v>
                </c:pt>
                <c:pt idx="264">
                  <c:v>38624</c:v>
                </c:pt>
                <c:pt idx="265">
                  <c:v>38625</c:v>
                </c:pt>
                <c:pt idx="266">
                  <c:v>38628</c:v>
                </c:pt>
                <c:pt idx="267">
                  <c:v>38629</c:v>
                </c:pt>
                <c:pt idx="268">
                  <c:v>38630</c:v>
                </c:pt>
                <c:pt idx="269">
                  <c:v>38631</c:v>
                </c:pt>
                <c:pt idx="270">
                  <c:v>38632</c:v>
                </c:pt>
                <c:pt idx="271">
                  <c:v>38635</c:v>
                </c:pt>
                <c:pt idx="272">
                  <c:v>38636</c:v>
                </c:pt>
                <c:pt idx="273">
                  <c:v>38638</c:v>
                </c:pt>
                <c:pt idx="274">
                  <c:v>38639</c:v>
                </c:pt>
                <c:pt idx="275">
                  <c:v>38642</c:v>
                </c:pt>
                <c:pt idx="276">
                  <c:v>38643</c:v>
                </c:pt>
                <c:pt idx="277">
                  <c:v>38644</c:v>
                </c:pt>
                <c:pt idx="278">
                  <c:v>38645</c:v>
                </c:pt>
                <c:pt idx="279">
                  <c:v>38646</c:v>
                </c:pt>
                <c:pt idx="280">
                  <c:v>38649</c:v>
                </c:pt>
                <c:pt idx="281">
                  <c:v>38650</c:v>
                </c:pt>
                <c:pt idx="282">
                  <c:v>38651</c:v>
                </c:pt>
                <c:pt idx="283">
                  <c:v>38652</c:v>
                </c:pt>
                <c:pt idx="284">
                  <c:v>38653</c:v>
                </c:pt>
                <c:pt idx="285">
                  <c:v>38656</c:v>
                </c:pt>
                <c:pt idx="286">
                  <c:v>38657</c:v>
                </c:pt>
                <c:pt idx="287">
                  <c:v>38659</c:v>
                </c:pt>
                <c:pt idx="288">
                  <c:v>38660</c:v>
                </c:pt>
                <c:pt idx="289">
                  <c:v>38663</c:v>
                </c:pt>
                <c:pt idx="290">
                  <c:v>38664</c:v>
                </c:pt>
                <c:pt idx="291">
                  <c:v>38665</c:v>
                </c:pt>
                <c:pt idx="292">
                  <c:v>38666</c:v>
                </c:pt>
                <c:pt idx="293">
                  <c:v>38667</c:v>
                </c:pt>
                <c:pt idx="294">
                  <c:v>38670</c:v>
                </c:pt>
                <c:pt idx="295">
                  <c:v>38672</c:v>
                </c:pt>
                <c:pt idx="296">
                  <c:v>38673</c:v>
                </c:pt>
                <c:pt idx="297">
                  <c:v>38674</c:v>
                </c:pt>
                <c:pt idx="298">
                  <c:v>38677</c:v>
                </c:pt>
                <c:pt idx="299">
                  <c:v>38678</c:v>
                </c:pt>
                <c:pt idx="300">
                  <c:v>38679</c:v>
                </c:pt>
                <c:pt idx="301">
                  <c:v>38680</c:v>
                </c:pt>
                <c:pt idx="302">
                  <c:v>38681</c:v>
                </c:pt>
                <c:pt idx="303">
                  <c:v>38684</c:v>
                </c:pt>
                <c:pt idx="304">
                  <c:v>38685</c:v>
                </c:pt>
                <c:pt idx="305">
                  <c:v>38686</c:v>
                </c:pt>
                <c:pt idx="306">
                  <c:v>38687</c:v>
                </c:pt>
                <c:pt idx="307">
                  <c:v>38688</c:v>
                </c:pt>
                <c:pt idx="308">
                  <c:v>38691</c:v>
                </c:pt>
                <c:pt idx="309">
                  <c:v>38692</c:v>
                </c:pt>
                <c:pt idx="310">
                  <c:v>38693</c:v>
                </c:pt>
                <c:pt idx="311">
                  <c:v>38694</c:v>
                </c:pt>
                <c:pt idx="312">
                  <c:v>38695</c:v>
                </c:pt>
                <c:pt idx="313">
                  <c:v>38698</c:v>
                </c:pt>
                <c:pt idx="314">
                  <c:v>38699</c:v>
                </c:pt>
                <c:pt idx="315">
                  <c:v>38700</c:v>
                </c:pt>
                <c:pt idx="316">
                  <c:v>38701</c:v>
                </c:pt>
                <c:pt idx="317">
                  <c:v>38702</c:v>
                </c:pt>
                <c:pt idx="318">
                  <c:v>38705</c:v>
                </c:pt>
                <c:pt idx="319">
                  <c:v>38706</c:v>
                </c:pt>
                <c:pt idx="320">
                  <c:v>38707</c:v>
                </c:pt>
                <c:pt idx="321">
                  <c:v>38708</c:v>
                </c:pt>
                <c:pt idx="322">
                  <c:v>38709</c:v>
                </c:pt>
                <c:pt idx="323">
                  <c:v>38712</c:v>
                </c:pt>
                <c:pt idx="324">
                  <c:v>38713</c:v>
                </c:pt>
                <c:pt idx="325">
                  <c:v>38714</c:v>
                </c:pt>
                <c:pt idx="326">
                  <c:v>38715</c:v>
                </c:pt>
                <c:pt idx="327">
                  <c:v>38716</c:v>
                </c:pt>
                <c:pt idx="328">
                  <c:v>38719</c:v>
                </c:pt>
                <c:pt idx="329">
                  <c:v>38720</c:v>
                </c:pt>
                <c:pt idx="330">
                  <c:v>38721</c:v>
                </c:pt>
                <c:pt idx="331">
                  <c:v>38722</c:v>
                </c:pt>
                <c:pt idx="332">
                  <c:v>38723</c:v>
                </c:pt>
                <c:pt idx="333">
                  <c:v>38726</c:v>
                </c:pt>
                <c:pt idx="334">
                  <c:v>38727</c:v>
                </c:pt>
                <c:pt idx="335">
                  <c:v>38728</c:v>
                </c:pt>
                <c:pt idx="336">
                  <c:v>38729</c:v>
                </c:pt>
                <c:pt idx="337">
                  <c:v>38730</c:v>
                </c:pt>
                <c:pt idx="338">
                  <c:v>38733</c:v>
                </c:pt>
                <c:pt idx="339">
                  <c:v>38734</c:v>
                </c:pt>
                <c:pt idx="340">
                  <c:v>38735</c:v>
                </c:pt>
                <c:pt idx="341">
                  <c:v>38736</c:v>
                </c:pt>
                <c:pt idx="342">
                  <c:v>38737</c:v>
                </c:pt>
                <c:pt idx="343">
                  <c:v>38740</c:v>
                </c:pt>
                <c:pt idx="344">
                  <c:v>38741</c:v>
                </c:pt>
                <c:pt idx="345">
                  <c:v>38742</c:v>
                </c:pt>
                <c:pt idx="346">
                  <c:v>38743</c:v>
                </c:pt>
                <c:pt idx="347">
                  <c:v>38744</c:v>
                </c:pt>
                <c:pt idx="348">
                  <c:v>38747</c:v>
                </c:pt>
                <c:pt idx="349">
                  <c:v>38748</c:v>
                </c:pt>
                <c:pt idx="350">
                  <c:v>38749</c:v>
                </c:pt>
                <c:pt idx="351">
                  <c:v>38750</c:v>
                </c:pt>
                <c:pt idx="352">
                  <c:v>38751</c:v>
                </c:pt>
                <c:pt idx="353">
                  <c:v>38754</c:v>
                </c:pt>
                <c:pt idx="354">
                  <c:v>38755</c:v>
                </c:pt>
                <c:pt idx="355">
                  <c:v>38756</c:v>
                </c:pt>
                <c:pt idx="356">
                  <c:v>38757</c:v>
                </c:pt>
                <c:pt idx="357">
                  <c:v>38758</c:v>
                </c:pt>
                <c:pt idx="358">
                  <c:v>38761</c:v>
                </c:pt>
                <c:pt idx="359">
                  <c:v>38762</c:v>
                </c:pt>
                <c:pt idx="360">
                  <c:v>38763</c:v>
                </c:pt>
                <c:pt idx="361">
                  <c:v>38764</c:v>
                </c:pt>
                <c:pt idx="362">
                  <c:v>38765</c:v>
                </c:pt>
                <c:pt idx="363">
                  <c:v>38768</c:v>
                </c:pt>
                <c:pt idx="364">
                  <c:v>38769</c:v>
                </c:pt>
                <c:pt idx="365">
                  <c:v>38770</c:v>
                </c:pt>
                <c:pt idx="366">
                  <c:v>38771</c:v>
                </c:pt>
                <c:pt idx="367">
                  <c:v>38772</c:v>
                </c:pt>
                <c:pt idx="368">
                  <c:v>38777</c:v>
                </c:pt>
                <c:pt idx="369">
                  <c:v>38778</c:v>
                </c:pt>
                <c:pt idx="370">
                  <c:v>38779</c:v>
                </c:pt>
                <c:pt idx="371">
                  <c:v>38782</c:v>
                </c:pt>
                <c:pt idx="372">
                  <c:v>38783</c:v>
                </c:pt>
                <c:pt idx="373">
                  <c:v>38784</c:v>
                </c:pt>
                <c:pt idx="374">
                  <c:v>38785</c:v>
                </c:pt>
                <c:pt idx="375">
                  <c:v>38786</c:v>
                </c:pt>
                <c:pt idx="376">
                  <c:v>38789</c:v>
                </c:pt>
                <c:pt idx="377">
                  <c:v>38790</c:v>
                </c:pt>
                <c:pt idx="378">
                  <c:v>38791</c:v>
                </c:pt>
                <c:pt idx="379">
                  <c:v>38792</c:v>
                </c:pt>
                <c:pt idx="380">
                  <c:v>38793</c:v>
                </c:pt>
                <c:pt idx="381">
                  <c:v>38796</c:v>
                </c:pt>
                <c:pt idx="382">
                  <c:v>38797</c:v>
                </c:pt>
                <c:pt idx="383">
                  <c:v>38798</c:v>
                </c:pt>
                <c:pt idx="384">
                  <c:v>38799</c:v>
                </c:pt>
                <c:pt idx="385">
                  <c:v>38800</c:v>
                </c:pt>
                <c:pt idx="386">
                  <c:v>38803</c:v>
                </c:pt>
                <c:pt idx="387">
                  <c:v>38804</c:v>
                </c:pt>
                <c:pt idx="388">
                  <c:v>38805</c:v>
                </c:pt>
                <c:pt idx="389">
                  <c:v>38806</c:v>
                </c:pt>
                <c:pt idx="390">
                  <c:v>38807</c:v>
                </c:pt>
                <c:pt idx="391">
                  <c:v>38810</c:v>
                </c:pt>
                <c:pt idx="392">
                  <c:v>38811</c:v>
                </c:pt>
                <c:pt idx="393">
                  <c:v>38812</c:v>
                </c:pt>
                <c:pt idx="394">
                  <c:v>38813</c:v>
                </c:pt>
                <c:pt idx="395">
                  <c:v>38814</c:v>
                </c:pt>
                <c:pt idx="396">
                  <c:v>38817</c:v>
                </c:pt>
                <c:pt idx="397">
                  <c:v>38818</c:v>
                </c:pt>
                <c:pt idx="398">
                  <c:v>38819</c:v>
                </c:pt>
                <c:pt idx="399">
                  <c:v>38820</c:v>
                </c:pt>
                <c:pt idx="400">
                  <c:v>38824</c:v>
                </c:pt>
                <c:pt idx="401">
                  <c:v>38825</c:v>
                </c:pt>
                <c:pt idx="402">
                  <c:v>38826</c:v>
                </c:pt>
                <c:pt idx="403">
                  <c:v>38827</c:v>
                </c:pt>
                <c:pt idx="404">
                  <c:v>38831</c:v>
                </c:pt>
                <c:pt idx="405">
                  <c:v>38832</c:v>
                </c:pt>
                <c:pt idx="406">
                  <c:v>38833</c:v>
                </c:pt>
                <c:pt idx="407">
                  <c:v>38834</c:v>
                </c:pt>
                <c:pt idx="408">
                  <c:v>38835</c:v>
                </c:pt>
                <c:pt idx="409">
                  <c:v>38839</c:v>
                </c:pt>
                <c:pt idx="410">
                  <c:v>38840</c:v>
                </c:pt>
                <c:pt idx="411">
                  <c:v>38841</c:v>
                </c:pt>
                <c:pt idx="412">
                  <c:v>38842</c:v>
                </c:pt>
                <c:pt idx="413">
                  <c:v>38845</c:v>
                </c:pt>
                <c:pt idx="414">
                  <c:v>38846</c:v>
                </c:pt>
                <c:pt idx="415">
                  <c:v>38847</c:v>
                </c:pt>
                <c:pt idx="416">
                  <c:v>38848</c:v>
                </c:pt>
                <c:pt idx="417">
                  <c:v>38849</c:v>
                </c:pt>
                <c:pt idx="418">
                  <c:v>38852</c:v>
                </c:pt>
                <c:pt idx="419">
                  <c:v>38853</c:v>
                </c:pt>
                <c:pt idx="420">
                  <c:v>38854</c:v>
                </c:pt>
                <c:pt idx="421">
                  <c:v>38855</c:v>
                </c:pt>
                <c:pt idx="422">
                  <c:v>38856</c:v>
                </c:pt>
                <c:pt idx="423">
                  <c:v>38859</c:v>
                </c:pt>
                <c:pt idx="424">
                  <c:v>38860</c:v>
                </c:pt>
                <c:pt idx="425">
                  <c:v>38861</c:v>
                </c:pt>
                <c:pt idx="426">
                  <c:v>38862</c:v>
                </c:pt>
                <c:pt idx="427">
                  <c:v>38863</c:v>
                </c:pt>
                <c:pt idx="428">
                  <c:v>38866</c:v>
                </c:pt>
                <c:pt idx="429">
                  <c:v>38867</c:v>
                </c:pt>
                <c:pt idx="430">
                  <c:v>38868</c:v>
                </c:pt>
                <c:pt idx="431">
                  <c:v>38869</c:v>
                </c:pt>
                <c:pt idx="432">
                  <c:v>38870</c:v>
                </c:pt>
                <c:pt idx="433">
                  <c:v>38873</c:v>
                </c:pt>
                <c:pt idx="434">
                  <c:v>38874</c:v>
                </c:pt>
                <c:pt idx="435">
                  <c:v>38875</c:v>
                </c:pt>
                <c:pt idx="436">
                  <c:v>38876</c:v>
                </c:pt>
                <c:pt idx="437">
                  <c:v>38877</c:v>
                </c:pt>
                <c:pt idx="438">
                  <c:v>38880</c:v>
                </c:pt>
                <c:pt idx="439">
                  <c:v>38881</c:v>
                </c:pt>
                <c:pt idx="440">
                  <c:v>38882</c:v>
                </c:pt>
                <c:pt idx="441">
                  <c:v>38884</c:v>
                </c:pt>
                <c:pt idx="442">
                  <c:v>38887</c:v>
                </c:pt>
                <c:pt idx="443">
                  <c:v>38888</c:v>
                </c:pt>
                <c:pt idx="444">
                  <c:v>38889</c:v>
                </c:pt>
                <c:pt idx="445">
                  <c:v>38890</c:v>
                </c:pt>
                <c:pt idx="446">
                  <c:v>38891</c:v>
                </c:pt>
                <c:pt idx="447">
                  <c:v>38894</c:v>
                </c:pt>
                <c:pt idx="448">
                  <c:v>38895</c:v>
                </c:pt>
                <c:pt idx="449">
                  <c:v>38896</c:v>
                </c:pt>
                <c:pt idx="450">
                  <c:v>38897</c:v>
                </c:pt>
                <c:pt idx="451">
                  <c:v>38898</c:v>
                </c:pt>
                <c:pt idx="452">
                  <c:v>38901</c:v>
                </c:pt>
                <c:pt idx="453">
                  <c:v>38902</c:v>
                </c:pt>
                <c:pt idx="454">
                  <c:v>38903</c:v>
                </c:pt>
                <c:pt idx="455">
                  <c:v>38904</c:v>
                </c:pt>
                <c:pt idx="456">
                  <c:v>38905</c:v>
                </c:pt>
                <c:pt idx="457">
                  <c:v>38908</c:v>
                </c:pt>
                <c:pt idx="458">
                  <c:v>38909</c:v>
                </c:pt>
                <c:pt idx="459">
                  <c:v>38910</c:v>
                </c:pt>
                <c:pt idx="460">
                  <c:v>38911</c:v>
                </c:pt>
                <c:pt idx="461">
                  <c:v>38912</c:v>
                </c:pt>
                <c:pt idx="462">
                  <c:v>38915</c:v>
                </c:pt>
                <c:pt idx="463">
                  <c:v>38916</c:v>
                </c:pt>
                <c:pt idx="464">
                  <c:v>38917</c:v>
                </c:pt>
                <c:pt idx="465">
                  <c:v>38918</c:v>
                </c:pt>
                <c:pt idx="466">
                  <c:v>38919</c:v>
                </c:pt>
                <c:pt idx="467">
                  <c:v>38922</c:v>
                </c:pt>
                <c:pt idx="468">
                  <c:v>38923</c:v>
                </c:pt>
                <c:pt idx="469">
                  <c:v>38924</c:v>
                </c:pt>
                <c:pt idx="470">
                  <c:v>38925</c:v>
                </c:pt>
                <c:pt idx="471">
                  <c:v>38926</c:v>
                </c:pt>
                <c:pt idx="472">
                  <c:v>38929</c:v>
                </c:pt>
                <c:pt idx="473">
                  <c:v>38930</c:v>
                </c:pt>
                <c:pt idx="474">
                  <c:v>38931</c:v>
                </c:pt>
                <c:pt idx="475">
                  <c:v>38932</c:v>
                </c:pt>
                <c:pt idx="476">
                  <c:v>38933</c:v>
                </c:pt>
                <c:pt idx="477">
                  <c:v>38936</c:v>
                </c:pt>
                <c:pt idx="478">
                  <c:v>38937</c:v>
                </c:pt>
                <c:pt idx="479">
                  <c:v>38938</c:v>
                </c:pt>
                <c:pt idx="480">
                  <c:v>38939</c:v>
                </c:pt>
                <c:pt idx="481">
                  <c:v>38940</c:v>
                </c:pt>
                <c:pt idx="482">
                  <c:v>38943</c:v>
                </c:pt>
                <c:pt idx="483">
                  <c:v>38944</c:v>
                </c:pt>
                <c:pt idx="484">
                  <c:v>38945</c:v>
                </c:pt>
                <c:pt idx="485">
                  <c:v>38946</c:v>
                </c:pt>
                <c:pt idx="486">
                  <c:v>38947</c:v>
                </c:pt>
                <c:pt idx="487">
                  <c:v>38950</c:v>
                </c:pt>
                <c:pt idx="488">
                  <c:v>38951</c:v>
                </c:pt>
                <c:pt idx="489">
                  <c:v>38952</c:v>
                </c:pt>
                <c:pt idx="490">
                  <c:v>38953</c:v>
                </c:pt>
                <c:pt idx="491">
                  <c:v>38954</c:v>
                </c:pt>
                <c:pt idx="492">
                  <c:v>38957</c:v>
                </c:pt>
                <c:pt idx="493">
                  <c:v>38958</c:v>
                </c:pt>
                <c:pt idx="494">
                  <c:v>38959</c:v>
                </c:pt>
                <c:pt idx="495">
                  <c:v>38960</c:v>
                </c:pt>
                <c:pt idx="496">
                  <c:v>38961</c:v>
                </c:pt>
                <c:pt idx="497">
                  <c:v>38964</c:v>
                </c:pt>
                <c:pt idx="498">
                  <c:v>38965</c:v>
                </c:pt>
                <c:pt idx="499">
                  <c:v>38966</c:v>
                </c:pt>
                <c:pt idx="500">
                  <c:v>38968</c:v>
                </c:pt>
                <c:pt idx="501">
                  <c:v>38971</c:v>
                </c:pt>
                <c:pt idx="502">
                  <c:v>38972</c:v>
                </c:pt>
                <c:pt idx="503">
                  <c:v>38973</c:v>
                </c:pt>
                <c:pt idx="504">
                  <c:v>38974</c:v>
                </c:pt>
                <c:pt idx="505">
                  <c:v>38975</c:v>
                </c:pt>
                <c:pt idx="506">
                  <c:v>38978</c:v>
                </c:pt>
                <c:pt idx="507">
                  <c:v>38979</c:v>
                </c:pt>
                <c:pt idx="508">
                  <c:v>38980</c:v>
                </c:pt>
                <c:pt idx="509">
                  <c:v>38981</c:v>
                </c:pt>
                <c:pt idx="510">
                  <c:v>38982</c:v>
                </c:pt>
                <c:pt idx="511">
                  <c:v>38985</c:v>
                </c:pt>
                <c:pt idx="512">
                  <c:v>38986</c:v>
                </c:pt>
                <c:pt idx="513">
                  <c:v>38987</c:v>
                </c:pt>
                <c:pt idx="514">
                  <c:v>38988</c:v>
                </c:pt>
                <c:pt idx="515">
                  <c:v>38989</c:v>
                </c:pt>
                <c:pt idx="516">
                  <c:v>38992</c:v>
                </c:pt>
                <c:pt idx="517">
                  <c:v>38993</c:v>
                </c:pt>
                <c:pt idx="518">
                  <c:v>38994</c:v>
                </c:pt>
                <c:pt idx="519">
                  <c:v>38995</c:v>
                </c:pt>
                <c:pt idx="520">
                  <c:v>38996</c:v>
                </c:pt>
                <c:pt idx="521">
                  <c:v>38999</c:v>
                </c:pt>
                <c:pt idx="522">
                  <c:v>39000</c:v>
                </c:pt>
                <c:pt idx="523">
                  <c:v>39001</c:v>
                </c:pt>
                <c:pt idx="524">
                  <c:v>39003</c:v>
                </c:pt>
                <c:pt idx="525">
                  <c:v>39006</c:v>
                </c:pt>
                <c:pt idx="526">
                  <c:v>39007</c:v>
                </c:pt>
                <c:pt idx="527">
                  <c:v>39008</c:v>
                </c:pt>
                <c:pt idx="528">
                  <c:v>39009</c:v>
                </c:pt>
                <c:pt idx="529">
                  <c:v>39010</c:v>
                </c:pt>
                <c:pt idx="530">
                  <c:v>39013</c:v>
                </c:pt>
                <c:pt idx="531">
                  <c:v>39014</c:v>
                </c:pt>
                <c:pt idx="532">
                  <c:v>39015</c:v>
                </c:pt>
                <c:pt idx="533">
                  <c:v>39016</c:v>
                </c:pt>
                <c:pt idx="534">
                  <c:v>39017</c:v>
                </c:pt>
                <c:pt idx="535">
                  <c:v>39020</c:v>
                </c:pt>
                <c:pt idx="536">
                  <c:v>39021</c:v>
                </c:pt>
                <c:pt idx="537">
                  <c:v>39022</c:v>
                </c:pt>
                <c:pt idx="538">
                  <c:v>39024</c:v>
                </c:pt>
                <c:pt idx="539">
                  <c:v>39027</c:v>
                </c:pt>
                <c:pt idx="540">
                  <c:v>39028</c:v>
                </c:pt>
                <c:pt idx="541">
                  <c:v>39029</c:v>
                </c:pt>
                <c:pt idx="542">
                  <c:v>39030</c:v>
                </c:pt>
                <c:pt idx="543">
                  <c:v>39031</c:v>
                </c:pt>
                <c:pt idx="544">
                  <c:v>39034</c:v>
                </c:pt>
                <c:pt idx="545">
                  <c:v>39035</c:v>
                </c:pt>
                <c:pt idx="546">
                  <c:v>39037</c:v>
                </c:pt>
                <c:pt idx="547">
                  <c:v>39038</c:v>
                </c:pt>
                <c:pt idx="548">
                  <c:v>39041</c:v>
                </c:pt>
                <c:pt idx="549">
                  <c:v>39042</c:v>
                </c:pt>
                <c:pt idx="550">
                  <c:v>39043</c:v>
                </c:pt>
                <c:pt idx="551">
                  <c:v>39044</c:v>
                </c:pt>
                <c:pt idx="552">
                  <c:v>39045</c:v>
                </c:pt>
                <c:pt idx="553">
                  <c:v>39048</c:v>
                </c:pt>
                <c:pt idx="554">
                  <c:v>39049</c:v>
                </c:pt>
                <c:pt idx="555">
                  <c:v>39050</c:v>
                </c:pt>
                <c:pt idx="556">
                  <c:v>39051</c:v>
                </c:pt>
                <c:pt idx="557">
                  <c:v>39052</c:v>
                </c:pt>
                <c:pt idx="558">
                  <c:v>39055</c:v>
                </c:pt>
                <c:pt idx="559">
                  <c:v>39056</c:v>
                </c:pt>
                <c:pt idx="560">
                  <c:v>39057</c:v>
                </c:pt>
                <c:pt idx="561">
                  <c:v>39058</c:v>
                </c:pt>
                <c:pt idx="562">
                  <c:v>39059</c:v>
                </c:pt>
                <c:pt idx="563">
                  <c:v>39062</c:v>
                </c:pt>
                <c:pt idx="564">
                  <c:v>39063</c:v>
                </c:pt>
                <c:pt idx="565">
                  <c:v>39064</c:v>
                </c:pt>
                <c:pt idx="566">
                  <c:v>39065</c:v>
                </c:pt>
                <c:pt idx="567">
                  <c:v>39066</c:v>
                </c:pt>
                <c:pt idx="568">
                  <c:v>39069</c:v>
                </c:pt>
                <c:pt idx="569">
                  <c:v>39070</c:v>
                </c:pt>
                <c:pt idx="570">
                  <c:v>39071</c:v>
                </c:pt>
                <c:pt idx="571">
                  <c:v>39072</c:v>
                </c:pt>
                <c:pt idx="572">
                  <c:v>39073</c:v>
                </c:pt>
                <c:pt idx="573">
                  <c:v>39077</c:v>
                </c:pt>
                <c:pt idx="574">
                  <c:v>39078</c:v>
                </c:pt>
                <c:pt idx="575">
                  <c:v>39079</c:v>
                </c:pt>
                <c:pt idx="576">
                  <c:v>39080</c:v>
                </c:pt>
                <c:pt idx="577">
                  <c:v>39084</c:v>
                </c:pt>
                <c:pt idx="578">
                  <c:v>39085</c:v>
                </c:pt>
                <c:pt idx="579">
                  <c:v>39086</c:v>
                </c:pt>
                <c:pt idx="580">
                  <c:v>39087</c:v>
                </c:pt>
                <c:pt idx="581">
                  <c:v>39090</c:v>
                </c:pt>
                <c:pt idx="582">
                  <c:v>39091</c:v>
                </c:pt>
                <c:pt idx="583">
                  <c:v>39092</c:v>
                </c:pt>
                <c:pt idx="584">
                  <c:v>39093</c:v>
                </c:pt>
                <c:pt idx="585">
                  <c:v>39094</c:v>
                </c:pt>
                <c:pt idx="586">
                  <c:v>39097</c:v>
                </c:pt>
                <c:pt idx="587">
                  <c:v>39098</c:v>
                </c:pt>
                <c:pt idx="588">
                  <c:v>39099</c:v>
                </c:pt>
                <c:pt idx="589">
                  <c:v>39100</c:v>
                </c:pt>
                <c:pt idx="590">
                  <c:v>39101</c:v>
                </c:pt>
                <c:pt idx="591">
                  <c:v>39104</c:v>
                </c:pt>
                <c:pt idx="592">
                  <c:v>39105</c:v>
                </c:pt>
                <c:pt idx="593">
                  <c:v>39106</c:v>
                </c:pt>
                <c:pt idx="594">
                  <c:v>39107</c:v>
                </c:pt>
                <c:pt idx="595">
                  <c:v>39108</c:v>
                </c:pt>
                <c:pt idx="596">
                  <c:v>39111</c:v>
                </c:pt>
                <c:pt idx="597">
                  <c:v>39112</c:v>
                </c:pt>
                <c:pt idx="598">
                  <c:v>39113</c:v>
                </c:pt>
                <c:pt idx="599">
                  <c:v>39114</c:v>
                </c:pt>
                <c:pt idx="600">
                  <c:v>39115</c:v>
                </c:pt>
                <c:pt idx="601">
                  <c:v>39118</c:v>
                </c:pt>
                <c:pt idx="602">
                  <c:v>39119</c:v>
                </c:pt>
                <c:pt idx="603">
                  <c:v>39120</c:v>
                </c:pt>
                <c:pt idx="604">
                  <c:v>39121</c:v>
                </c:pt>
                <c:pt idx="605">
                  <c:v>39122</c:v>
                </c:pt>
                <c:pt idx="606">
                  <c:v>39125</c:v>
                </c:pt>
                <c:pt idx="607">
                  <c:v>39126</c:v>
                </c:pt>
                <c:pt idx="608">
                  <c:v>39127</c:v>
                </c:pt>
                <c:pt idx="609">
                  <c:v>39128</c:v>
                </c:pt>
                <c:pt idx="610">
                  <c:v>39129</c:v>
                </c:pt>
                <c:pt idx="611">
                  <c:v>39134</c:v>
                </c:pt>
                <c:pt idx="612">
                  <c:v>39135</c:v>
                </c:pt>
                <c:pt idx="613">
                  <c:v>39136</c:v>
                </c:pt>
                <c:pt idx="614">
                  <c:v>39139</c:v>
                </c:pt>
                <c:pt idx="615">
                  <c:v>39140</c:v>
                </c:pt>
                <c:pt idx="616">
                  <c:v>39141</c:v>
                </c:pt>
                <c:pt idx="617">
                  <c:v>39142</c:v>
                </c:pt>
                <c:pt idx="618">
                  <c:v>39143</c:v>
                </c:pt>
                <c:pt idx="619">
                  <c:v>39146</c:v>
                </c:pt>
                <c:pt idx="620">
                  <c:v>39147</c:v>
                </c:pt>
                <c:pt idx="621">
                  <c:v>39148</c:v>
                </c:pt>
                <c:pt idx="622">
                  <c:v>39149</c:v>
                </c:pt>
                <c:pt idx="623">
                  <c:v>39150</c:v>
                </c:pt>
                <c:pt idx="624">
                  <c:v>39153</c:v>
                </c:pt>
                <c:pt idx="625">
                  <c:v>39154</c:v>
                </c:pt>
                <c:pt idx="626">
                  <c:v>39155</c:v>
                </c:pt>
                <c:pt idx="627">
                  <c:v>39156</c:v>
                </c:pt>
                <c:pt idx="628">
                  <c:v>39157</c:v>
                </c:pt>
                <c:pt idx="629">
                  <c:v>39160</c:v>
                </c:pt>
                <c:pt idx="630">
                  <c:v>39161</c:v>
                </c:pt>
                <c:pt idx="631">
                  <c:v>39162</c:v>
                </c:pt>
                <c:pt idx="632">
                  <c:v>39163</c:v>
                </c:pt>
                <c:pt idx="633">
                  <c:v>39164</c:v>
                </c:pt>
                <c:pt idx="634">
                  <c:v>39167</c:v>
                </c:pt>
                <c:pt idx="635">
                  <c:v>39168</c:v>
                </c:pt>
                <c:pt idx="636">
                  <c:v>39169</c:v>
                </c:pt>
                <c:pt idx="637">
                  <c:v>39170</c:v>
                </c:pt>
                <c:pt idx="638">
                  <c:v>39171</c:v>
                </c:pt>
                <c:pt idx="639">
                  <c:v>39174</c:v>
                </c:pt>
                <c:pt idx="640">
                  <c:v>39175</c:v>
                </c:pt>
                <c:pt idx="641">
                  <c:v>39176</c:v>
                </c:pt>
                <c:pt idx="642">
                  <c:v>39177</c:v>
                </c:pt>
                <c:pt idx="643">
                  <c:v>39181</c:v>
                </c:pt>
                <c:pt idx="644">
                  <c:v>39182</c:v>
                </c:pt>
                <c:pt idx="645">
                  <c:v>39183</c:v>
                </c:pt>
                <c:pt idx="646">
                  <c:v>39184</c:v>
                </c:pt>
                <c:pt idx="647">
                  <c:v>39185</c:v>
                </c:pt>
                <c:pt idx="648">
                  <c:v>39188</c:v>
                </c:pt>
                <c:pt idx="649">
                  <c:v>39189</c:v>
                </c:pt>
                <c:pt idx="650">
                  <c:v>39190</c:v>
                </c:pt>
                <c:pt idx="651">
                  <c:v>39191</c:v>
                </c:pt>
                <c:pt idx="652">
                  <c:v>39192</c:v>
                </c:pt>
                <c:pt idx="653">
                  <c:v>39195</c:v>
                </c:pt>
                <c:pt idx="654">
                  <c:v>39196</c:v>
                </c:pt>
                <c:pt idx="655">
                  <c:v>39197</c:v>
                </c:pt>
                <c:pt idx="656">
                  <c:v>39198</c:v>
                </c:pt>
                <c:pt idx="657">
                  <c:v>39199</c:v>
                </c:pt>
                <c:pt idx="658">
                  <c:v>39202</c:v>
                </c:pt>
                <c:pt idx="659">
                  <c:v>39204</c:v>
                </c:pt>
                <c:pt idx="660">
                  <c:v>39205</c:v>
                </c:pt>
                <c:pt idx="661">
                  <c:v>39206</c:v>
                </c:pt>
                <c:pt idx="662">
                  <c:v>39209</c:v>
                </c:pt>
                <c:pt idx="663">
                  <c:v>39210</c:v>
                </c:pt>
                <c:pt idx="664">
                  <c:v>39211</c:v>
                </c:pt>
                <c:pt idx="665">
                  <c:v>39212</c:v>
                </c:pt>
                <c:pt idx="666">
                  <c:v>39213</c:v>
                </c:pt>
                <c:pt idx="667">
                  <c:v>39216</c:v>
                </c:pt>
                <c:pt idx="668">
                  <c:v>39217</c:v>
                </c:pt>
                <c:pt idx="669">
                  <c:v>39218</c:v>
                </c:pt>
                <c:pt idx="670">
                  <c:v>39219</c:v>
                </c:pt>
                <c:pt idx="671">
                  <c:v>39220</c:v>
                </c:pt>
                <c:pt idx="672">
                  <c:v>39223</c:v>
                </c:pt>
                <c:pt idx="673">
                  <c:v>39224</c:v>
                </c:pt>
                <c:pt idx="674">
                  <c:v>39225</c:v>
                </c:pt>
                <c:pt idx="675">
                  <c:v>39226</c:v>
                </c:pt>
                <c:pt idx="676">
                  <c:v>39227</c:v>
                </c:pt>
                <c:pt idx="677">
                  <c:v>39230</c:v>
                </c:pt>
                <c:pt idx="678">
                  <c:v>39231</c:v>
                </c:pt>
                <c:pt idx="679">
                  <c:v>39232</c:v>
                </c:pt>
                <c:pt idx="680">
                  <c:v>39233</c:v>
                </c:pt>
                <c:pt idx="681">
                  <c:v>39234</c:v>
                </c:pt>
                <c:pt idx="682">
                  <c:v>39237</c:v>
                </c:pt>
                <c:pt idx="683">
                  <c:v>39238</c:v>
                </c:pt>
                <c:pt idx="684">
                  <c:v>39239</c:v>
                </c:pt>
                <c:pt idx="685">
                  <c:v>39241</c:v>
                </c:pt>
                <c:pt idx="686">
                  <c:v>39244</c:v>
                </c:pt>
                <c:pt idx="687">
                  <c:v>39245</c:v>
                </c:pt>
                <c:pt idx="688">
                  <c:v>39246</c:v>
                </c:pt>
                <c:pt idx="689">
                  <c:v>39247</c:v>
                </c:pt>
                <c:pt idx="690">
                  <c:v>39248</c:v>
                </c:pt>
                <c:pt idx="691">
                  <c:v>39251</c:v>
                </c:pt>
                <c:pt idx="692">
                  <c:v>39252</c:v>
                </c:pt>
                <c:pt idx="693">
                  <c:v>39253</c:v>
                </c:pt>
                <c:pt idx="694">
                  <c:v>39254</c:v>
                </c:pt>
                <c:pt idx="695">
                  <c:v>39255</c:v>
                </c:pt>
                <c:pt idx="696">
                  <c:v>39258</c:v>
                </c:pt>
                <c:pt idx="697">
                  <c:v>39259</c:v>
                </c:pt>
                <c:pt idx="698">
                  <c:v>39260</c:v>
                </c:pt>
                <c:pt idx="699">
                  <c:v>39261</c:v>
                </c:pt>
                <c:pt idx="700">
                  <c:v>39262</c:v>
                </c:pt>
                <c:pt idx="701">
                  <c:v>39265</c:v>
                </c:pt>
                <c:pt idx="702">
                  <c:v>39266</c:v>
                </c:pt>
                <c:pt idx="703">
                  <c:v>39267</c:v>
                </c:pt>
                <c:pt idx="704">
                  <c:v>39268</c:v>
                </c:pt>
                <c:pt idx="705">
                  <c:v>39269</c:v>
                </c:pt>
                <c:pt idx="706">
                  <c:v>39272</c:v>
                </c:pt>
                <c:pt idx="707">
                  <c:v>39273</c:v>
                </c:pt>
                <c:pt idx="708">
                  <c:v>39274</c:v>
                </c:pt>
                <c:pt idx="709">
                  <c:v>39275</c:v>
                </c:pt>
                <c:pt idx="710">
                  <c:v>39276</c:v>
                </c:pt>
                <c:pt idx="711">
                  <c:v>39279</c:v>
                </c:pt>
                <c:pt idx="712">
                  <c:v>39280</c:v>
                </c:pt>
                <c:pt idx="713">
                  <c:v>39281</c:v>
                </c:pt>
                <c:pt idx="714">
                  <c:v>39282</c:v>
                </c:pt>
                <c:pt idx="715">
                  <c:v>39283</c:v>
                </c:pt>
                <c:pt idx="716">
                  <c:v>39286</c:v>
                </c:pt>
                <c:pt idx="717">
                  <c:v>39287</c:v>
                </c:pt>
                <c:pt idx="718">
                  <c:v>39288</c:v>
                </c:pt>
                <c:pt idx="719">
                  <c:v>39289</c:v>
                </c:pt>
                <c:pt idx="720">
                  <c:v>39290</c:v>
                </c:pt>
                <c:pt idx="721">
                  <c:v>39293</c:v>
                </c:pt>
                <c:pt idx="722">
                  <c:v>39294</c:v>
                </c:pt>
                <c:pt idx="723">
                  <c:v>39295</c:v>
                </c:pt>
                <c:pt idx="724">
                  <c:v>39296</c:v>
                </c:pt>
                <c:pt idx="725">
                  <c:v>39297</c:v>
                </c:pt>
                <c:pt idx="726">
                  <c:v>39300</c:v>
                </c:pt>
                <c:pt idx="727">
                  <c:v>39301</c:v>
                </c:pt>
                <c:pt idx="728">
                  <c:v>39302</c:v>
                </c:pt>
                <c:pt idx="729">
                  <c:v>39303</c:v>
                </c:pt>
                <c:pt idx="730">
                  <c:v>39304</c:v>
                </c:pt>
                <c:pt idx="731">
                  <c:v>39307</c:v>
                </c:pt>
                <c:pt idx="732">
                  <c:v>39308</c:v>
                </c:pt>
                <c:pt idx="733">
                  <c:v>39309</c:v>
                </c:pt>
                <c:pt idx="734">
                  <c:v>39310</c:v>
                </c:pt>
                <c:pt idx="735">
                  <c:v>39311</c:v>
                </c:pt>
                <c:pt idx="736">
                  <c:v>39314</c:v>
                </c:pt>
                <c:pt idx="737">
                  <c:v>39315</c:v>
                </c:pt>
                <c:pt idx="738">
                  <c:v>39316</c:v>
                </c:pt>
                <c:pt idx="739">
                  <c:v>39317</c:v>
                </c:pt>
                <c:pt idx="740">
                  <c:v>39318</c:v>
                </c:pt>
                <c:pt idx="741">
                  <c:v>39321</c:v>
                </c:pt>
                <c:pt idx="742">
                  <c:v>39322</c:v>
                </c:pt>
                <c:pt idx="743">
                  <c:v>39323</c:v>
                </c:pt>
                <c:pt idx="744">
                  <c:v>39324</c:v>
                </c:pt>
                <c:pt idx="745">
                  <c:v>39325</c:v>
                </c:pt>
                <c:pt idx="746">
                  <c:v>39328</c:v>
                </c:pt>
                <c:pt idx="747">
                  <c:v>39329</c:v>
                </c:pt>
                <c:pt idx="748">
                  <c:v>39330</c:v>
                </c:pt>
                <c:pt idx="749">
                  <c:v>39331</c:v>
                </c:pt>
                <c:pt idx="750">
                  <c:v>39335</c:v>
                </c:pt>
                <c:pt idx="751">
                  <c:v>39336</c:v>
                </c:pt>
                <c:pt idx="752">
                  <c:v>39337</c:v>
                </c:pt>
                <c:pt idx="753">
                  <c:v>39338</c:v>
                </c:pt>
                <c:pt idx="754">
                  <c:v>39339</c:v>
                </c:pt>
                <c:pt idx="755">
                  <c:v>39342</c:v>
                </c:pt>
                <c:pt idx="756">
                  <c:v>39343</c:v>
                </c:pt>
                <c:pt idx="757">
                  <c:v>39344</c:v>
                </c:pt>
                <c:pt idx="758">
                  <c:v>39345</c:v>
                </c:pt>
                <c:pt idx="759">
                  <c:v>39346</c:v>
                </c:pt>
                <c:pt idx="760">
                  <c:v>39349</c:v>
                </c:pt>
                <c:pt idx="761">
                  <c:v>39350</c:v>
                </c:pt>
                <c:pt idx="762">
                  <c:v>39351</c:v>
                </c:pt>
                <c:pt idx="763">
                  <c:v>39352</c:v>
                </c:pt>
                <c:pt idx="764">
                  <c:v>39353</c:v>
                </c:pt>
                <c:pt idx="765">
                  <c:v>39356</c:v>
                </c:pt>
                <c:pt idx="766">
                  <c:v>39357</c:v>
                </c:pt>
                <c:pt idx="767">
                  <c:v>39358</c:v>
                </c:pt>
                <c:pt idx="768">
                  <c:v>39359</c:v>
                </c:pt>
                <c:pt idx="769">
                  <c:v>39360</c:v>
                </c:pt>
                <c:pt idx="770">
                  <c:v>39363</c:v>
                </c:pt>
                <c:pt idx="771">
                  <c:v>39364</c:v>
                </c:pt>
                <c:pt idx="772">
                  <c:v>39365</c:v>
                </c:pt>
                <c:pt idx="773">
                  <c:v>39366</c:v>
                </c:pt>
                <c:pt idx="774">
                  <c:v>39370</c:v>
                </c:pt>
                <c:pt idx="775">
                  <c:v>39371</c:v>
                </c:pt>
                <c:pt idx="776">
                  <c:v>39372</c:v>
                </c:pt>
                <c:pt idx="777">
                  <c:v>39373</c:v>
                </c:pt>
                <c:pt idx="778">
                  <c:v>39374</c:v>
                </c:pt>
                <c:pt idx="779">
                  <c:v>39377</c:v>
                </c:pt>
                <c:pt idx="780">
                  <c:v>39378</c:v>
                </c:pt>
                <c:pt idx="781">
                  <c:v>39379</c:v>
                </c:pt>
                <c:pt idx="782">
                  <c:v>39380</c:v>
                </c:pt>
                <c:pt idx="783">
                  <c:v>39381</c:v>
                </c:pt>
                <c:pt idx="784">
                  <c:v>39384</c:v>
                </c:pt>
                <c:pt idx="785">
                  <c:v>39385</c:v>
                </c:pt>
                <c:pt idx="786">
                  <c:v>39386</c:v>
                </c:pt>
                <c:pt idx="787">
                  <c:v>39387</c:v>
                </c:pt>
                <c:pt idx="788">
                  <c:v>39391</c:v>
                </c:pt>
                <c:pt idx="789">
                  <c:v>39392</c:v>
                </c:pt>
                <c:pt idx="790">
                  <c:v>39393</c:v>
                </c:pt>
                <c:pt idx="791">
                  <c:v>39394</c:v>
                </c:pt>
                <c:pt idx="792">
                  <c:v>39395</c:v>
                </c:pt>
                <c:pt idx="793">
                  <c:v>39398</c:v>
                </c:pt>
                <c:pt idx="794">
                  <c:v>39399</c:v>
                </c:pt>
                <c:pt idx="795">
                  <c:v>39400</c:v>
                </c:pt>
                <c:pt idx="796">
                  <c:v>39402</c:v>
                </c:pt>
                <c:pt idx="797">
                  <c:v>39405</c:v>
                </c:pt>
                <c:pt idx="798">
                  <c:v>39406</c:v>
                </c:pt>
                <c:pt idx="799">
                  <c:v>39407</c:v>
                </c:pt>
                <c:pt idx="800">
                  <c:v>39408</c:v>
                </c:pt>
                <c:pt idx="801">
                  <c:v>39409</c:v>
                </c:pt>
                <c:pt idx="802">
                  <c:v>39412</c:v>
                </c:pt>
                <c:pt idx="803">
                  <c:v>39413</c:v>
                </c:pt>
                <c:pt idx="804">
                  <c:v>39414</c:v>
                </c:pt>
                <c:pt idx="805">
                  <c:v>39415</c:v>
                </c:pt>
                <c:pt idx="806">
                  <c:v>39416</c:v>
                </c:pt>
                <c:pt idx="807">
                  <c:v>39419</c:v>
                </c:pt>
                <c:pt idx="808">
                  <c:v>39420</c:v>
                </c:pt>
                <c:pt idx="809">
                  <c:v>39421</c:v>
                </c:pt>
                <c:pt idx="810">
                  <c:v>39422</c:v>
                </c:pt>
                <c:pt idx="811">
                  <c:v>39423</c:v>
                </c:pt>
                <c:pt idx="812">
                  <c:v>39426</c:v>
                </c:pt>
                <c:pt idx="813">
                  <c:v>39427</c:v>
                </c:pt>
                <c:pt idx="814">
                  <c:v>39428</c:v>
                </c:pt>
                <c:pt idx="815">
                  <c:v>39429</c:v>
                </c:pt>
                <c:pt idx="816">
                  <c:v>39430</c:v>
                </c:pt>
                <c:pt idx="817">
                  <c:v>39433</c:v>
                </c:pt>
                <c:pt idx="818">
                  <c:v>39434</c:v>
                </c:pt>
                <c:pt idx="819">
                  <c:v>39435</c:v>
                </c:pt>
                <c:pt idx="820">
                  <c:v>39436</c:v>
                </c:pt>
                <c:pt idx="821">
                  <c:v>39437</c:v>
                </c:pt>
                <c:pt idx="822">
                  <c:v>39440</c:v>
                </c:pt>
                <c:pt idx="823">
                  <c:v>39442</c:v>
                </c:pt>
                <c:pt idx="824">
                  <c:v>39443</c:v>
                </c:pt>
                <c:pt idx="825">
                  <c:v>39444</c:v>
                </c:pt>
                <c:pt idx="826">
                  <c:v>39447</c:v>
                </c:pt>
                <c:pt idx="827">
                  <c:v>39449</c:v>
                </c:pt>
                <c:pt idx="828">
                  <c:v>39450</c:v>
                </c:pt>
                <c:pt idx="829">
                  <c:v>39451</c:v>
                </c:pt>
                <c:pt idx="830">
                  <c:v>39454</c:v>
                </c:pt>
                <c:pt idx="831">
                  <c:v>39455</c:v>
                </c:pt>
                <c:pt idx="832">
                  <c:v>39456</c:v>
                </c:pt>
                <c:pt idx="833">
                  <c:v>39457</c:v>
                </c:pt>
                <c:pt idx="834">
                  <c:v>39458</c:v>
                </c:pt>
                <c:pt idx="835">
                  <c:v>39461</c:v>
                </c:pt>
                <c:pt idx="836">
                  <c:v>39462</c:v>
                </c:pt>
                <c:pt idx="837">
                  <c:v>39463</c:v>
                </c:pt>
                <c:pt idx="838">
                  <c:v>39464</c:v>
                </c:pt>
                <c:pt idx="839">
                  <c:v>39465</c:v>
                </c:pt>
                <c:pt idx="840">
                  <c:v>39468</c:v>
                </c:pt>
                <c:pt idx="841">
                  <c:v>39469</c:v>
                </c:pt>
                <c:pt idx="842">
                  <c:v>39470</c:v>
                </c:pt>
                <c:pt idx="843">
                  <c:v>39471</c:v>
                </c:pt>
                <c:pt idx="844">
                  <c:v>39472</c:v>
                </c:pt>
                <c:pt idx="845">
                  <c:v>39475</c:v>
                </c:pt>
                <c:pt idx="846">
                  <c:v>39476</c:v>
                </c:pt>
                <c:pt idx="847">
                  <c:v>39477</c:v>
                </c:pt>
                <c:pt idx="848">
                  <c:v>39478</c:v>
                </c:pt>
                <c:pt idx="849">
                  <c:v>39479</c:v>
                </c:pt>
                <c:pt idx="850">
                  <c:v>39484</c:v>
                </c:pt>
                <c:pt idx="851">
                  <c:v>39485</c:v>
                </c:pt>
                <c:pt idx="852">
                  <c:v>39486</c:v>
                </c:pt>
                <c:pt idx="853">
                  <c:v>39489</c:v>
                </c:pt>
                <c:pt idx="854">
                  <c:v>39490</c:v>
                </c:pt>
                <c:pt idx="855">
                  <c:v>39491</c:v>
                </c:pt>
                <c:pt idx="856">
                  <c:v>39492</c:v>
                </c:pt>
                <c:pt idx="857">
                  <c:v>39493</c:v>
                </c:pt>
                <c:pt idx="858">
                  <c:v>39496</c:v>
                </c:pt>
                <c:pt idx="859">
                  <c:v>39497</c:v>
                </c:pt>
                <c:pt idx="860">
                  <c:v>39498</c:v>
                </c:pt>
                <c:pt idx="861">
                  <c:v>39499</c:v>
                </c:pt>
                <c:pt idx="862">
                  <c:v>39500</c:v>
                </c:pt>
                <c:pt idx="863">
                  <c:v>39503</c:v>
                </c:pt>
                <c:pt idx="864">
                  <c:v>39504</c:v>
                </c:pt>
                <c:pt idx="865">
                  <c:v>39505</c:v>
                </c:pt>
                <c:pt idx="866">
                  <c:v>39506</c:v>
                </c:pt>
                <c:pt idx="867">
                  <c:v>39507</c:v>
                </c:pt>
                <c:pt idx="868">
                  <c:v>39510</c:v>
                </c:pt>
                <c:pt idx="869">
                  <c:v>39511</c:v>
                </c:pt>
                <c:pt idx="870">
                  <c:v>39512</c:v>
                </c:pt>
                <c:pt idx="871">
                  <c:v>39513</c:v>
                </c:pt>
                <c:pt idx="872">
                  <c:v>39514</c:v>
                </c:pt>
                <c:pt idx="873">
                  <c:v>39517</c:v>
                </c:pt>
                <c:pt idx="874">
                  <c:v>39518</c:v>
                </c:pt>
                <c:pt idx="875">
                  <c:v>39519</c:v>
                </c:pt>
                <c:pt idx="876">
                  <c:v>39520</c:v>
                </c:pt>
                <c:pt idx="877">
                  <c:v>39521</c:v>
                </c:pt>
                <c:pt idx="878">
                  <c:v>39524</c:v>
                </c:pt>
                <c:pt idx="879">
                  <c:v>39525</c:v>
                </c:pt>
                <c:pt idx="880">
                  <c:v>39526</c:v>
                </c:pt>
                <c:pt idx="881">
                  <c:v>39527</c:v>
                </c:pt>
                <c:pt idx="882">
                  <c:v>39531</c:v>
                </c:pt>
                <c:pt idx="883">
                  <c:v>39532</c:v>
                </c:pt>
                <c:pt idx="884">
                  <c:v>39533</c:v>
                </c:pt>
                <c:pt idx="885">
                  <c:v>39534</c:v>
                </c:pt>
                <c:pt idx="886">
                  <c:v>39535</c:v>
                </c:pt>
                <c:pt idx="887">
                  <c:v>39538</c:v>
                </c:pt>
                <c:pt idx="888">
                  <c:v>39539</c:v>
                </c:pt>
                <c:pt idx="889">
                  <c:v>39540</c:v>
                </c:pt>
                <c:pt idx="890">
                  <c:v>39541</c:v>
                </c:pt>
                <c:pt idx="891">
                  <c:v>39542</c:v>
                </c:pt>
                <c:pt idx="892">
                  <c:v>39545</c:v>
                </c:pt>
                <c:pt idx="893">
                  <c:v>39546</c:v>
                </c:pt>
                <c:pt idx="894">
                  <c:v>39547</c:v>
                </c:pt>
                <c:pt idx="895">
                  <c:v>39548</c:v>
                </c:pt>
                <c:pt idx="896">
                  <c:v>39549</c:v>
                </c:pt>
                <c:pt idx="897">
                  <c:v>39552</c:v>
                </c:pt>
                <c:pt idx="898">
                  <c:v>39553</c:v>
                </c:pt>
                <c:pt idx="899">
                  <c:v>39554</c:v>
                </c:pt>
                <c:pt idx="900">
                  <c:v>39555</c:v>
                </c:pt>
                <c:pt idx="901">
                  <c:v>39556</c:v>
                </c:pt>
                <c:pt idx="902">
                  <c:v>39560</c:v>
                </c:pt>
                <c:pt idx="903">
                  <c:v>39561</c:v>
                </c:pt>
                <c:pt idx="904">
                  <c:v>39562</c:v>
                </c:pt>
                <c:pt idx="905">
                  <c:v>39563</c:v>
                </c:pt>
                <c:pt idx="906">
                  <c:v>39566</c:v>
                </c:pt>
                <c:pt idx="907">
                  <c:v>39567</c:v>
                </c:pt>
                <c:pt idx="908">
                  <c:v>39568</c:v>
                </c:pt>
                <c:pt idx="909">
                  <c:v>39570</c:v>
                </c:pt>
                <c:pt idx="910">
                  <c:v>39573</c:v>
                </c:pt>
                <c:pt idx="911">
                  <c:v>39574</c:v>
                </c:pt>
                <c:pt idx="912">
                  <c:v>39575</c:v>
                </c:pt>
                <c:pt idx="913">
                  <c:v>39576</c:v>
                </c:pt>
                <c:pt idx="914">
                  <c:v>39577</c:v>
                </c:pt>
                <c:pt idx="915">
                  <c:v>39580</c:v>
                </c:pt>
                <c:pt idx="916">
                  <c:v>39581</c:v>
                </c:pt>
                <c:pt idx="917">
                  <c:v>39582</c:v>
                </c:pt>
                <c:pt idx="918">
                  <c:v>39583</c:v>
                </c:pt>
                <c:pt idx="919">
                  <c:v>39584</c:v>
                </c:pt>
                <c:pt idx="920">
                  <c:v>39587</c:v>
                </c:pt>
                <c:pt idx="921">
                  <c:v>39588</c:v>
                </c:pt>
                <c:pt idx="922">
                  <c:v>39589</c:v>
                </c:pt>
                <c:pt idx="923">
                  <c:v>39591</c:v>
                </c:pt>
                <c:pt idx="924">
                  <c:v>39594</c:v>
                </c:pt>
                <c:pt idx="925">
                  <c:v>39595</c:v>
                </c:pt>
                <c:pt idx="926">
                  <c:v>39596</c:v>
                </c:pt>
                <c:pt idx="927">
                  <c:v>39597</c:v>
                </c:pt>
                <c:pt idx="928">
                  <c:v>39598</c:v>
                </c:pt>
                <c:pt idx="929">
                  <c:v>39601</c:v>
                </c:pt>
                <c:pt idx="930">
                  <c:v>39602</c:v>
                </c:pt>
                <c:pt idx="931">
                  <c:v>39603</c:v>
                </c:pt>
                <c:pt idx="932">
                  <c:v>39604</c:v>
                </c:pt>
                <c:pt idx="933">
                  <c:v>39605</c:v>
                </c:pt>
                <c:pt idx="934">
                  <c:v>39608</c:v>
                </c:pt>
                <c:pt idx="935">
                  <c:v>39609</c:v>
                </c:pt>
                <c:pt idx="936">
                  <c:v>39610</c:v>
                </c:pt>
                <c:pt idx="937">
                  <c:v>39611</c:v>
                </c:pt>
                <c:pt idx="938">
                  <c:v>39612</c:v>
                </c:pt>
                <c:pt idx="939">
                  <c:v>39615</c:v>
                </c:pt>
                <c:pt idx="940">
                  <c:v>39616</c:v>
                </c:pt>
                <c:pt idx="941">
                  <c:v>39617</c:v>
                </c:pt>
                <c:pt idx="942">
                  <c:v>39618</c:v>
                </c:pt>
                <c:pt idx="943">
                  <c:v>39619</c:v>
                </c:pt>
                <c:pt idx="944">
                  <c:v>39622</c:v>
                </c:pt>
                <c:pt idx="945">
                  <c:v>39623</c:v>
                </c:pt>
                <c:pt idx="946">
                  <c:v>39624</c:v>
                </c:pt>
                <c:pt idx="947">
                  <c:v>39625</c:v>
                </c:pt>
                <c:pt idx="948">
                  <c:v>39626</c:v>
                </c:pt>
                <c:pt idx="949">
                  <c:v>39629</c:v>
                </c:pt>
                <c:pt idx="950">
                  <c:v>39630</c:v>
                </c:pt>
                <c:pt idx="951">
                  <c:v>39631</c:v>
                </c:pt>
                <c:pt idx="952">
                  <c:v>39632</c:v>
                </c:pt>
                <c:pt idx="953">
                  <c:v>39633</c:v>
                </c:pt>
                <c:pt idx="954">
                  <c:v>39636</c:v>
                </c:pt>
                <c:pt idx="955">
                  <c:v>39637</c:v>
                </c:pt>
                <c:pt idx="956">
                  <c:v>39638</c:v>
                </c:pt>
                <c:pt idx="957">
                  <c:v>39639</c:v>
                </c:pt>
                <c:pt idx="958">
                  <c:v>39640</c:v>
                </c:pt>
                <c:pt idx="959">
                  <c:v>39643</c:v>
                </c:pt>
                <c:pt idx="960">
                  <c:v>39644</c:v>
                </c:pt>
                <c:pt idx="961">
                  <c:v>39645</c:v>
                </c:pt>
                <c:pt idx="962">
                  <c:v>39646</c:v>
                </c:pt>
                <c:pt idx="963">
                  <c:v>39647</c:v>
                </c:pt>
                <c:pt idx="964">
                  <c:v>39650</c:v>
                </c:pt>
                <c:pt idx="965">
                  <c:v>39651</c:v>
                </c:pt>
                <c:pt idx="966">
                  <c:v>39652</c:v>
                </c:pt>
                <c:pt idx="967">
                  <c:v>39653</c:v>
                </c:pt>
                <c:pt idx="968">
                  <c:v>39654</c:v>
                </c:pt>
                <c:pt idx="969">
                  <c:v>39657</c:v>
                </c:pt>
                <c:pt idx="970">
                  <c:v>39658</c:v>
                </c:pt>
                <c:pt idx="971">
                  <c:v>39659</c:v>
                </c:pt>
                <c:pt idx="972">
                  <c:v>39660</c:v>
                </c:pt>
                <c:pt idx="973">
                  <c:v>39661</c:v>
                </c:pt>
                <c:pt idx="974">
                  <c:v>39664</c:v>
                </c:pt>
                <c:pt idx="975">
                  <c:v>39665</c:v>
                </c:pt>
                <c:pt idx="976">
                  <c:v>39666</c:v>
                </c:pt>
                <c:pt idx="977">
                  <c:v>39667</c:v>
                </c:pt>
                <c:pt idx="978">
                  <c:v>39668</c:v>
                </c:pt>
                <c:pt idx="979">
                  <c:v>39671</c:v>
                </c:pt>
                <c:pt idx="980">
                  <c:v>39672</c:v>
                </c:pt>
                <c:pt idx="981">
                  <c:v>39673</c:v>
                </c:pt>
                <c:pt idx="982">
                  <c:v>39674</c:v>
                </c:pt>
                <c:pt idx="983">
                  <c:v>39675</c:v>
                </c:pt>
                <c:pt idx="984">
                  <c:v>39678</c:v>
                </c:pt>
                <c:pt idx="985">
                  <c:v>39679</c:v>
                </c:pt>
                <c:pt idx="986">
                  <c:v>39680</c:v>
                </c:pt>
                <c:pt idx="987">
                  <c:v>39681</c:v>
                </c:pt>
                <c:pt idx="988">
                  <c:v>39682</c:v>
                </c:pt>
                <c:pt idx="989">
                  <c:v>39685</c:v>
                </c:pt>
                <c:pt idx="990">
                  <c:v>39686</c:v>
                </c:pt>
                <c:pt idx="991">
                  <c:v>39687</c:v>
                </c:pt>
                <c:pt idx="992">
                  <c:v>39688</c:v>
                </c:pt>
                <c:pt idx="993">
                  <c:v>39689</c:v>
                </c:pt>
                <c:pt idx="994">
                  <c:v>39692</c:v>
                </c:pt>
                <c:pt idx="995">
                  <c:v>39693</c:v>
                </c:pt>
                <c:pt idx="996">
                  <c:v>39694</c:v>
                </c:pt>
                <c:pt idx="997">
                  <c:v>39695</c:v>
                </c:pt>
                <c:pt idx="998">
                  <c:v>39696</c:v>
                </c:pt>
                <c:pt idx="999">
                  <c:v>39699</c:v>
                </c:pt>
                <c:pt idx="1000">
                  <c:v>39700</c:v>
                </c:pt>
                <c:pt idx="1001">
                  <c:v>39701</c:v>
                </c:pt>
                <c:pt idx="1002">
                  <c:v>39702</c:v>
                </c:pt>
                <c:pt idx="1003">
                  <c:v>39703</c:v>
                </c:pt>
                <c:pt idx="1004">
                  <c:v>39706</c:v>
                </c:pt>
                <c:pt idx="1005">
                  <c:v>39707</c:v>
                </c:pt>
                <c:pt idx="1006">
                  <c:v>39708</c:v>
                </c:pt>
                <c:pt idx="1007">
                  <c:v>39709</c:v>
                </c:pt>
                <c:pt idx="1008">
                  <c:v>39710</c:v>
                </c:pt>
                <c:pt idx="1009">
                  <c:v>39713</c:v>
                </c:pt>
                <c:pt idx="1010">
                  <c:v>39714</c:v>
                </c:pt>
                <c:pt idx="1011">
                  <c:v>39715</c:v>
                </c:pt>
                <c:pt idx="1012">
                  <c:v>39716</c:v>
                </c:pt>
                <c:pt idx="1013">
                  <c:v>39717</c:v>
                </c:pt>
                <c:pt idx="1014">
                  <c:v>39720</c:v>
                </c:pt>
                <c:pt idx="1015">
                  <c:v>39721</c:v>
                </c:pt>
                <c:pt idx="1016">
                  <c:v>39722</c:v>
                </c:pt>
                <c:pt idx="1017">
                  <c:v>39723</c:v>
                </c:pt>
                <c:pt idx="1018">
                  <c:v>39724</c:v>
                </c:pt>
                <c:pt idx="1019">
                  <c:v>39727</c:v>
                </c:pt>
                <c:pt idx="1020">
                  <c:v>39728</c:v>
                </c:pt>
                <c:pt idx="1021">
                  <c:v>39729</c:v>
                </c:pt>
                <c:pt idx="1022">
                  <c:v>39730</c:v>
                </c:pt>
                <c:pt idx="1023">
                  <c:v>39731</c:v>
                </c:pt>
                <c:pt idx="1024">
                  <c:v>39734</c:v>
                </c:pt>
                <c:pt idx="1025">
                  <c:v>39735</c:v>
                </c:pt>
                <c:pt idx="1026">
                  <c:v>39736</c:v>
                </c:pt>
                <c:pt idx="1027">
                  <c:v>39737</c:v>
                </c:pt>
                <c:pt idx="1028">
                  <c:v>39738</c:v>
                </c:pt>
                <c:pt idx="1029">
                  <c:v>39741</c:v>
                </c:pt>
                <c:pt idx="1030">
                  <c:v>39742</c:v>
                </c:pt>
                <c:pt idx="1031">
                  <c:v>39743</c:v>
                </c:pt>
                <c:pt idx="1032">
                  <c:v>39744</c:v>
                </c:pt>
                <c:pt idx="1033">
                  <c:v>39745</c:v>
                </c:pt>
                <c:pt idx="1034">
                  <c:v>39748</c:v>
                </c:pt>
                <c:pt idx="1035">
                  <c:v>39749</c:v>
                </c:pt>
                <c:pt idx="1036">
                  <c:v>39750</c:v>
                </c:pt>
                <c:pt idx="1037">
                  <c:v>39751</c:v>
                </c:pt>
                <c:pt idx="1038">
                  <c:v>39752</c:v>
                </c:pt>
                <c:pt idx="1039">
                  <c:v>39755</c:v>
                </c:pt>
                <c:pt idx="1040">
                  <c:v>39756</c:v>
                </c:pt>
                <c:pt idx="1041">
                  <c:v>39757</c:v>
                </c:pt>
                <c:pt idx="1042">
                  <c:v>39758</c:v>
                </c:pt>
                <c:pt idx="1043">
                  <c:v>39759</c:v>
                </c:pt>
                <c:pt idx="1044">
                  <c:v>39762</c:v>
                </c:pt>
                <c:pt idx="1045">
                  <c:v>39763</c:v>
                </c:pt>
                <c:pt idx="1046">
                  <c:v>39764</c:v>
                </c:pt>
                <c:pt idx="1047">
                  <c:v>39765</c:v>
                </c:pt>
                <c:pt idx="1048">
                  <c:v>39766</c:v>
                </c:pt>
                <c:pt idx="1049">
                  <c:v>39769</c:v>
                </c:pt>
                <c:pt idx="1050">
                  <c:v>39770</c:v>
                </c:pt>
                <c:pt idx="1051">
                  <c:v>39771</c:v>
                </c:pt>
                <c:pt idx="1052">
                  <c:v>39772</c:v>
                </c:pt>
                <c:pt idx="1053">
                  <c:v>39773</c:v>
                </c:pt>
                <c:pt idx="1054">
                  <c:v>39776</c:v>
                </c:pt>
                <c:pt idx="1055">
                  <c:v>39777</c:v>
                </c:pt>
                <c:pt idx="1056">
                  <c:v>39778</c:v>
                </c:pt>
                <c:pt idx="1057">
                  <c:v>39779</c:v>
                </c:pt>
                <c:pt idx="1058">
                  <c:v>39780</c:v>
                </c:pt>
                <c:pt idx="1059">
                  <c:v>39783</c:v>
                </c:pt>
                <c:pt idx="1060">
                  <c:v>39784</c:v>
                </c:pt>
                <c:pt idx="1061">
                  <c:v>39785</c:v>
                </c:pt>
                <c:pt idx="1062">
                  <c:v>39786</c:v>
                </c:pt>
                <c:pt idx="1063">
                  <c:v>39787</c:v>
                </c:pt>
                <c:pt idx="1064">
                  <c:v>39790</c:v>
                </c:pt>
                <c:pt idx="1065">
                  <c:v>39791</c:v>
                </c:pt>
                <c:pt idx="1066">
                  <c:v>39792</c:v>
                </c:pt>
                <c:pt idx="1067">
                  <c:v>39793</c:v>
                </c:pt>
                <c:pt idx="1068">
                  <c:v>39794</c:v>
                </c:pt>
                <c:pt idx="1069">
                  <c:v>39797</c:v>
                </c:pt>
                <c:pt idx="1070">
                  <c:v>39798</c:v>
                </c:pt>
                <c:pt idx="1071">
                  <c:v>39799</c:v>
                </c:pt>
                <c:pt idx="1072">
                  <c:v>39800</c:v>
                </c:pt>
                <c:pt idx="1073">
                  <c:v>39801</c:v>
                </c:pt>
                <c:pt idx="1074">
                  <c:v>39804</c:v>
                </c:pt>
                <c:pt idx="1075">
                  <c:v>39805</c:v>
                </c:pt>
                <c:pt idx="1076">
                  <c:v>39806</c:v>
                </c:pt>
                <c:pt idx="1077">
                  <c:v>39808</c:v>
                </c:pt>
                <c:pt idx="1078">
                  <c:v>39811</c:v>
                </c:pt>
                <c:pt idx="1079">
                  <c:v>39812</c:v>
                </c:pt>
                <c:pt idx="1080">
                  <c:v>39813</c:v>
                </c:pt>
                <c:pt idx="1081">
                  <c:v>39815</c:v>
                </c:pt>
                <c:pt idx="1082">
                  <c:v>39818</c:v>
                </c:pt>
                <c:pt idx="1083">
                  <c:v>39819</c:v>
                </c:pt>
                <c:pt idx="1084">
                  <c:v>39820</c:v>
                </c:pt>
                <c:pt idx="1085">
                  <c:v>39821</c:v>
                </c:pt>
                <c:pt idx="1086">
                  <c:v>39822</c:v>
                </c:pt>
                <c:pt idx="1087">
                  <c:v>39825</c:v>
                </c:pt>
                <c:pt idx="1088">
                  <c:v>39826</c:v>
                </c:pt>
                <c:pt idx="1089">
                  <c:v>39827</c:v>
                </c:pt>
                <c:pt idx="1090">
                  <c:v>39828</c:v>
                </c:pt>
                <c:pt idx="1091">
                  <c:v>39829</c:v>
                </c:pt>
                <c:pt idx="1092">
                  <c:v>39832</c:v>
                </c:pt>
                <c:pt idx="1093">
                  <c:v>39833</c:v>
                </c:pt>
                <c:pt idx="1094">
                  <c:v>39834</c:v>
                </c:pt>
                <c:pt idx="1095">
                  <c:v>39835</c:v>
                </c:pt>
                <c:pt idx="1096">
                  <c:v>39836</c:v>
                </c:pt>
                <c:pt idx="1097">
                  <c:v>39839</c:v>
                </c:pt>
                <c:pt idx="1098">
                  <c:v>39840</c:v>
                </c:pt>
                <c:pt idx="1099">
                  <c:v>39841</c:v>
                </c:pt>
                <c:pt idx="1100">
                  <c:v>39842</c:v>
                </c:pt>
                <c:pt idx="1101">
                  <c:v>39843</c:v>
                </c:pt>
                <c:pt idx="1102">
                  <c:v>39846</c:v>
                </c:pt>
                <c:pt idx="1103">
                  <c:v>39847</c:v>
                </c:pt>
                <c:pt idx="1104">
                  <c:v>39848</c:v>
                </c:pt>
                <c:pt idx="1105">
                  <c:v>39849</c:v>
                </c:pt>
                <c:pt idx="1106">
                  <c:v>39850</c:v>
                </c:pt>
                <c:pt idx="1107">
                  <c:v>39853</c:v>
                </c:pt>
                <c:pt idx="1108">
                  <c:v>39854</c:v>
                </c:pt>
                <c:pt idx="1109">
                  <c:v>39855</c:v>
                </c:pt>
                <c:pt idx="1110">
                  <c:v>39856</c:v>
                </c:pt>
                <c:pt idx="1111">
                  <c:v>39857</c:v>
                </c:pt>
                <c:pt idx="1112">
                  <c:v>39860</c:v>
                </c:pt>
                <c:pt idx="1113">
                  <c:v>39861</c:v>
                </c:pt>
                <c:pt idx="1114">
                  <c:v>39862</c:v>
                </c:pt>
                <c:pt idx="1115">
                  <c:v>39863</c:v>
                </c:pt>
                <c:pt idx="1116">
                  <c:v>39864</c:v>
                </c:pt>
                <c:pt idx="1117">
                  <c:v>39869</c:v>
                </c:pt>
                <c:pt idx="1118">
                  <c:v>39870</c:v>
                </c:pt>
                <c:pt idx="1119">
                  <c:v>39871</c:v>
                </c:pt>
                <c:pt idx="1120">
                  <c:v>39874</c:v>
                </c:pt>
                <c:pt idx="1121">
                  <c:v>39875</c:v>
                </c:pt>
                <c:pt idx="1122">
                  <c:v>39876</c:v>
                </c:pt>
                <c:pt idx="1123">
                  <c:v>39877</c:v>
                </c:pt>
                <c:pt idx="1124">
                  <c:v>39878</c:v>
                </c:pt>
                <c:pt idx="1125">
                  <c:v>39881</c:v>
                </c:pt>
                <c:pt idx="1126">
                  <c:v>39882</c:v>
                </c:pt>
                <c:pt idx="1127">
                  <c:v>39883</c:v>
                </c:pt>
                <c:pt idx="1128">
                  <c:v>39884</c:v>
                </c:pt>
                <c:pt idx="1129">
                  <c:v>39885</c:v>
                </c:pt>
                <c:pt idx="1130">
                  <c:v>39888</c:v>
                </c:pt>
                <c:pt idx="1131">
                  <c:v>39889</c:v>
                </c:pt>
                <c:pt idx="1132">
                  <c:v>39890</c:v>
                </c:pt>
                <c:pt idx="1133">
                  <c:v>39891</c:v>
                </c:pt>
                <c:pt idx="1134">
                  <c:v>39892</c:v>
                </c:pt>
                <c:pt idx="1135">
                  <c:v>39895</c:v>
                </c:pt>
                <c:pt idx="1136">
                  <c:v>39896</c:v>
                </c:pt>
                <c:pt idx="1137">
                  <c:v>39897</c:v>
                </c:pt>
                <c:pt idx="1138">
                  <c:v>39898</c:v>
                </c:pt>
                <c:pt idx="1139">
                  <c:v>39899</c:v>
                </c:pt>
                <c:pt idx="1140">
                  <c:v>39902</c:v>
                </c:pt>
                <c:pt idx="1141">
                  <c:v>39903</c:v>
                </c:pt>
                <c:pt idx="1142">
                  <c:v>39904</c:v>
                </c:pt>
                <c:pt idx="1143">
                  <c:v>39905</c:v>
                </c:pt>
                <c:pt idx="1144">
                  <c:v>39906</c:v>
                </c:pt>
                <c:pt idx="1145">
                  <c:v>39909</c:v>
                </c:pt>
                <c:pt idx="1146">
                  <c:v>39910</c:v>
                </c:pt>
                <c:pt idx="1147">
                  <c:v>39911</c:v>
                </c:pt>
                <c:pt idx="1148">
                  <c:v>39912</c:v>
                </c:pt>
                <c:pt idx="1149">
                  <c:v>39916</c:v>
                </c:pt>
                <c:pt idx="1150">
                  <c:v>39917</c:v>
                </c:pt>
                <c:pt idx="1151">
                  <c:v>39918</c:v>
                </c:pt>
                <c:pt idx="1152">
                  <c:v>39919</c:v>
                </c:pt>
                <c:pt idx="1153">
                  <c:v>39920</c:v>
                </c:pt>
                <c:pt idx="1154">
                  <c:v>39923</c:v>
                </c:pt>
                <c:pt idx="1155">
                  <c:v>39925</c:v>
                </c:pt>
                <c:pt idx="1156">
                  <c:v>39926</c:v>
                </c:pt>
                <c:pt idx="1157">
                  <c:v>39927</c:v>
                </c:pt>
                <c:pt idx="1158">
                  <c:v>39930</c:v>
                </c:pt>
                <c:pt idx="1159">
                  <c:v>39931</c:v>
                </c:pt>
                <c:pt idx="1160">
                  <c:v>39932</c:v>
                </c:pt>
                <c:pt idx="1161">
                  <c:v>39933</c:v>
                </c:pt>
                <c:pt idx="1162">
                  <c:v>39937</c:v>
                </c:pt>
                <c:pt idx="1163">
                  <c:v>39938</c:v>
                </c:pt>
                <c:pt idx="1164">
                  <c:v>39939</c:v>
                </c:pt>
                <c:pt idx="1165">
                  <c:v>39940</c:v>
                </c:pt>
                <c:pt idx="1166">
                  <c:v>39941</c:v>
                </c:pt>
                <c:pt idx="1167">
                  <c:v>39944</c:v>
                </c:pt>
                <c:pt idx="1168">
                  <c:v>39945</c:v>
                </c:pt>
                <c:pt idx="1169">
                  <c:v>39946</c:v>
                </c:pt>
                <c:pt idx="1170">
                  <c:v>39947</c:v>
                </c:pt>
                <c:pt idx="1171">
                  <c:v>39948</c:v>
                </c:pt>
                <c:pt idx="1172">
                  <c:v>39951</c:v>
                </c:pt>
                <c:pt idx="1173">
                  <c:v>39952</c:v>
                </c:pt>
                <c:pt idx="1174">
                  <c:v>39953</c:v>
                </c:pt>
                <c:pt idx="1175">
                  <c:v>39954</c:v>
                </c:pt>
                <c:pt idx="1176">
                  <c:v>39955</c:v>
                </c:pt>
                <c:pt idx="1177">
                  <c:v>39958</c:v>
                </c:pt>
                <c:pt idx="1178">
                  <c:v>39959</c:v>
                </c:pt>
                <c:pt idx="1179">
                  <c:v>39960</c:v>
                </c:pt>
                <c:pt idx="1180">
                  <c:v>39961</c:v>
                </c:pt>
                <c:pt idx="1181">
                  <c:v>39962</c:v>
                </c:pt>
                <c:pt idx="1182">
                  <c:v>39965</c:v>
                </c:pt>
                <c:pt idx="1183">
                  <c:v>39966</c:v>
                </c:pt>
                <c:pt idx="1184">
                  <c:v>39967</c:v>
                </c:pt>
                <c:pt idx="1185">
                  <c:v>39968</c:v>
                </c:pt>
                <c:pt idx="1186">
                  <c:v>39969</c:v>
                </c:pt>
                <c:pt idx="1187">
                  <c:v>39972</c:v>
                </c:pt>
                <c:pt idx="1188">
                  <c:v>39973</c:v>
                </c:pt>
                <c:pt idx="1189">
                  <c:v>39974</c:v>
                </c:pt>
                <c:pt idx="1190">
                  <c:v>39976</c:v>
                </c:pt>
                <c:pt idx="1191">
                  <c:v>39979</c:v>
                </c:pt>
                <c:pt idx="1192">
                  <c:v>39980</c:v>
                </c:pt>
                <c:pt idx="1193">
                  <c:v>39981</c:v>
                </c:pt>
                <c:pt idx="1194">
                  <c:v>39982</c:v>
                </c:pt>
                <c:pt idx="1195">
                  <c:v>39983</c:v>
                </c:pt>
                <c:pt idx="1196">
                  <c:v>39986</c:v>
                </c:pt>
                <c:pt idx="1197">
                  <c:v>39987</c:v>
                </c:pt>
                <c:pt idx="1198">
                  <c:v>39988</c:v>
                </c:pt>
                <c:pt idx="1199">
                  <c:v>39989</c:v>
                </c:pt>
                <c:pt idx="1200">
                  <c:v>39990</c:v>
                </c:pt>
                <c:pt idx="1201">
                  <c:v>39993</c:v>
                </c:pt>
                <c:pt idx="1202">
                  <c:v>39994</c:v>
                </c:pt>
                <c:pt idx="1203">
                  <c:v>39995</c:v>
                </c:pt>
                <c:pt idx="1204">
                  <c:v>39996</c:v>
                </c:pt>
                <c:pt idx="1205">
                  <c:v>39997</c:v>
                </c:pt>
                <c:pt idx="1206">
                  <c:v>40000</c:v>
                </c:pt>
                <c:pt idx="1207">
                  <c:v>40001</c:v>
                </c:pt>
                <c:pt idx="1208">
                  <c:v>40002</c:v>
                </c:pt>
                <c:pt idx="1209">
                  <c:v>40003</c:v>
                </c:pt>
                <c:pt idx="1210">
                  <c:v>40004</c:v>
                </c:pt>
                <c:pt idx="1211">
                  <c:v>40007</c:v>
                </c:pt>
                <c:pt idx="1212">
                  <c:v>40008</c:v>
                </c:pt>
                <c:pt idx="1213">
                  <c:v>40009</c:v>
                </c:pt>
                <c:pt idx="1214">
                  <c:v>40010</c:v>
                </c:pt>
                <c:pt idx="1215">
                  <c:v>40011</c:v>
                </c:pt>
                <c:pt idx="1216">
                  <c:v>40014</c:v>
                </c:pt>
                <c:pt idx="1217">
                  <c:v>40015</c:v>
                </c:pt>
                <c:pt idx="1218">
                  <c:v>40016</c:v>
                </c:pt>
                <c:pt idx="1219">
                  <c:v>40017</c:v>
                </c:pt>
                <c:pt idx="1220">
                  <c:v>40018</c:v>
                </c:pt>
                <c:pt idx="1221">
                  <c:v>40021</c:v>
                </c:pt>
                <c:pt idx="1222">
                  <c:v>40022</c:v>
                </c:pt>
                <c:pt idx="1223">
                  <c:v>40023</c:v>
                </c:pt>
                <c:pt idx="1224">
                  <c:v>40024</c:v>
                </c:pt>
                <c:pt idx="1225">
                  <c:v>40025</c:v>
                </c:pt>
                <c:pt idx="1226">
                  <c:v>40028</c:v>
                </c:pt>
                <c:pt idx="1227">
                  <c:v>40029</c:v>
                </c:pt>
                <c:pt idx="1228">
                  <c:v>40030</c:v>
                </c:pt>
                <c:pt idx="1229">
                  <c:v>40031</c:v>
                </c:pt>
                <c:pt idx="1230">
                  <c:v>40032</c:v>
                </c:pt>
                <c:pt idx="1231">
                  <c:v>40035</c:v>
                </c:pt>
                <c:pt idx="1232">
                  <c:v>40036</c:v>
                </c:pt>
                <c:pt idx="1233">
                  <c:v>40037</c:v>
                </c:pt>
                <c:pt idx="1234">
                  <c:v>40038</c:v>
                </c:pt>
                <c:pt idx="1235">
                  <c:v>40039</c:v>
                </c:pt>
                <c:pt idx="1236">
                  <c:v>40042</c:v>
                </c:pt>
                <c:pt idx="1237">
                  <c:v>40043</c:v>
                </c:pt>
                <c:pt idx="1238">
                  <c:v>40044</c:v>
                </c:pt>
                <c:pt idx="1239">
                  <c:v>40045</c:v>
                </c:pt>
                <c:pt idx="1240">
                  <c:v>40046</c:v>
                </c:pt>
                <c:pt idx="1241">
                  <c:v>40049</c:v>
                </c:pt>
                <c:pt idx="1242">
                  <c:v>40050</c:v>
                </c:pt>
                <c:pt idx="1243">
                  <c:v>40051</c:v>
                </c:pt>
                <c:pt idx="1244">
                  <c:v>40052</c:v>
                </c:pt>
                <c:pt idx="1245">
                  <c:v>40053</c:v>
                </c:pt>
                <c:pt idx="1246">
                  <c:v>40056</c:v>
                </c:pt>
                <c:pt idx="1247">
                  <c:v>40057</c:v>
                </c:pt>
                <c:pt idx="1248">
                  <c:v>40058</c:v>
                </c:pt>
                <c:pt idx="1249">
                  <c:v>40059</c:v>
                </c:pt>
                <c:pt idx="1250">
                  <c:v>40060</c:v>
                </c:pt>
                <c:pt idx="1251">
                  <c:v>40064</c:v>
                </c:pt>
                <c:pt idx="1252">
                  <c:v>40065</c:v>
                </c:pt>
                <c:pt idx="1253">
                  <c:v>40066</c:v>
                </c:pt>
                <c:pt idx="1254">
                  <c:v>40067</c:v>
                </c:pt>
                <c:pt idx="1255">
                  <c:v>40070</c:v>
                </c:pt>
                <c:pt idx="1256">
                  <c:v>40071</c:v>
                </c:pt>
                <c:pt idx="1257">
                  <c:v>40072</c:v>
                </c:pt>
                <c:pt idx="1258">
                  <c:v>40073</c:v>
                </c:pt>
                <c:pt idx="1259">
                  <c:v>40074</c:v>
                </c:pt>
                <c:pt idx="1260">
                  <c:v>40077</c:v>
                </c:pt>
                <c:pt idx="1261">
                  <c:v>40078</c:v>
                </c:pt>
                <c:pt idx="1262">
                  <c:v>40079</c:v>
                </c:pt>
                <c:pt idx="1263">
                  <c:v>40080</c:v>
                </c:pt>
                <c:pt idx="1264">
                  <c:v>40081</c:v>
                </c:pt>
                <c:pt idx="1265">
                  <c:v>40084</c:v>
                </c:pt>
                <c:pt idx="1266">
                  <c:v>40085</c:v>
                </c:pt>
                <c:pt idx="1267">
                  <c:v>40086</c:v>
                </c:pt>
                <c:pt idx="1268">
                  <c:v>40087</c:v>
                </c:pt>
                <c:pt idx="1269">
                  <c:v>40088</c:v>
                </c:pt>
                <c:pt idx="1270">
                  <c:v>40091</c:v>
                </c:pt>
                <c:pt idx="1271">
                  <c:v>40092</c:v>
                </c:pt>
                <c:pt idx="1272">
                  <c:v>40093</c:v>
                </c:pt>
                <c:pt idx="1273">
                  <c:v>40094</c:v>
                </c:pt>
                <c:pt idx="1274">
                  <c:v>40095</c:v>
                </c:pt>
                <c:pt idx="1275">
                  <c:v>40099</c:v>
                </c:pt>
                <c:pt idx="1276">
                  <c:v>40100</c:v>
                </c:pt>
                <c:pt idx="1277">
                  <c:v>40101</c:v>
                </c:pt>
                <c:pt idx="1278">
                  <c:v>40102</c:v>
                </c:pt>
                <c:pt idx="1279">
                  <c:v>40105</c:v>
                </c:pt>
                <c:pt idx="1280">
                  <c:v>40106</c:v>
                </c:pt>
                <c:pt idx="1281">
                  <c:v>40107</c:v>
                </c:pt>
                <c:pt idx="1282">
                  <c:v>40108</c:v>
                </c:pt>
                <c:pt idx="1283">
                  <c:v>40109</c:v>
                </c:pt>
                <c:pt idx="1284">
                  <c:v>40112</c:v>
                </c:pt>
                <c:pt idx="1285">
                  <c:v>40113</c:v>
                </c:pt>
                <c:pt idx="1286">
                  <c:v>40114</c:v>
                </c:pt>
                <c:pt idx="1287">
                  <c:v>40115</c:v>
                </c:pt>
                <c:pt idx="1288">
                  <c:v>40116</c:v>
                </c:pt>
                <c:pt idx="1289">
                  <c:v>40120</c:v>
                </c:pt>
                <c:pt idx="1290">
                  <c:v>40121</c:v>
                </c:pt>
                <c:pt idx="1291">
                  <c:v>40122</c:v>
                </c:pt>
                <c:pt idx="1292">
                  <c:v>40123</c:v>
                </c:pt>
                <c:pt idx="1293">
                  <c:v>40126</c:v>
                </c:pt>
                <c:pt idx="1294">
                  <c:v>40127</c:v>
                </c:pt>
                <c:pt idx="1295">
                  <c:v>40128</c:v>
                </c:pt>
                <c:pt idx="1296">
                  <c:v>40129</c:v>
                </c:pt>
                <c:pt idx="1297">
                  <c:v>40130</c:v>
                </c:pt>
                <c:pt idx="1298">
                  <c:v>40133</c:v>
                </c:pt>
                <c:pt idx="1299">
                  <c:v>40134</c:v>
                </c:pt>
                <c:pt idx="1300">
                  <c:v>40135</c:v>
                </c:pt>
                <c:pt idx="1301">
                  <c:v>40136</c:v>
                </c:pt>
                <c:pt idx="1302">
                  <c:v>40137</c:v>
                </c:pt>
                <c:pt idx="1303">
                  <c:v>40140</c:v>
                </c:pt>
                <c:pt idx="1304">
                  <c:v>40141</c:v>
                </c:pt>
                <c:pt idx="1305">
                  <c:v>40142</c:v>
                </c:pt>
                <c:pt idx="1306">
                  <c:v>40143</c:v>
                </c:pt>
                <c:pt idx="1307">
                  <c:v>40144</c:v>
                </c:pt>
                <c:pt idx="1308">
                  <c:v>40147</c:v>
                </c:pt>
                <c:pt idx="1309">
                  <c:v>40148</c:v>
                </c:pt>
                <c:pt idx="1310">
                  <c:v>40149</c:v>
                </c:pt>
                <c:pt idx="1311">
                  <c:v>40150</c:v>
                </c:pt>
                <c:pt idx="1312">
                  <c:v>40151</c:v>
                </c:pt>
                <c:pt idx="1313">
                  <c:v>40154</c:v>
                </c:pt>
                <c:pt idx="1314">
                  <c:v>40155</c:v>
                </c:pt>
                <c:pt idx="1315">
                  <c:v>40156</c:v>
                </c:pt>
                <c:pt idx="1316">
                  <c:v>40157</c:v>
                </c:pt>
                <c:pt idx="1317">
                  <c:v>40158</c:v>
                </c:pt>
                <c:pt idx="1318">
                  <c:v>40161</c:v>
                </c:pt>
                <c:pt idx="1319">
                  <c:v>40162</c:v>
                </c:pt>
                <c:pt idx="1320">
                  <c:v>40163</c:v>
                </c:pt>
                <c:pt idx="1321">
                  <c:v>40164</c:v>
                </c:pt>
                <c:pt idx="1322">
                  <c:v>40165</c:v>
                </c:pt>
                <c:pt idx="1323">
                  <c:v>40168</c:v>
                </c:pt>
                <c:pt idx="1324">
                  <c:v>40169</c:v>
                </c:pt>
                <c:pt idx="1325">
                  <c:v>40170</c:v>
                </c:pt>
                <c:pt idx="1326">
                  <c:v>40171</c:v>
                </c:pt>
                <c:pt idx="1327">
                  <c:v>40175</c:v>
                </c:pt>
                <c:pt idx="1328">
                  <c:v>40176</c:v>
                </c:pt>
                <c:pt idx="1329">
                  <c:v>40177</c:v>
                </c:pt>
                <c:pt idx="1330">
                  <c:v>40178</c:v>
                </c:pt>
                <c:pt idx="1331">
                  <c:v>40182</c:v>
                </c:pt>
                <c:pt idx="1332">
                  <c:v>40183</c:v>
                </c:pt>
                <c:pt idx="1333">
                  <c:v>40184</c:v>
                </c:pt>
                <c:pt idx="1334">
                  <c:v>40185</c:v>
                </c:pt>
                <c:pt idx="1335">
                  <c:v>40186</c:v>
                </c:pt>
                <c:pt idx="1336">
                  <c:v>40189</c:v>
                </c:pt>
                <c:pt idx="1337">
                  <c:v>40190</c:v>
                </c:pt>
                <c:pt idx="1338">
                  <c:v>40191</c:v>
                </c:pt>
                <c:pt idx="1339">
                  <c:v>40192</c:v>
                </c:pt>
                <c:pt idx="1340">
                  <c:v>40193</c:v>
                </c:pt>
                <c:pt idx="1341">
                  <c:v>40196</c:v>
                </c:pt>
                <c:pt idx="1342">
                  <c:v>40197</c:v>
                </c:pt>
                <c:pt idx="1343">
                  <c:v>40198</c:v>
                </c:pt>
                <c:pt idx="1344">
                  <c:v>40199</c:v>
                </c:pt>
                <c:pt idx="1345">
                  <c:v>40200</c:v>
                </c:pt>
                <c:pt idx="1346">
                  <c:v>40203</c:v>
                </c:pt>
                <c:pt idx="1347">
                  <c:v>40204</c:v>
                </c:pt>
                <c:pt idx="1348">
                  <c:v>40205</c:v>
                </c:pt>
                <c:pt idx="1349">
                  <c:v>40206</c:v>
                </c:pt>
                <c:pt idx="1350">
                  <c:v>40207</c:v>
                </c:pt>
                <c:pt idx="1351">
                  <c:v>40210</c:v>
                </c:pt>
                <c:pt idx="1352">
                  <c:v>40211</c:v>
                </c:pt>
                <c:pt idx="1353">
                  <c:v>40212</c:v>
                </c:pt>
                <c:pt idx="1354">
                  <c:v>40213</c:v>
                </c:pt>
                <c:pt idx="1355">
                  <c:v>40214</c:v>
                </c:pt>
                <c:pt idx="1356">
                  <c:v>40217</c:v>
                </c:pt>
                <c:pt idx="1357">
                  <c:v>40218</c:v>
                </c:pt>
                <c:pt idx="1358">
                  <c:v>40219</c:v>
                </c:pt>
                <c:pt idx="1359">
                  <c:v>40220</c:v>
                </c:pt>
                <c:pt idx="1360">
                  <c:v>40221</c:v>
                </c:pt>
                <c:pt idx="1361">
                  <c:v>40226</c:v>
                </c:pt>
                <c:pt idx="1362">
                  <c:v>40227</c:v>
                </c:pt>
                <c:pt idx="1363">
                  <c:v>40228</c:v>
                </c:pt>
                <c:pt idx="1364">
                  <c:v>40231</c:v>
                </c:pt>
                <c:pt idx="1365">
                  <c:v>40232</c:v>
                </c:pt>
                <c:pt idx="1366">
                  <c:v>40233</c:v>
                </c:pt>
                <c:pt idx="1367">
                  <c:v>40234</c:v>
                </c:pt>
                <c:pt idx="1368">
                  <c:v>40235</c:v>
                </c:pt>
                <c:pt idx="1369">
                  <c:v>40238</c:v>
                </c:pt>
                <c:pt idx="1370">
                  <c:v>40239</c:v>
                </c:pt>
                <c:pt idx="1371">
                  <c:v>40240</c:v>
                </c:pt>
                <c:pt idx="1372">
                  <c:v>40241</c:v>
                </c:pt>
                <c:pt idx="1373">
                  <c:v>40242</c:v>
                </c:pt>
                <c:pt idx="1374">
                  <c:v>40245</c:v>
                </c:pt>
                <c:pt idx="1375">
                  <c:v>40246</c:v>
                </c:pt>
                <c:pt idx="1376">
                  <c:v>40247</c:v>
                </c:pt>
                <c:pt idx="1377">
                  <c:v>40248</c:v>
                </c:pt>
                <c:pt idx="1378">
                  <c:v>40249</c:v>
                </c:pt>
                <c:pt idx="1379">
                  <c:v>40252</c:v>
                </c:pt>
                <c:pt idx="1380">
                  <c:v>40253</c:v>
                </c:pt>
                <c:pt idx="1381">
                  <c:v>40254</c:v>
                </c:pt>
                <c:pt idx="1382">
                  <c:v>40255</c:v>
                </c:pt>
                <c:pt idx="1383">
                  <c:v>40256</c:v>
                </c:pt>
                <c:pt idx="1384">
                  <c:v>40259</c:v>
                </c:pt>
                <c:pt idx="1385">
                  <c:v>40260</c:v>
                </c:pt>
                <c:pt idx="1386">
                  <c:v>40261</c:v>
                </c:pt>
                <c:pt idx="1387">
                  <c:v>40262</c:v>
                </c:pt>
                <c:pt idx="1388">
                  <c:v>40263</c:v>
                </c:pt>
                <c:pt idx="1389">
                  <c:v>40266</c:v>
                </c:pt>
                <c:pt idx="1390">
                  <c:v>40267</c:v>
                </c:pt>
                <c:pt idx="1391">
                  <c:v>40268</c:v>
                </c:pt>
                <c:pt idx="1392">
                  <c:v>40269</c:v>
                </c:pt>
                <c:pt idx="1393">
                  <c:v>40273</c:v>
                </c:pt>
                <c:pt idx="1394">
                  <c:v>40274</c:v>
                </c:pt>
                <c:pt idx="1395">
                  <c:v>40275</c:v>
                </c:pt>
                <c:pt idx="1396">
                  <c:v>40276</c:v>
                </c:pt>
                <c:pt idx="1397">
                  <c:v>40277</c:v>
                </c:pt>
                <c:pt idx="1398">
                  <c:v>40280</c:v>
                </c:pt>
                <c:pt idx="1399">
                  <c:v>40281</c:v>
                </c:pt>
                <c:pt idx="1400">
                  <c:v>40282</c:v>
                </c:pt>
                <c:pt idx="1401">
                  <c:v>40283</c:v>
                </c:pt>
                <c:pt idx="1402">
                  <c:v>40284</c:v>
                </c:pt>
                <c:pt idx="1403">
                  <c:v>40287</c:v>
                </c:pt>
                <c:pt idx="1404">
                  <c:v>40288</c:v>
                </c:pt>
                <c:pt idx="1405">
                  <c:v>40290</c:v>
                </c:pt>
                <c:pt idx="1406">
                  <c:v>40291</c:v>
                </c:pt>
                <c:pt idx="1407">
                  <c:v>40294</c:v>
                </c:pt>
                <c:pt idx="1408">
                  <c:v>40295</c:v>
                </c:pt>
                <c:pt idx="1409">
                  <c:v>40296</c:v>
                </c:pt>
                <c:pt idx="1410">
                  <c:v>40297</c:v>
                </c:pt>
                <c:pt idx="1411">
                  <c:v>40298</c:v>
                </c:pt>
                <c:pt idx="1412">
                  <c:v>40301</c:v>
                </c:pt>
                <c:pt idx="1413">
                  <c:v>40302</c:v>
                </c:pt>
                <c:pt idx="1414">
                  <c:v>40303</c:v>
                </c:pt>
                <c:pt idx="1415">
                  <c:v>40304</c:v>
                </c:pt>
                <c:pt idx="1416">
                  <c:v>40305</c:v>
                </c:pt>
                <c:pt idx="1417">
                  <c:v>40308</c:v>
                </c:pt>
                <c:pt idx="1418">
                  <c:v>40309</c:v>
                </c:pt>
                <c:pt idx="1419">
                  <c:v>40310</c:v>
                </c:pt>
                <c:pt idx="1420">
                  <c:v>40311</c:v>
                </c:pt>
                <c:pt idx="1421">
                  <c:v>40312</c:v>
                </c:pt>
                <c:pt idx="1422">
                  <c:v>40315</c:v>
                </c:pt>
                <c:pt idx="1423">
                  <c:v>40316</c:v>
                </c:pt>
                <c:pt idx="1424">
                  <c:v>40317</c:v>
                </c:pt>
                <c:pt idx="1425">
                  <c:v>40318</c:v>
                </c:pt>
                <c:pt idx="1426">
                  <c:v>40319</c:v>
                </c:pt>
                <c:pt idx="1427">
                  <c:v>40322</c:v>
                </c:pt>
                <c:pt idx="1428">
                  <c:v>40323</c:v>
                </c:pt>
                <c:pt idx="1429">
                  <c:v>40324</c:v>
                </c:pt>
                <c:pt idx="1430">
                  <c:v>40325</c:v>
                </c:pt>
                <c:pt idx="1431">
                  <c:v>40326</c:v>
                </c:pt>
                <c:pt idx="1432">
                  <c:v>40329</c:v>
                </c:pt>
                <c:pt idx="1433">
                  <c:v>40330</c:v>
                </c:pt>
                <c:pt idx="1434">
                  <c:v>40331</c:v>
                </c:pt>
                <c:pt idx="1435">
                  <c:v>40333</c:v>
                </c:pt>
                <c:pt idx="1436">
                  <c:v>40336</c:v>
                </c:pt>
                <c:pt idx="1437">
                  <c:v>40337</c:v>
                </c:pt>
                <c:pt idx="1438">
                  <c:v>40338</c:v>
                </c:pt>
                <c:pt idx="1439">
                  <c:v>40339</c:v>
                </c:pt>
                <c:pt idx="1440">
                  <c:v>40340</c:v>
                </c:pt>
                <c:pt idx="1441">
                  <c:v>40343</c:v>
                </c:pt>
                <c:pt idx="1442">
                  <c:v>40344</c:v>
                </c:pt>
                <c:pt idx="1443">
                  <c:v>40345</c:v>
                </c:pt>
                <c:pt idx="1444">
                  <c:v>40346</c:v>
                </c:pt>
                <c:pt idx="1445">
                  <c:v>40347</c:v>
                </c:pt>
                <c:pt idx="1446">
                  <c:v>40350</c:v>
                </c:pt>
                <c:pt idx="1447">
                  <c:v>40351</c:v>
                </c:pt>
                <c:pt idx="1448">
                  <c:v>40352</c:v>
                </c:pt>
                <c:pt idx="1449">
                  <c:v>40353</c:v>
                </c:pt>
                <c:pt idx="1450">
                  <c:v>40354</c:v>
                </c:pt>
                <c:pt idx="1451">
                  <c:v>40357</c:v>
                </c:pt>
                <c:pt idx="1452">
                  <c:v>40358</c:v>
                </c:pt>
                <c:pt idx="1453">
                  <c:v>40359</c:v>
                </c:pt>
                <c:pt idx="1454">
                  <c:v>40360</c:v>
                </c:pt>
                <c:pt idx="1455">
                  <c:v>40361</c:v>
                </c:pt>
                <c:pt idx="1456">
                  <c:v>40364</c:v>
                </c:pt>
                <c:pt idx="1457">
                  <c:v>40365</c:v>
                </c:pt>
                <c:pt idx="1458">
                  <c:v>40366</c:v>
                </c:pt>
                <c:pt idx="1459">
                  <c:v>40367</c:v>
                </c:pt>
                <c:pt idx="1460">
                  <c:v>40368</c:v>
                </c:pt>
                <c:pt idx="1461">
                  <c:v>40371</c:v>
                </c:pt>
                <c:pt idx="1462">
                  <c:v>40372</c:v>
                </c:pt>
                <c:pt idx="1463">
                  <c:v>40373</c:v>
                </c:pt>
                <c:pt idx="1464">
                  <c:v>40374</c:v>
                </c:pt>
                <c:pt idx="1465">
                  <c:v>40375</c:v>
                </c:pt>
                <c:pt idx="1466">
                  <c:v>40378</c:v>
                </c:pt>
                <c:pt idx="1467">
                  <c:v>40379</c:v>
                </c:pt>
                <c:pt idx="1468">
                  <c:v>40380</c:v>
                </c:pt>
                <c:pt idx="1469">
                  <c:v>40381</c:v>
                </c:pt>
                <c:pt idx="1470">
                  <c:v>40382</c:v>
                </c:pt>
                <c:pt idx="1471">
                  <c:v>40385</c:v>
                </c:pt>
                <c:pt idx="1472">
                  <c:v>40386</c:v>
                </c:pt>
                <c:pt idx="1473">
                  <c:v>40387</c:v>
                </c:pt>
                <c:pt idx="1474">
                  <c:v>40388</c:v>
                </c:pt>
                <c:pt idx="1475">
                  <c:v>40389</c:v>
                </c:pt>
                <c:pt idx="1476">
                  <c:v>40392</c:v>
                </c:pt>
                <c:pt idx="1477">
                  <c:v>40393</c:v>
                </c:pt>
                <c:pt idx="1478">
                  <c:v>40394</c:v>
                </c:pt>
                <c:pt idx="1479">
                  <c:v>40395</c:v>
                </c:pt>
                <c:pt idx="1480">
                  <c:v>40396</c:v>
                </c:pt>
                <c:pt idx="1481">
                  <c:v>40399</c:v>
                </c:pt>
                <c:pt idx="1482">
                  <c:v>40400</c:v>
                </c:pt>
                <c:pt idx="1483">
                  <c:v>40401</c:v>
                </c:pt>
                <c:pt idx="1484">
                  <c:v>40402</c:v>
                </c:pt>
                <c:pt idx="1485">
                  <c:v>40403</c:v>
                </c:pt>
                <c:pt idx="1486">
                  <c:v>40406</c:v>
                </c:pt>
                <c:pt idx="1487">
                  <c:v>40407</c:v>
                </c:pt>
                <c:pt idx="1488">
                  <c:v>40408</c:v>
                </c:pt>
                <c:pt idx="1489">
                  <c:v>40409</c:v>
                </c:pt>
                <c:pt idx="1490">
                  <c:v>40410</c:v>
                </c:pt>
                <c:pt idx="1491">
                  <c:v>40413</c:v>
                </c:pt>
                <c:pt idx="1492">
                  <c:v>40414</c:v>
                </c:pt>
                <c:pt idx="1493">
                  <c:v>40415</c:v>
                </c:pt>
                <c:pt idx="1494">
                  <c:v>40416</c:v>
                </c:pt>
                <c:pt idx="1495">
                  <c:v>40417</c:v>
                </c:pt>
                <c:pt idx="1496">
                  <c:v>40420</c:v>
                </c:pt>
                <c:pt idx="1497">
                  <c:v>40421</c:v>
                </c:pt>
                <c:pt idx="1498">
                  <c:v>40422</c:v>
                </c:pt>
                <c:pt idx="1499">
                  <c:v>40423</c:v>
                </c:pt>
                <c:pt idx="1500">
                  <c:v>40424</c:v>
                </c:pt>
                <c:pt idx="1501">
                  <c:v>40427</c:v>
                </c:pt>
                <c:pt idx="1502">
                  <c:v>40429</c:v>
                </c:pt>
                <c:pt idx="1503">
                  <c:v>40430</c:v>
                </c:pt>
                <c:pt idx="1504">
                  <c:v>40431</c:v>
                </c:pt>
                <c:pt idx="1505">
                  <c:v>40434</c:v>
                </c:pt>
                <c:pt idx="1506">
                  <c:v>40435</c:v>
                </c:pt>
                <c:pt idx="1507">
                  <c:v>40436</c:v>
                </c:pt>
                <c:pt idx="1508">
                  <c:v>40437</c:v>
                </c:pt>
                <c:pt idx="1509">
                  <c:v>40438</c:v>
                </c:pt>
                <c:pt idx="1510">
                  <c:v>40441</c:v>
                </c:pt>
                <c:pt idx="1511">
                  <c:v>40442</c:v>
                </c:pt>
                <c:pt idx="1512">
                  <c:v>40443</c:v>
                </c:pt>
                <c:pt idx="1513">
                  <c:v>40444</c:v>
                </c:pt>
                <c:pt idx="1514">
                  <c:v>40445</c:v>
                </c:pt>
                <c:pt idx="1515">
                  <c:v>40448</c:v>
                </c:pt>
                <c:pt idx="1516">
                  <c:v>40449</c:v>
                </c:pt>
                <c:pt idx="1517">
                  <c:v>40450</c:v>
                </c:pt>
                <c:pt idx="1518">
                  <c:v>40451</c:v>
                </c:pt>
                <c:pt idx="1519">
                  <c:v>40452</c:v>
                </c:pt>
                <c:pt idx="1520">
                  <c:v>40455</c:v>
                </c:pt>
                <c:pt idx="1521">
                  <c:v>40456</c:v>
                </c:pt>
                <c:pt idx="1522">
                  <c:v>40457</c:v>
                </c:pt>
                <c:pt idx="1523">
                  <c:v>40458</c:v>
                </c:pt>
                <c:pt idx="1524">
                  <c:v>40459</c:v>
                </c:pt>
                <c:pt idx="1525">
                  <c:v>40462</c:v>
                </c:pt>
                <c:pt idx="1526">
                  <c:v>40464</c:v>
                </c:pt>
                <c:pt idx="1527">
                  <c:v>40465</c:v>
                </c:pt>
                <c:pt idx="1528">
                  <c:v>40466</c:v>
                </c:pt>
                <c:pt idx="1529">
                  <c:v>40469</c:v>
                </c:pt>
                <c:pt idx="1530">
                  <c:v>40470</c:v>
                </c:pt>
                <c:pt idx="1531">
                  <c:v>40471</c:v>
                </c:pt>
                <c:pt idx="1532">
                  <c:v>40472</c:v>
                </c:pt>
                <c:pt idx="1533">
                  <c:v>40473</c:v>
                </c:pt>
                <c:pt idx="1534">
                  <c:v>40476</c:v>
                </c:pt>
                <c:pt idx="1535">
                  <c:v>40477</c:v>
                </c:pt>
                <c:pt idx="1536">
                  <c:v>40478</c:v>
                </c:pt>
                <c:pt idx="1537">
                  <c:v>40479</c:v>
                </c:pt>
                <c:pt idx="1538">
                  <c:v>40480</c:v>
                </c:pt>
                <c:pt idx="1539">
                  <c:v>40483</c:v>
                </c:pt>
                <c:pt idx="1540">
                  <c:v>40485</c:v>
                </c:pt>
                <c:pt idx="1541">
                  <c:v>40486</c:v>
                </c:pt>
                <c:pt idx="1542">
                  <c:v>40487</c:v>
                </c:pt>
                <c:pt idx="1543">
                  <c:v>40490</c:v>
                </c:pt>
                <c:pt idx="1544">
                  <c:v>40491</c:v>
                </c:pt>
                <c:pt idx="1545">
                  <c:v>40492</c:v>
                </c:pt>
                <c:pt idx="1546">
                  <c:v>40493</c:v>
                </c:pt>
                <c:pt idx="1547">
                  <c:v>40494</c:v>
                </c:pt>
                <c:pt idx="1548">
                  <c:v>40498</c:v>
                </c:pt>
                <c:pt idx="1549">
                  <c:v>40499</c:v>
                </c:pt>
                <c:pt idx="1550">
                  <c:v>40500</c:v>
                </c:pt>
                <c:pt idx="1551">
                  <c:v>40501</c:v>
                </c:pt>
                <c:pt idx="1552">
                  <c:v>40504</c:v>
                </c:pt>
                <c:pt idx="1553">
                  <c:v>40505</c:v>
                </c:pt>
                <c:pt idx="1554">
                  <c:v>40506</c:v>
                </c:pt>
                <c:pt idx="1555">
                  <c:v>40507</c:v>
                </c:pt>
                <c:pt idx="1556">
                  <c:v>40508</c:v>
                </c:pt>
                <c:pt idx="1557">
                  <c:v>40511</c:v>
                </c:pt>
                <c:pt idx="1558">
                  <c:v>40512</c:v>
                </c:pt>
                <c:pt idx="1559">
                  <c:v>40513</c:v>
                </c:pt>
                <c:pt idx="1560">
                  <c:v>40514</c:v>
                </c:pt>
                <c:pt idx="1561">
                  <c:v>40515</c:v>
                </c:pt>
                <c:pt idx="1562">
                  <c:v>40518</c:v>
                </c:pt>
                <c:pt idx="1563">
                  <c:v>40519</c:v>
                </c:pt>
                <c:pt idx="1564">
                  <c:v>40520</c:v>
                </c:pt>
                <c:pt idx="1565">
                  <c:v>40521</c:v>
                </c:pt>
                <c:pt idx="1566">
                  <c:v>40522</c:v>
                </c:pt>
                <c:pt idx="1567">
                  <c:v>40525</c:v>
                </c:pt>
                <c:pt idx="1568">
                  <c:v>40526</c:v>
                </c:pt>
                <c:pt idx="1569">
                  <c:v>40527</c:v>
                </c:pt>
                <c:pt idx="1570">
                  <c:v>40528</c:v>
                </c:pt>
                <c:pt idx="1571">
                  <c:v>40529</c:v>
                </c:pt>
                <c:pt idx="1572">
                  <c:v>40532</c:v>
                </c:pt>
                <c:pt idx="1573">
                  <c:v>40533</c:v>
                </c:pt>
                <c:pt idx="1574">
                  <c:v>40534</c:v>
                </c:pt>
                <c:pt idx="1575">
                  <c:v>40535</c:v>
                </c:pt>
                <c:pt idx="1576">
                  <c:v>40536</c:v>
                </c:pt>
                <c:pt idx="1577">
                  <c:v>40539</c:v>
                </c:pt>
                <c:pt idx="1578">
                  <c:v>40540</c:v>
                </c:pt>
                <c:pt idx="1579">
                  <c:v>40541</c:v>
                </c:pt>
                <c:pt idx="1580">
                  <c:v>40542</c:v>
                </c:pt>
                <c:pt idx="1581">
                  <c:v>40543</c:v>
                </c:pt>
                <c:pt idx="1582">
                  <c:v>40546</c:v>
                </c:pt>
                <c:pt idx="1583">
                  <c:v>40547</c:v>
                </c:pt>
                <c:pt idx="1584">
                  <c:v>40548</c:v>
                </c:pt>
                <c:pt idx="1585">
                  <c:v>40549</c:v>
                </c:pt>
                <c:pt idx="1586">
                  <c:v>40550</c:v>
                </c:pt>
                <c:pt idx="1587">
                  <c:v>40553</c:v>
                </c:pt>
                <c:pt idx="1588">
                  <c:v>40554</c:v>
                </c:pt>
                <c:pt idx="1589">
                  <c:v>40555</c:v>
                </c:pt>
                <c:pt idx="1590">
                  <c:v>40556</c:v>
                </c:pt>
                <c:pt idx="1591">
                  <c:v>40557</c:v>
                </c:pt>
                <c:pt idx="1592">
                  <c:v>40560</c:v>
                </c:pt>
                <c:pt idx="1593">
                  <c:v>40561</c:v>
                </c:pt>
                <c:pt idx="1594">
                  <c:v>40562</c:v>
                </c:pt>
                <c:pt idx="1595">
                  <c:v>40563</c:v>
                </c:pt>
                <c:pt idx="1596">
                  <c:v>40564</c:v>
                </c:pt>
                <c:pt idx="1597">
                  <c:v>40567</c:v>
                </c:pt>
                <c:pt idx="1598">
                  <c:v>40568</c:v>
                </c:pt>
                <c:pt idx="1599">
                  <c:v>40569</c:v>
                </c:pt>
                <c:pt idx="1600">
                  <c:v>40570</c:v>
                </c:pt>
                <c:pt idx="1601">
                  <c:v>40571</c:v>
                </c:pt>
                <c:pt idx="1602">
                  <c:v>40574</c:v>
                </c:pt>
                <c:pt idx="1603">
                  <c:v>40575</c:v>
                </c:pt>
                <c:pt idx="1604">
                  <c:v>40576</c:v>
                </c:pt>
                <c:pt idx="1605">
                  <c:v>40577</c:v>
                </c:pt>
                <c:pt idx="1606">
                  <c:v>40578</c:v>
                </c:pt>
                <c:pt idx="1607">
                  <c:v>40581</c:v>
                </c:pt>
                <c:pt idx="1608">
                  <c:v>40582</c:v>
                </c:pt>
                <c:pt idx="1609">
                  <c:v>40583</c:v>
                </c:pt>
                <c:pt idx="1610">
                  <c:v>40584</c:v>
                </c:pt>
                <c:pt idx="1611">
                  <c:v>40585</c:v>
                </c:pt>
                <c:pt idx="1612">
                  <c:v>40588</c:v>
                </c:pt>
                <c:pt idx="1613">
                  <c:v>40589</c:v>
                </c:pt>
                <c:pt idx="1614">
                  <c:v>40590</c:v>
                </c:pt>
                <c:pt idx="1615">
                  <c:v>40591</c:v>
                </c:pt>
                <c:pt idx="1616">
                  <c:v>40592</c:v>
                </c:pt>
                <c:pt idx="1617">
                  <c:v>40595</c:v>
                </c:pt>
                <c:pt idx="1618">
                  <c:v>40596</c:v>
                </c:pt>
                <c:pt idx="1619">
                  <c:v>40597</c:v>
                </c:pt>
                <c:pt idx="1620">
                  <c:v>40598</c:v>
                </c:pt>
                <c:pt idx="1621">
                  <c:v>40599</c:v>
                </c:pt>
                <c:pt idx="1622">
                  <c:v>40602</c:v>
                </c:pt>
                <c:pt idx="1623">
                  <c:v>40603</c:v>
                </c:pt>
                <c:pt idx="1624">
                  <c:v>40604</c:v>
                </c:pt>
                <c:pt idx="1625">
                  <c:v>40605</c:v>
                </c:pt>
                <c:pt idx="1626">
                  <c:v>40606</c:v>
                </c:pt>
                <c:pt idx="1627">
                  <c:v>40611</c:v>
                </c:pt>
                <c:pt idx="1628">
                  <c:v>40612</c:v>
                </c:pt>
                <c:pt idx="1629">
                  <c:v>40613</c:v>
                </c:pt>
                <c:pt idx="1630">
                  <c:v>40616</c:v>
                </c:pt>
                <c:pt idx="1631">
                  <c:v>40617</c:v>
                </c:pt>
                <c:pt idx="1632">
                  <c:v>40618</c:v>
                </c:pt>
                <c:pt idx="1633">
                  <c:v>40619</c:v>
                </c:pt>
                <c:pt idx="1634">
                  <c:v>40620</c:v>
                </c:pt>
                <c:pt idx="1635">
                  <c:v>40623</c:v>
                </c:pt>
                <c:pt idx="1636">
                  <c:v>40624</c:v>
                </c:pt>
                <c:pt idx="1637">
                  <c:v>40625</c:v>
                </c:pt>
                <c:pt idx="1638">
                  <c:v>40626</c:v>
                </c:pt>
                <c:pt idx="1639">
                  <c:v>40627</c:v>
                </c:pt>
                <c:pt idx="1640">
                  <c:v>40630</c:v>
                </c:pt>
                <c:pt idx="1641">
                  <c:v>40631</c:v>
                </c:pt>
                <c:pt idx="1642">
                  <c:v>40632</c:v>
                </c:pt>
                <c:pt idx="1643">
                  <c:v>40633</c:v>
                </c:pt>
                <c:pt idx="1644">
                  <c:v>40634</c:v>
                </c:pt>
                <c:pt idx="1645">
                  <c:v>40637</c:v>
                </c:pt>
                <c:pt idx="1646">
                  <c:v>40638</c:v>
                </c:pt>
                <c:pt idx="1647">
                  <c:v>40639</c:v>
                </c:pt>
                <c:pt idx="1648">
                  <c:v>40640</c:v>
                </c:pt>
                <c:pt idx="1649">
                  <c:v>40641</c:v>
                </c:pt>
                <c:pt idx="1650">
                  <c:v>40644</c:v>
                </c:pt>
                <c:pt idx="1651">
                  <c:v>40645</c:v>
                </c:pt>
                <c:pt idx="1652">
                  <c:v>40646</c:v>
                </c:pt>
                <c:pt idx="1653">
                  <c:v>40647</c:v>
                </c:pt>
                <c:pt idx="1654">
                  <c:v>40648</c:v>
                </c:pt>
                <c:pt idx="1655">
                  <c:v>40651</c:v>
                </c:pt>
                <c:pt idx="1656">
                  <c:v>40652</c:v>
                </c:pt>
                <c:pt idx="1657">
                  <c:v>40653</c:v>
                </c:pt>
                <c:pt idx="1658">
                  <c:v>40658</c:v>
                </c:pt>
                <c:pt idx="1659">
                  <c:v>40659</c:v>
                </c:pt>
                <c:pt idx="1660">
                  <c:v>40660</c:v>
                </c:pt>
                <c:pt idx="1661">
                  <c:v>40661</c:v>
                </c:pt>
                <c:pt idx="1662">
                  <c:v>40662</c:v>
                </c:pt>
                <c:pt idx="1663">
                  <c:v>40665</c:v>
                </c:pt>
                <c:pt idx="1664">
                  <c:v>40666</c:v>
                </c:pt>
                <c:pt idx="1665">
                  <c:v>40667</c:v>
                </c:pt>
                <c:pt idx="1666">
                  <c:v>40668</c:v>
                </c:pt>
                <c:pt idx="1667">
                  <c:v>40669</c:v>
                </c:pt>
                <c:pt idx="1668">
                  <c:v>40672</c:v>
                </c:pt>
                <c:pt idx="1669">
                  <c:v>40673</c:v>
                </c:pt>
                <c:pt idx="1670">
                  <c:v>40674</c:v>
                </c:pt>
                <c:pt idx="1671">
                  <c:v>40675</c:v>
                </c:pt>
                <c:pt idx="1672">
                  <c:v>40676</c:v>
                </c:pt>
                <c:pt idx="1673">
                  <c:v>40679</c:v>
                </c:pt>
                <c:pt idx="1674">
                  <c:v>40680</c:v>
                </c:pt>
                <c:pt idx="1675">
                  <c:v>40681</c:v>
                </c:pt>
                <c:pt idx="1676">
                  <c:v>40682</c:v>
                </c:pt>
                <c:pt idx="1677">
                  <c:v>40683</c:v>
                </c:pt>
                <c:pt idx="1678">
                  <c:v>40686</c:v>
                </c:pt>
                <c:pt idx="1679">
                  <c:v>40687</c:v>
                </c:pt>
                <c:pt idx="1680">
                  <c:v>40688</c:v>
                </c:pt>
                <c:pt idx="1681">
                  <c:v>40689</c:v>
                </c:pt>
                <c:pt idx="1682">
                  <c:v>40690</c:v>
                </c:pt>
                <c:pt idx="1683">
                  <c:v>40693</c:v>
                </c:pt>
                <c:pt idx="1684">
                  <c:v>40694</c:v>
                </c:pt>
                <c:pt idx="1685">
                  <c:v>40695</c:v>
                </c:pt>
                <c:pt idx="1686">
                  <c:v>40696</c:v>
                </c:pt>
                <c:pt idx="1687">
                  <c:v>40697</c:v>
                </c:pt>
                <c:pt idx="1688">
                  <c:v>40700</c:v>
                </c:pt>
                <c:pt idx="1689">
                  <c:v>40701</c:v>
                </c:pt>
                <c:pt idx="1690">
                  <c:v>40702</c:v>
                </c:pt>
                <c:pt idx="1691">
                  <c:v>40703</c:v>
                </c:pt>
                <c:pt idx="1692">
                  <c:v>40704</c:v>
                </c:pt>
                <c:pt idx="1693">
                  <c:v>40707</c:v>
                </c:pt>
                <c:pt idx="1694">
                  <c:v>40708</c:v>
                </c:pt>
                <c:pt idx="1695">
                  <c:v>40709</c:v>
                </c:pt>
                <c:pt idx="1696">
                  <c:v>40710</c:v>
                </c:pt>
                <c:pt idx="1697">
                  <c:v>40711</c:v>
                </c:pt>
                <c:pt idx="1698">
                  <c:v>40714</c:v>
                </c:pt>
                <c:pt idx="1699">
                  <c:v>40715</c:v>
                </c:pt>
                <c:pt idx="1700">
                  <c:v>40716</c:v>
                </c:pt>
                <c:pt idx="1701">
                  <c:v>40718</c:v>
                </c:pt>
                <c:pt idx="1702">
                  <c:v>40721</c:v>
                </c:pt>
                <c:pt idx="1703">
                  <c:v>40722</c:v>
                </c:pt>
                <c:pt idx="1704">
                  <c:v>40723</c:v>
                </c:pt>
                <c:pt idx="1705">
                  <c:v>40724</c:v>
                </c:pt>
                <c:pt idx="1706">
                  <c:v>40725</c:v>
                </c:pt>
                <c:pt idx="1707">
                  <c:v>40728</c:v>
                </c:pt>
                <c:pt idx="1708">
                  <c:v>40729</c:v>
                </c:pt>
                <c:pt idx="1709">
                  <c:v>40730</c:v>
                </c:pt>
                <c:pt idx="1710">
                  <c:v>40731</c:v>
                </c:pt>
                <c:pt idx="1711">
                  <c:v>40732</c:v>
                </c:pt>
                <c:pt idx="1712">
                  <c:v>40735</c:v>
                </c:pt>
                <c:pt idx="1713">
                  <c:v>40736</c:v>
                </c:pt>
                <c:pt idx="1714">
                  <c:v>40737</c:v>
                </c:pt>
                <c:pt idx="1715">
                  <c:v>40738</c:v>
                </c:pt>
                <c:pt idx="1716">
                  <c:v>40739</c:v>
                </c:pt>
                <c:pt idx="1717">
                  <c:v>40742</c:v>
                </c:pt>
                <c:pt idx="1718">
                  <c:v>40743</c:v>
                </c:pt>
                <c:pt idx="1719">
                  <c:v>40744</c:v>
                </c:pt>
                <c:pt idx="1720">
                  <c:v>40745</c:v>
                </c:pt>
                <c:pt idx="1721">
                  <c:v>40746</c:v>
                </c:pt>
                <c:pt idx="1722">
                  <c:v>40749</c:v>
                </c:pt>
                <c:pt idx="1723">
                  <c:v>40750</c:v>
                </c:pt>
                <c:pt idx="1724">
                  <c:v>40751</c:v>
                </c:pt>
                <c:pt idx="1725">
                  <c:v>40752</c:v>
                </c:pt>
                <c:pt idx="1726">
                  <c:v>40753</c:v>
                </c:pt>
                <c:pt idx="1727">
                  <c:v>40756</c:v>
                </c:pt>
                <c:pt idx="1728">
                  <c:v>40757</c:v>
                </c:pt>
                <c:pt idx="1729">
                  <c:v>40758</c:v>
                </c:pt>
                <c:pt idx="1730">
                  <c:v>40759</c:v>
                </c:pt>
                <c:pt idx="1731">
                  <c:v>40760</c:v>
                </c:pt>
                <c:pt idx="1732">
                  <c:v>40763</c:v>
                </c:pt>
                <c:pt idx="1733">
                  <c:v>40764</c:v>
                </c:pt>
                <c:pt idx="1734">
                  <c:v>40765</c:v>
                </c:pt>
                <c:pt idx="1735">
                  <c:v>40766</c:v>
                </c:pt>
                <c:pt idx="1736">
                  <c:v>40767</c:v>
                </c:pt>
                <c:pt idx="1737">
                  <c:v>40770</c:v>
                </c:pt>
                <c:pt idx="1738">
                  <c:v>40771</c:v>
                </c:pt>
                <c:pt idx="1739">
                  <c:v>40772</c:v>
                </c:pt>
                <c:pt idx="1740">
                  <c:v>40773</c:v>
                </c:pt>
                <c:pt idx="1741">
                  <c:v>40774</c:v>
                </c:pt>
                <c:pt idx="1742">
                  <c:v>40777</c:v>
                </c:pt>
                <c:pt idx="1743">
                  <c:v>40778</c:v>
                </c:pt>
                <c:pt idx="1744">
                  <c:v>40779</c:v>
                </c:pt>
                <c:pt idx="1745">
                  <c:v>40780</c:v>
                </c:pt>
                <c:pt idx="1746">
                  <c:v>40781</c:v>
                </c:pt>
                <c:pt idx="1747">
                  <c:v>40784</c:v>
                </c:pt>
                <c:pt idx="1748">
                  <c:v>40785</c:v>
                </c:pt>
                <c:pt idx="1749">
                  <c:v>40786</c:v>
                </c:pt>
                <c:pt idx="1750">
                  <c:v>40787</c:v>
                </c:pt>
                <c:pt idx="1751">
                  <c:v>40788</c:v>
                </c:pt>
                <c:pt idx="1752">
                  <c:v>40791</c:v>
                </c:pt>
                <c:pt idx="1753">
                  <c:v>40792</c:v>
                </c:pt>
                <c:pt idx="1754">
                  <c:v>40794</c:v>
                </c:pt>
                <c:pt idx="1755">
                  <c:v>40795</c:v>
                </c:pt>
                <c:pt idx="1756">
                  <c:v>40798</c:v>
                </c:pt>
                <c:pt idx="1757">
                  <c:v>40799</c:v>
                </c:pt>
                <c:pt idx="1758">
                  <c:v>40800</c:v>
                </c:pt>
                <c:pt idx="1759">
                  <c:v>40801</c:v>
                </c:pt>
                <c:pt idx="1760">
                  <c:v>40802</c:v>
                </c:pt>
                <c:pt idx="1761">
                  <c:v>40805</c:v>
                </c:pt>
                <c:pt idx="1762">
                  <c:v>40806</c:v>
                </c:pt>
                <c:pt idx="1763">
                  <c:v>40807</c:v>
                </c:pt>
                <c:pt idx="1764">
                  <c:v>40808</c:v>
                </c:pt>
                <c:pt idx="1765">
                  <c:v>40809</c:v>
                </c:pt>
                <c:pt idx="1766">
                  <c:v>40812</c:v>
                </c:pt>
                <c:pt idx="1767">
                  <c:v>40813</c:v>
                </c:pt>
                <c:pt idx="1768">
                  <c:v>40814</c:v>
                </c:pt>
                <c:pt idx="1769">
                  <c:v>40815</c:v>
                </c:pt>
                <c:pt idx="1770">
                  <c:v>40816</c:v>
                </c:pt>
                <c:pt idx="1771">
                  <c:v>40819</c:v>
                </c:pt>
                <c:pt idx="1772">
                  <c:v>40820</c:v>
                </c:pt>
                <c:pt idx="1773">
                  <c:v>40821</c:v>
                </c:pt>
                <c:pt idx="1774">
                  <c:v>40822</c:v>
                </c:pt>
                <c:pt idx="1775">
                  <c:v>40823</c:v>
                </c:pt>
                <c:pt idx="1776">
                  <c:v>40826</c:v>
                </c:pt>
                <c:pt idx="1777">
                  <c:v>40827</c:v>
                </c:pt>
                <c:pt idx="1778">
                  <c:v>40829</c:v>
                </c:pt>
                <c:pt idx="1779">
                  <c:v>40830</c:v>
                </c:pt>
                <c:pt idx="1780">
                  <c:v>40833</c:v>
                </c:pt>
                <c:pt idx="1781">
                  <c:v>40834</c:v>
                </c:pt>
                <c:pt idx="1782">
                  <c:v>40835</c:v>
                </c:pt>
                <c:pt idx="1783">
                  <c:v>40836</c:v>
                </c:pt>
                <c:pt idx="1784">
                  <c:v>40837</c:v>
                </c:pt>
                <c:pt idx="1785">
                  <c:v>40840</c:v>
                </c:pt>
                <c:pt idx="1786">
                  <c:v>40841</c:v>
                </c:pt>
                <c:pt idx="1787">
                  <c:v>40842</c:v>
                </c:pt>
                <c:pt idx="1788">
                  <c:v>40843</c:v>
                </c:pt>
                <c:pt idx="1789">
                  <c:v>40844</c:v>
                </c:pt>
                <c:pt idx="1790">
                  <c:v>40847</c:v>
                </c:pt>
                <c:pt idx="1791">
                  <c:v>40848</c:v>
                </c:pt>
                <c:pt idx="1792">
                  <c:v>40850</c:v>
                </c:pt>
                <c:pt idx="1793">
                  <c:v>40851</c:v>
                </c:pt>
                <c:pt idx="1794">
                  <c:v>40854</c:v>
                </c:pt>
                <c:pt idx="1795">
                  <c:v>40855</c:v>
                </c:pt>
                <c:pt idx="1796">
                  <c:v>40856</c:v>
                </c:pt>
                <c:pt idx="1797">
                  <c:v>40857</c:v>
                </c:pt>
                <c:pt idx="1798">
                  <c:v>40858</c:v>
                </c:pt>
                <c:pt idx="1799">
                  <c:v>40861</c:v>
                </c:pt>
                <c:pt idx="1800">
                  <c:v>40863</c:v>
                </c:pt>
                <c:pt idx="1801">
                  <c:v>40864</c:v>
                </c:pt>
                <c:pt idx="1802">
                  <c:v>40865</c:v>
                </c:pt>
                <c:pt idx="1803">
                  <c:v>40868</c:v>
                </c:pt>
                <c:pt idx="1804">
                  <c:v>40869</c:v>
                </c:pt>
                <c:pt idx="1805">
                  <c:v>40870</c:v>
                </c:pt>
                <c:pt idx="1806">
                  <c:v>40871</c:v>
                </c:pt>
                <c:pt idx="1807">
                  <c:v>40872</c:v>
                </c:pt>
                <c:pt idx="1808">
                  <c:v>40875</c:v>
                </c:pt>
                <c:pt idx="1809">
                  <c:v>40876</c:v>
                </c:pt>
                <c:pt idx="1810">
                  <c:v>40877</c:v>
                </c:pt>
                <c:pt idx="1811">
                  <c:v>40878</c:v>
                </c:pt>
                <c:pt idx="1812">
                  <c:v>40879</c:v>
                </c:pt>
                <c:pt idx="1813">
                  <c:v>40882</c:v>
                </c:pt>
                <c:pt idx="1814">
                  <c:v>40883</c:v>
                </c:pt>
                <c:pt idx="1815">
                  <c:v>40884</c:v>
                </c:pt>
                <c:pt idx="1816">
                  <c:v>40885</c:v>
                </c:pt>
                <c:pt idx="1817">
                  <c:v>40886</c:v>
                </c:pt>
                <c:pt idx="1818">
                  <c:v>40889</c:v>
                </c:pt>
                <c:pt idx="1819">
                  <c:v>40890</c:v>
                </c:pt>
                <c:pt idx="1820">
                  <c:v>40891</c:v>
                </c:pt>
                <c:pt idx="1821">
                  <c:v>40892</c:v>
                </c:pt>
                <c:pt idx="1822">
                  <c:v>40893</c:v>
                </c:pt>
                <c:pt idx="1823">
                  <c:v>40896</c:v>
                </c:pt>
                <c:pt idx="1824">
                  <c:v>40897</c:v>
                </c:pt>
                <c:pt idx="1825">
                  <c:v>40898</c:v>
                </c:pt>
                <c:pt idx="1826">
                  <c:v>40899</c:v>
                </c:pt>
                <c:pt idx="1827">
                  <c:v>40900</c:v>
                </c:pt>
                <c:pt idx="1828">
                  <c:v>40903</c:v>
                </c:pt>
                <c:pt idx="1829">
                  <c:v>40904</c:v>
                </c:pt>
                <c:pt idx="1830">
                  <c:v>40905</c:v>
                </c:pt>
                <c:pt idx="1831">
                  <c:v>40906</c:v>
                </c:pt>
                <c:pt idx="1832">
                  <c:v>40907</c:v>
                </c:pt>
                <c:pt idx="1833">
                  <c:v>40910</c:v>
                </c:pt>
                <c:pt idx="1834">
                  <c:v>40911</c:v>
                </c:pt>
                <c:pt idx="1835">
                  <c:v>40912</c:v>
                </c:pt>
                <c:pt idx="1836">
                  <c:v>40913</c:v>
                </c:pt>
                <c:pt idx="1837">
                  <c:v>40914</c:v>
                </c:pt>
                <c:pt idx="1838">
                  <c:v>40917</c:v>
                </c:pt>
                <c:pt idx="1839">
                  <c:v>40918</c:v>
                </c:pt>
                <c:pt idx="1840">
                  <c:v>40919</c:v>
                </c:pt>
                <c:pt idx="1841">
                  <c:v>40920</c:v>
                </c:pt>
                <c:pt idx="1842">
                  <c:v>40921</c:v>
                </c:pt>
                <c:pt idx="1843">
                  <c:v>40924</c:v>
                </c:pt>
                <c:pt idx="1844">
                  <c:v>40925</c:v>
                </c:pt>
                <c:pt idx="1845">
                  <c:v>40926</c:v>
                </c:pt>
                <c:pt idx="1846">
                  <c:v>40927</c:v>
                </c:pt>
                <c:pt idx="1847">
                  <c:v>40928</c:v>
                </c:pt>
                <c:pt idx="1848">
                  <c:v>40931</c:v>
                </c:pt>
                <c:pt idx="1849">
                  <c:v>40932</c:v>
                </c:pt>
                <c:pt idx="1850">
                  <c:v>40933</c:v>
                </c:pt>
                <c:pt idx="1851">
                  <c:v>40934</c:v>
                </c:pt>
                <c:pt idx="1852">
                  <c:v>40935</c:v>
                </c:pt>
                <c:pt idx="1853">
                  <c:v>40938</c:v>
                </c:pt>
                <c:pt idx="1854">
                  <c:v>40939</c:v>
                </c:pt>
                <c:pt idx="1855">
                  <c:v>40940</c:v>
                </c:pt>
                <c:pt idx="1856">
                  <c:v>40941</c:v>
                </c:pt>
                <c:pt idx="1857">
                  <c:v>40942</c:v>
                </c:pt>
                <c:pt idx="1858">
                  <c:v>40945</c:v>
                </c:pt>
                <c:pt idx="1859">
                  <c:v>40946</c:v>
                </c:pt>
                <c:pt idx="1860">
                  <c:v>40947</c:v>
                </c:pt>
                <c:pt idx="1861">
                  <c:v>40948</c:v>
                </c:pt>
                <c:pt idx="1862">
                  <c:v>40949</c:v>
                </c:pt>
                <c:pt idx="1863">
                  <c:v>40952</c:v>
                </c:pt>
                <c:pt idx="1864">
                  <c:v>40953</c:v>
                </c:pt>
                <c:pt idx="1865">
                  <c:v>40954</c:v>
                </c:pt>
                <c:pt idx="1866">
                  <c:v>40955</c:v>
                </c:pt>
                <c:pt idx="1867">
                  <c:v>40956</c:v>
                </c:pt>
                <c:pt idx="1868">
                  <c:v>40961</c:v>
                </c:pt>
                <c:pt idx="1869">
                  <c:v>40962</c:v>
                </c:pt>
                <c:pt idx="1870">
                  <c:v>40963</c:v>
                </c:pt>
                <c:pt idx="1871">
                  <c:v>40966</c:v>
                </c:pt>
                <c:pt idx="1872">
                  <c:v>40967</c:v>
                </c:pt>
                <c:pt idx="1873">
                  <c:v>40968</c:v>
                </c:pt>
                <c:pt idx="1874">
                  <c:v>40969</c:v>
                </c:pt>
                <c:pt idx="1875">
                  <c:v>40970</c:v>
                </c:pt>
                <c:pt idx="1876">
                  <c:v>40973</c:v>
                </c:pt>
                <c:pt idx="1877">
                  <c:v>40974</c:v>
                </c:pt>
                <c:pt idx="1878">
                  <c:v>40975</c:v>
                </c:pt>
                <c:pt idx="1879">
                  <c:v>40976</c:v>
                </c:pt>
                <c:pt idx="1880">
                  <c:v>40977</c:v>
                </c:pt>
                <c:pt idx="1881">
                  <c:v>40980</c:v>
                </c:pt>
                <c:pt idx="1882">
                  <c:v>40981</c:v>
                </c:pt>
                <c:pt idx="1883">
                  <c:v>40982</c:v>
                </c:pt>
                <c:pt idx="1884">
                  <c:v>40983</c:v>
                </c:pt>
                <c:pt idx="1885">
                  <c:v>40984</c:v>
                </c:pt>
                <c:pt idx="1886">
                  <c:v>40987</c:v>
                </c:pt>
                <c:pt idx="1887">
                  <c:v>40988</c:v>
                </c:pt>
                <c:pt idx="1888">
                  <c:v>40989</c:v>
                </c:pt>
                <c:pt idx="1889">
                  <c:v>40990</c:v>
                </c:pt>
                <c:pt idx="1890">
                  <c:v>40991</c:v>
                </c:pt>
                <c:pt idx="1891">
                  <c:v>40994</c:v>
                </c:pt>
                <c:pt idx="1892">
                  <c:v>40995</c:v>
                </c:pt>
                <c:pt idx="1893">
                  <c:v>40996</c:v>
                </c:pt>
                <c:pt idx="1894">
                  <c:v>40997</c:v>
                </c:pt>
                <c:pt idx="1895">
                  <c:v>40998</c:v>
                </c:pt>
                <c:pt idx="1896">
                  <c:v>41001</c:v>
                </c:pt>
                <c:pt idx="1897">
                  <c:v>41002</c:v>
                </c:pt>
                <c:pt idx="1898">
                  <c:v>41003</c:v>
                </c:pt>
                <c:pt idx="1899">
                  <c:v>41004</c:v>
                </c:pt>
                <c:pt idx="1900">
                  <c:v>41008</c:v>
                </c:pt>
                <c:pt idx="1901">
                  <c:v>41009</c:v>
                </c:pt>
                <c:pt idx="1902">
                  <c:v>41010</c:v>
                </c:pt>
                <c:pt idx="1903">
                  <c:v>41011</c:v>
                </c:pt>
                <c:pt idx="1904">
                  <c:v>41012</c:v>
                </c:pt>
                <c:pt idx="1905">
                  <c:v>41015</c:v>
                </c:pt>
                <c:pt idx="1906">
                  <c:v>41016</c:v>
                </c:pt>
                <c:pt idx="1907">
                  <c:v>41017</c:v>
                </c:pt>
                <c:pt idx="1908">
                  <c:v>41018</c:v>
                </c:pt>
                <c:pt idx="1909">
                  <c:v>41019</c:v>
                </c:pt>
                <c:pt idx="1910">
                  <c:v>41022</c:v>
                </c:pt>
                <c:pt idx="1911">
                  <c:v>41023</c:v>
                </c:pt>
                <c:pt idx="1912">
                  <c:v>41024</c:v>
                </c:pt>
                <c:pt idx="1913">
                  <c:v>41025</c:v>
                </c:pt>
                <c:pt idx="1914">
                  <c:v>41026</c:v>
                </c:pt>
                <c:pt idx="1915">
                  <c:v>41029</c:v>
                </c:pt>
                <c:pt idx="1916">
                  <c:v>41031</c:v>
                </c:pt>
                <c:pt idx="1917">
                  <c:v>41032</c:v>
                </c:pt>
                <c:pt idx="1918">
                  <c:v>41033</c:v>
                </c:pt>
                <c:pt idx="1919">
                  <c:v>41036</c:v>
                </c:pt>
                <c:pt idx="1920">
                  <c:v>41037</c:v>
                </c:pt>
                <c:pt idx="1921">
                  <c:v>41038</c:v>
                </c:pt>
                <c:pt idx="1922">
                  <c:v>41039</c:v>
                </c:pt>
                <c:pt idx="1923">
                  <c:v>41040</c:v>
                </c:pt>
                <c:pt idx="1924">
                  <c:v>41043</c:v>
                </c:pt>
                <c:pt idx="1925">
                  <c:v>41044</c:v>
                </c:pt>
                <c:pt idx="1926">
                  <c:v>41045</c:v>
                </c:pt>
                <c:pt idx="1927">
                  <c:v>41046</c:v>
                </c:pt>
                <c:pt idx="1928">
                  <c:v>41047</c:v>
                </c:pt>
                <c:pt idx="1929">
                  <c:v>41050</c:v>
                </c:pt>
                <c:pt idx="1930">
                  <c:v>41051</c:v>
                </c:pt>
                <c:pt idx="1931">
                  <c:v>41052</c:v>
                </c:pt>
                <c:pt idx="1932">
                  <c:v>41053</c:v>
                </c:pt>
                <c:pt idx="1933">
                  <c:v>41054</c:v>
                </c:pt>
                <c:pt idx="1934">
                  <c:v>41057</c:v>
                </c:pt>
                <c:pt idx="1935">
                  <c:v>41058</c:v>
                </c:pt>
                <c:pt idx="1936">
                  <c:v>41059</c:v>
                </c:pt>
                <c:pt idx="1937">
                  <c:v>41060</c:v>
                </c:pt>
                <c:pt idx="1938">
                  <c:v>41061</c:v>
                </c:pt>
                <c:pt idx="1939">
                  <c:v>41064</c:v>
                </c:pt>
                <c:pt idx="1940">
                  <c:v>41065</c:v>
                </c:pt>
                <c:pt idx="1941">
                  <c:v>41066</c:v>
                </c:pt>
                <c:pt idx="1942">
                  <c:v>41068</c:v>
                </c:pt>
                <c:pt idx="1943">
                  <c:v>41071</c:v>
                </c:pt>
                <c:pt idx="1944">
                  <c:v>41072</c:v>
                </c:pt>
                <c:pt idx="1945">
                  <c:v>41073</c:v>
                </c:pt>
                <c:pt idx="1946">
                  <c:v>41074</c:v>
                </c:pt>
                <c:pt idx="1947">
                  <c:v>41075</c:v>
                </c:pt>
                <c:pt idx="1948">
                  <c:v>41078</c:v>
                </c:pt>
                <c:pt idx="1949">
                  <c:v>41079</c:v>
                </c:pt>
                <c:pt idx="1950">
                  <c:v>41080</c:v>
                </c:pt>
                <c:pt idx="1951">
                  <c:v>41081</c:v>
                </c:pt>
                <c:pt idx="1952">
                  <c:v>41082</c:v>
                </c:pt>
                <c:pt idx="1953">
                  <c:v>41085</c:v>
                </c:pt>
                <c:pt idx="1954">
                  <c:v>41086</c:v>
                </c:pt>
                <c:pt idx="1955">
                  <c:v>41087</c:v>
                </c:pt>
                <c:pt idx="1956">
                  <c:v>41088</c:v>
                </c:pt>
                <c:pt idx="1957">
                  <c:v>41089</c:v>
                </c:pt>
                <c:pt idx="1958">
                  <c:v>41092</c:v>
                </c:pt>
                <c:pt idx="1959">
                  <c:v>41093</c:v>
                </c:pt>
                <c:pt idx="1960">
                  <c:v>41094</c:v>
                </c:pt>
                <c:pt idx="1961">
                  <c:v>41095</c:v>
                </c:pt>
                <c:pt idx="1962">
                  <c:v>41096</c:v>
                </c:pt>
                <c:pt idx="1963">
                  <c:v>41099</c:v>
                </c:pt>
                <c:pt idx="1964">
                  <c:v>41100</c:v>
                </c:pt>
                <c:pt idx="1965">
                  <c:v>41101</c:v>
                </c:pt>
                <c:pt idx="1966">
                  <c:v>41102</c:v>
                </c:pt>
                <c:pt idx="1967">
                  <c:v>41103</c:v>
                </c:pt>
                <c:pt idx="1968">
                  <c:v>41106</c:v>
                </c:pt>
                <c:pt idx="1969">
                  <c:v>41107</c:v>
                </c:pt>
                <c:pt idx="1970">
                  <c:v>41108</c:v>
                </c:pt>
                <c:pt idx="1971">
                  <c:v>41109</c:v>
                </c:pt>
                <c:pt idx="1972">
                  <c:v>41110</c:v>
                </c:pt>
                <c:pt idx="1973">
                  <c:v>41113</c:v>
                </c:pt>
                <c:pt idx="1974">
                  <c:v>41114</c:v>
                </c:pt>
                <c:pt idx="1975">
                  <c:v>41115</c:v>
                </c:pt>
                <c:pt idx="1976">
                  <c:v>41116</c:v>
                </c:pt>
                <c:pt idx="1977">
                  <c:v>41117</c:v>
                </c:pt>
                <c:pt idx="1978">
                  <c:v>41120</c:v>
                </c:pt>
                <c:pt idx="1979">
                  <c:v>41121</c:v>
                </c:pt>
                <c:pt idx="1980">
                  <c:v>41122</c:v>
                </c:pt>
                <c:pt idx="1981">
                  <c:v>41123</c:v>
                </c:pt>
                <c:pt idx="1982">
                  <c:v>41124</c:v>
                </c:pt>
                <c:pt idx="1983">
                  <c:v>41127</c:v>
                </c:pt>
                <c:pt idx="1984">
                  <c:v>41128</c:v>
                </c:pt>
                <c:pt idx="1985">
                  <c:v>41129</c:v>
                </c:pt>
                <c:pt idx="1986">
                  <c:v>41130</c:v>
                </c:pt>
                <c:pt idx="1987">
                  <c:v>41131</c:v>
                </c:pt>
                <c:pt idx="1988">
                  <c:v>41134</c:v>
                </c:pt>
                <c:pt idx="1989">
                  <c:v>41135</c:v>
                </c:pt>
                <c:pt idx="1990">
                  <c:v>41136</c:v>
                </c:pt>
                <c:pt idx="1991">
                  <c:v>41137</c:v>
                </c:pt>
                <c:pt idx="1992">
                  <c:v>41138</c:v>
                </c:pt>
                <c:pt idx="1993">
                  <c:v>41141</c:v>
                </c:pt>
                <c:pt idx="1994">
                  <c:v>41142</c:v>
                </c:pt>
                <c:pt idx="1995">
                  <c:v>41143</c:v>
                </c:pt>
                <c:pt idx="1996">
                  <c:v>41144</c:v>
                </c:pt>
                <c:pt idx="1997">
                  <c:v>41145</c:v>
                </c:pt>
                <c:pt idx="1998">
                  <c:v>41148</c:v>
                </c:pt>
                <c:pt idx="1999">
                  <c:v>41149</c:v>
                </c:pt>
                <c:pt idx="2000">
                  <c:v>41150</c:v>
                </c:pt>
                <c:pt idx="2001">
                  <c:v>41151</c:v>
                </c:pt>
                <c:pt idx="2002">
                  <c:v>41152</c:v>
                </c:pt>
                <c:pt idx="2003">
                  <c:v>41155</c:v>
                </c:pt>
                <c:pt idx="2004">
                  <c:v>41156</c:v>
                </c:pt>
                <c:pt idx="2005">
                  <c:v>41157</c:v>
                </c:pt>
                <c:pt idx="2006">
                  <c:v>41158</c:v>
                </c:pt>
                <c:pt idx="2007">
                  <c:v>41162</c:v>
                </c:pt>
                <c:pt idx="2008">
                  <c:v>41163</c:v>
                </c:pt>
                <c:pt idx="2009">
                  <c:v>41164</c:v>
                </c:pt>
                <c:pt idx="2010">
                  <c:v>41165</c:v>
                </c:pt>
                <c:pt idx="2011">
                  <c:v>41166</c:v>
                </c:pt>
                <c:pt idx="2012">
                  <c:v>41169</c:v>
                </c:pt>
                <c:pt idx="2013">
                  <c:v>41170</c:v>
                </c:pt>
                <c:pt idx="2014">
                  <c:v>41171</c:v>
                </c:pt>
                <c:pt idx="2015">
                  <c:v>41172</c:v>
                </c:pt>
                <c:pt idx="2016">
                  <c:v>41173</c:v>
                </c:pt>
                <c:pt idx="2017">
                  <c:v>41176</c:v>
                </c:pt>
                <c:pt idx="2018">
                  <c:v>41177</c:v>
                </c:pt>
                <c:pt idx="2019">
                  <c:v>41178</c:v>
                </c:pt>
                <c:pt idx="2020">
                  <c:v>41179</c:v>
                </c:pt>
                <c:pt idx="2021">
                  <c:v>41180</c:v>
                </c:pt>
                <c:pt idx="2022">
                  <c:v>41183</c:v>
                </c:pt>
                <c:pt idx="2023">
                  <c:v>41184</c:v>
                </c:pt>
                <c:pt idx="2024">
                  <c:v>41185</c:v>
                </c:pt>
                <c:pt idx="2025">
                  <c:v>41186</c:v>
                </c:pt>
                <c:pt idx="2026">
                  <c:v>41187</c:v>
                </c:pt>
                <c:pt idx="2027">
                  <c:v>41190</c:v>
                </c:pt>
                <c:pt idx="2028">
                  <c:v>41191</c:v>
                </c:pt>
                <c:pt idx="2029">
                  <c:v>41192</c:v>
                </c:pt>
                <c:pt idx="2030">
                  <c:v>41193</c:v>
                </c:pt>
                <c:pt idx="2031">
                  <c:v>41197</c:v>
                </c:pt>
                <c:pt idx="2032">
                  <c:v>41198</c:v>
                </c:pt>
                <c:pt idx="2033">
                  <c:v>41199</c:v>
                </c:pt>
                <c:pt idx="2034">
                  <c:v>41200</c:v>
                </c:pt>
                <c:pt idx="2035">
                  <c:v>41201</c:v>
                </c:pt>
                <c:pt idx="2036">
                  <c:v>41204</c:v>
                </c:pt>
                <c:pt idx="2037">
                  <c:v>41205</c:v>
                </c:pt>
                <c:pt idx="2038">
                  <c:v>41206</c:v>
                </c:pt>
                <c:pt idx="2039">
                  <c:v>41207</c:v>
                </c:pt>
                <c:pt idx="2040">
                  <c:v>41208</c:v>
                </c:pt>
                <c:pt idx="2041">
                  <c:v>41211</c:v>
                </c:pt>
                <c:pt idx="2042">
                  <c:v>41212</c:v>
                </c:pt>
                <c:pt idx="2043">
                  <c:v>41213</c:v>
                </c:pt>
                <c:pt idx="2044">
                  <c:v>41214</c:v>
                </c:pt>
                <c:pt idx="2045">
                  <c:v>41218</c:v>
                </c:pt>
                <c:pt idx="2046">
                  <c:v>41219</c:v>
                </c:pt>
                <c:pt idx="2047">
                  <c:v>41220</c:v>
                </c:pt>
                <c:pt idx="2048">
                  <c:v>41221</c:v>
                </c:pt>
                <c:pt idx="2049">
                  <c:v>41222</c:v>
                </c:pt>
                <c:pt idx="2050">
                  <c:v>41225</c:v>
                </c:pt>
                <c:pt idx="2051">
                  <c:v>41226</c:v>
                </c:pt>
                <c:pt idx="2052">
                  <c:v>41227</c:v>
                </c:pt>
                <c:pt idx="2053">
                  <c:v>41229</c:v>
                </c:pt>
                <c:pt idx="2054">
                  <c:v>41232</c:v>
                </c:pt>
                <c:pt idx="2055">
                  <c:v>41233</c:v>
                </c:pt>
                <c:pt idx="2056">
                  <c:v>41234</c:v>
                </c:pt>
                <c:pt idx="2057">
                  <c:v>41235</c:v>
                </c:pt>
                <c:pt idx="2058">
                  <c:v>41236</c:v>
                </c:pt>
                <c:pt idx="2059">
                  <c:v>41239</c:v>
                </c:pt>
                <c:pt idx="2060">
                  <c:v>41240</c:v>
                </c:pt>
                <c:pt idx="2061">
                  <c:v>41241</c:v>
                </c:pt>
                <c:pt idx="2062">
                  <c:v>41242</c:v>
                </c:pt>
                <c:pt idx="2063">
                  <c:v>41243</c:v>
                </c:pt>
                <c:pt idx="2064">
                  <c:v>41246</c:v>
                </c:pt>
                <c:pt idx="2065">
                  <c:v>41247</c:v>
                </c:pt>
                <c:pt idx="2066">
                  <c:v>41248</c:v>
                </c:pt>
                <c:pt idx="2067">
                  <c:v>41249</c:v>
                </c:pt>
                <c:pt idx="2068">
                  <c:v>41250</c:v>
                </c:pt>
                <c:pt idx="2069">
                  <c:v>41253</c:v>
                </c:pt>
                <c:pt idx="2070">
                  <c:v>41254</c:v>
                </c:pt>
                <c:pt idx="2071">
                  <c:v>41255</c:v>
                </c:pt>
                <c:pt idx="2072">
                  <c:v>41256</c:v>
                </c:pt>
                <c:pt idx="2073">
                  <c:v>41257</c:v>
                </c:pt>
                <c:pt idx="2074">
                  <c:v>41260</c:v>
                </c:pt>
                <c:pt idx="2075">
                  <c:v>41261</c:v>
                </c:pt>
                <c:pt idx="2076">
                  <c:v>41262</c:v>
                </c:pt>
                <c:pt idx="2077">
                  <c:v>41263</c:v>
                </c:pt>
                <c:pt idx="2078">
                  <c:v>41264</c:v>
                </c:pt>
                <c:pt idx="2079">
                  <c:v>41267</c:v>
                </c:pt>
                <c:pt idx="2080">
                  <c:v>41269</c:v>
                </c:pt>
                <c:pt idx="2081">
                  <c:v>41270</c:v>
                </c:pt>
                <c:pt idx="2082">
                  <c:v>41271</c:v>
                </c:pt>
                <c:pt idx="2083">
                  <c:v>41274</c:v>
                </c:pt>
                <c:pt idx="2084">
                  <c:v>41276</c:v>
                </c:pt>
                <c:pt idx="2085">
                  <c:v>41277</c:v>
                </c:pt>
                <c:pt idx="2086">
                  <c:v>41278</c:v>
                </c:pt>
                <c:pt idx="2087">
                  <c:v>41281</c:v>
                </c:pt>
                <c:pt idx="2088">
                  <c:v>41282</c:v>
                </c:pt>
                <c:pt idx="2089">
                  <c:v>41283</c:v>
                </c:pt>
                <c:pt idx="2090">
                  <c:v>41284</c:v>
                </c:pt>
                <c:pt idx="2091">
                  <c:v>41285</c:v>
                </c:pt>
                <c:pt idx="2092">
                  <c:v>41288</c:v>
                </c:pt>
                <c:pt idx="2093">
                  <c:v>41289</c:v>
                </c:pt>
                <c:pt idx="2094">
                  <c:v>41290</c:v>
                </c:pt>
                <c:pt idx="2095">
                  <c:v>41291</c:v>
                </c:pt>
                <c:pt idx="2096">
                  <c:v>41292</c:v>
                </c:pt>
                <c:pt idx="2097">
                  <c:v>41295</c:v>
                </c:pt>
                <c:pt idx="2098">
                  <c:v>41296</c:v>
                </c:pt>
                <c:pt idx="2099">
                  <c:v>41297</c:v>
                </c:pt>
                <c:pt idx="2100">
                  <c:v>41298</c:v>
                </c:pt>
                <c:pt idx="2101">
                  <c:v>41299</c:v>
                </c:pt>
                <c:pt idx="2102">
                  <c:v>41302</c:v>
                </c:pt>
                <c:pt idx="2103">
                  <c:v>41303</c:v>
                </c:pt>
                <c:pt idx="2104">
                  <c:v>41304</c:v>
                </c:pt>
                <c:pt idx="2105">
                  <c:v>41305</c:v>
                </c:pt>
                <c:pt idx="2106">
                  <c:v>41306</c:v>
                </c:pt>
                <c:pt idx="2107">
                  <c:v>41309</c:v>
                </c:pt>
                <c:pt idx="2108">
                  <c:v>41310</c:v>
                </c:pt>
                <c:pt idx="2109">
                  <c:v>41311</c:v>
                </c:pt>
                <c:pt idx="2110">
                  <c:v>41312</c:v>
                </c:pt>
                <c:pt idx="2111">
                  <c:v>41313</c:v>
                </c:pt>
                <c:pt idx="2112">
                  <c:v>41318</c:v>
                </c:pt>
                <c:pt idx="2113">
                  <c:v>41319</c:v>
                </c:pt>
                <c:pt idx="2114">
                  <c:v>41320</c:v>
                </c:pt>
                <c:pt idx="2115">
                  <c:v>41323</c:v>
                </c:pt>
                <c:pt idx="2116">
                  <c:v>41324</c:v>
                </c:pt>
                <c:pt idx="2117">
                  <c:v>41325</c:v>
                </c:pt>
                <c:pt idx="2118">
                  <c:v>41326</c:v>
                </c:pt>
                <c:pt idx="2119">
                  <c:v>41327</c:v>
                </c:pt>
                <c:pt idx="2120">
                  <c:v>41330</c:v>
                </c:pt>
                <c:pt idx="2121">
                  <c:v>41331</c:v>
                </c:pt>
                <c:pt idx="2122">
                  <c:v>41332</c:v>
                </c:pt>
                <c:pt idx="2123">
                  <c:v>41333</c:v>
                </c:pt>
                <c:pt idx="2124">
                  <c:v>41334</c:v>
                </c:pt>
                <c:pt idx="2125">
                  <c:v>41337</c:v>
                </c:pt>
                <c:pt idx="2126">
                  <c:v>41338</c:v>
                </c:pt>
                <c:pt idx="2127">
                  <c:v>41339</c:v>
                </c:pt>
                <c:pt idx="2128">
                  <c:v>41340</c:v>
                </c:pt>
                <c:pt idx="2129">
                  <c:v>41341</c:v>
                </c:pt>
                <c:pt idx="2130">
                  <c:v>41344</c:v>
                </c:pt>
                <c:pt idx="2131">
                  <c:v>41345</c:v>
                </c:pt>
                <c:pt idx="2132">
                  <c:v>41346</c:v>
                </c:pt>
                <c:pt idx="2133">
                  <c:v>41347</c:v>
                </c:pt>
                <c:pt idx="2134">
                  <c:v>41348</c:v>
                </c:pt>
                <c:pt idx="2135">
                  <c:v>41351</c:v>
                </c:pt>
                <c:pt idx="2136">
                  <c:v>41352</c:v>
                </c:pt>
                <c:pt idx="2137">
                  <c:v>41353</c:v>
                </c:pt>
                <c:pt idx="2138">
                  <c:v>41354</c:v>
                </c:pt>
                <c:pt idx="2139">
                  <c:v>41355</c:v>
                </c:pt>
                <c:pt idx="2140">
                  <c:v>41358</c:v>
                </c:pt>
                <c:pt idx="2141">
                  <c:v>41359</c:v>
                </c:pt>
                <c:pt idx="2142">
                  <c:v>41360</c:v>
                </c:pt>
                <c:pt idx="2143">
                  <c:v>41361</c:v>
                </c:pt>
                <c:pt idx="2144">
                  <c:v>41365</c:v>
                </c:pt>
                <c:pt idx="2145">
                  <c:v>41366</c:v>
                </c:pt>
                <c:pt idx="2146">
                  <c:v>41367</c:v>
                </c:pt>
                <c:pt idx="2147">
                  <c:v>41368</c:v>
                </c:pt>
                <c:pt idx="2148">
                  <c:v>41369</c:v>
                </c:pt>
                <c:pt idx="2149">
                  <c:v>41372</c:v>
                </c:pt>
                <c:pt idx="2150">
                  <c:v>41373</c:v>
                </c:pt>
                <c:pt idx="2151">
                  <c:v>41374</c:v>
                </c:pt>
                <c:pt idx="2152">
                  <c:v>41375</c:v>
                </c:pt>
                <c:pt idx="2153">
                  <c:v>41376</c:v>
                </c:pt>
                <c:pt idx="2154">
                  <c:v>41379</c:v>
                </c:pt>
                <c:pt idx="2155">
                  <c:v>41380</c:v>
                </c:pt>
                <c:pt idx="2156">
                  <c:v>41381</c:v>
                </c:pt>
                <c:pt idx="2157">
                  <c:v>41382</c:v>
                </c:pt>
                <c:pt idx="2158">
                  <c:v>41383</c:v>
                </c:pt>
                <c:pt idx="2159">
                  <c:v>41386</c:v>
                </c:pt>
                <c:pt idx="2160">
                  <c:v>41387</c:v>
                </c:pt>
                <c:pt idx="2161">
                  <c:v>41388</c:v>
                </c:pt>
                <c:pt idx="2162">
                  <c:v>41389</c:v>
                </c:pt>
                <c:pt idx="2163">
                  <c:v>41390</c:v>
                </c:pt>
                <c:pt idx="2164">
                  <c:v>41393</c:v>
                </c:pt>
                <c:pt idx="2165">
                  <c:v>41394</c:v>
                </c:pt>
                <c:pt idx="2166">
                  <c:v>41396</c:v>
                </c:pt>
                <c:pt idx="2167">
                  <c:v>41397</c:v>
                </c:pt>
                <c:pt idx="2168">
                  <c:v>41400</c:v>
                </c:pt>
                <c:pt idx="2169">
                  <c:v>41401</c:v>
                </c:pt>
                <c:pt idx="2170">
                  <c:v>41402</c:v>
                </c:pt>
                <c:pt idx="2171">
                  <c:v>41403</c:v>
                </c:pt>
                <c:pt idx="2172">
                  <c:v>41404</c:v>
                </c:pt>
                <c:pt idx="2173">
                  <c:v>41407</c:v>
                </c:pt>
                <c:pt idx="2174">
                  <c:v>41408</c:v>
                </c:pt>
                <c:pt idx="2175">
                  <c:v>41409</c:v>
                </c:pt>
                <c:pt idx="2176">
                  <c:v>41410</c:v>
                </c:pt>
                <c:pt idx="2177">
                  <c:v>41411</c:v>
                </c:pt>
                <c:pt idx="2178">
                  <c:v>41414</c:v>
                </c:pt>
                <c:pt idx="2179">
                  <c:v>41415</c:v>
                </c:pt>
                <c:pt idx="2180">
                  <c:v>41416</c:v>
                </c:pt>
                <c:pt idx="2181">
                  <c:v>41417</c:v>
                </c:pt>
                <c:pt idx="2182">
                  <c:v>41418</c:v>
                </c:pt>
                <c:pt idx="2183">
                  <c:v>41421</c:v>
                </c:pt>
                <c:pt idx="2184">
                  <c:v>41422</c:v>
                </c:pt>
                <c:pt idx="2185">
                  <c:v>41423</c:v>
                </c:pt>
                <c:pt idx="2186">
                  <c:v>41425</c:v>
                </c:pt>
                <c:pt idx="2187">
                  <c:v>41428</c:v>
                </c:pt>
                <c:pt idx="2188">
                  <c:v>41429</c:v>
                </c:pt>
                <c:pt idx="2189">
                  <c:v>41430</c:v>
                </c:pt>
                <c:pt idx="2190">
                  <c:v>41431</c:v>
                </c:pt>
                <c:pt idx="2191">
                  <c:v>41432</c:v>
                </c:pt>
                <c:pt idx="2192">
                  <c:v>41435</c:v>
                </c:pt>
                <c:pt idx="2193">
                  <c:v>41436</c:v>
                </c:pt>
                <c:pt idx="2194">
                  <c:v>41437</c:v>
                </c:pt>
                <c:pt idx="2195">
                  <c:v>41438</c:v>
                </c:pt>
                <c:pt idx="2196">
                  <c:v>41439</c:v>
                </c:pt>
                <c:pt idx="2197">
                  <c:v>41442</c:v>
                </c:pt>
                <c:pt idx="2198">
                  <c:v>41443</c:v>
                </c:pt>
                <c:pt idx="2199">
                  <c:v>41444</c:v>
                </c:pt>
                <c:pt idx="2200">
                  <c:v>41445</c:v>
                </c:pt>
                <c:pt idx="2201">
                  <c:v>41446</c:v>
                </c:pt>
                <c:pt idx="2202">
                  <c:v>41449</c:v>
                </c:pt>
                <c:pt idx="2203">
                  <c:v>41450</c:v>
                </c:pt>
                <c:pt idx="2204">
                  <c:v>41451</c:v>
                </c:pt>
                <c:pt idx="2205">
                  <c:v>41452</c:v>
                </c:pt>
                <c:pt idx="2206">
                  <c:v>41453</c:v>
                </c:pt>
                <c:pt idx="2207">
                  <c:v>41456</c:v>
                </c:pt>
                <c:pt idx="2208">
                  <c:v>41457</c:v>
                </c:pt>
                <c:pt idx="2209">
                  <c:v>41458</c:v>
                </c:pt>
                <c:pt idx="2210">
                  <c:v>41459</c:v>
                </c:pt>
                <c:pt idx="2211">
                  <c:v>41460</c:v>
                </c:pt>
                <c:pt idx="2212">
                  <c:v>41463</c:v>
                </c:pt>
                <c:pt idx="2213">
                  <c:v>41464</c:v>
                </c:pt>
                <c:pt idx="2214">
                  <c:v>41465</c:v>
                </c:pt>
                <c:pt idx="2215">
                  <c:v>41466</c:v>
                </c:pt>
                <c:pt idx="2216">
                  <c:v>41467</c:v>
                </c:pt>
                <c:pt idx="2217">
                  <c:v>41470</c:v>
                </c:pt>
                <c:pt idx="2218">
                  <c:v>41471</c:v>
                </c:pt>
                <c:pt idx="2219">
                  <c:v>41472</c:v>
                </c:pt>
                <c:pt idx="2220">
                  <c:v>41473</c:v>
                </c:pt>
                <c:pt idx="2221">
                  <c:v>41474</c:v>
                </c:pt>
                <c:pt idx="2222">
                  <c:v>41477</c:v>
                </c:pt>
                <c:pt idx="2223">
                  <c:v>41478</c:v>
                </c:pt>
                <c:pt idx="2224">
                  <c:v>41479</c:v>
                </c:pt>
                <c:pt idx="2225">
                  <c:v>41480</c:v>
                </c:pt>
                <c:pt idx="2226">
                  <c:v>41481</c:v>
                </c:pt>
                <c:pt idx="2227">
                  <c:v>41484</c:v>
                </c:pt>
                <c:pt idx="2228">
                  <c:v>41485</c:v>
                </c:pt>
                <c:pt idx="2229">
                  <c:v>41486</c:v>
                </c:pt>
                <c:pt idx="2230">
                  <c:v>41487</c:v>
                </c:pt>
                <c:pt idx="2231">
                  <c:v>41488</c:v>
                </c:pt>
                <c:pt idx="2232">
                  <c:v>41491</c:v>
                </c:pt>
                <c:pt idx="2233">
                  <c:v>41492</c:v>
                </c:pt>
                <c:pt idx="2234">
                  <c:v>41493</c:v>
                </c:pt>
                <c:pt idx="2235">
                  <c:v>41494</c:v>
                </c:pt>
                <c:pt idx="2236">
                  <c:v>41495</c:v>
                </c:pt>
                <c:pt idx="2237">
                  <c:v>41498</c:v>
                </c:pt>
                <c:pt idx="2238">
                  <c:v>41499</c:v>
                </c:pt>
                <c:pt idx="2239">
                  <c:v>41500</c:v>
                </c:pt>
                <c:pt idx="2240">
                  <c:v>41501</c:v>
                </c:pt>
                <c:pt idx="2241">
                  <c:v>41502</c:v>
                </c:pt>
                <c:pt idx="2242">
                  <c:v>41505</c:v>
                </c:pt>
                <c:pt idx="2243">
                  <c:v>41506</c:v>
                </c:pt>
                <c:pt idx="2244">
                  <c:v>41507</c:v>
                </c:pt>
                <c:pt idx="2245">
                  <c:v>41508</c:v>
                </c:pt>
                <c:pt idx="2246">
                  <c:v>41509</c:v>
                </c:pt>
                <c:pt idx="2247">
                  <c:v>41512</c:v>
                </c:pt>
                <c:pt idx="2248">
                  <c:v>41513</c:v>
                </c:pt>
                <c:pt idx="2249">
                  <c:v>41514</c:v>
                </c:pt>
                <c:pt idx="2250">
                  <c:v>41515</c:v>
                </c:pt>
                <c:pt idx="2251">
                  <c:v>41516</c:v>
                </c:pt>
                <c:pt idx="2252">
                  <c:v>41519</c:v>
                </c:pt>
                <c:pt idx="2253">
                  <c:v>41520</c:v>
                </c:pt>
                <c:pt idx="2254">
                  <c:v>41521</c:v>
                </c:pt>
                <c:pt idx="2255">
                  <c:v>41522</c:v>
                </c:pt>
                <c:pt idx="2256">
                  <c:v>41523</c:v>
                </c:pt>
                <c:pt idx="2257">
                  <c:v>41526</c:v>
                </c:pt>
                <c:pt idx="2258">
                  <c:v>41527</c:v>
                </c:pt>
                <c:pt idx="2259">
                  <c:v>41528</c:v>
                </c:pt>
                <c:pt idx="2260">
                  <c:v>41529</c:v>
                </c:pt>
                <c:pt idx="2261">
                  <c:v>41530</c:v>
                </c:pt>
                <c:pt idx="2262">
                  <c:v>41533</c:v>
                </c:pt>
                <c:pt idx="2263">
                  <c:v>41534</c:v>
                </c:pt>
                <c:pt idx="2264">
                  <c:v>41535</c:v>
                </c:pt>
                <c:pt idx="2265">
                  <c:v>41536</c:v>
                </c:pt>
                <c:pt idx="2266">
                  <c:v>41537</c:v>
                </c:pt>
                <c:pt idx="2267">
                  <c:v>41540</c:v>
                </c:pt>
                <c:pt idx="2268">
                  <c:v>41541</c:v>
                </c:pt>
                <c:pt idx="2269">
                  <c:v>41542</c:v>
                </c:pt>
                <c:pt idx="2270">
                  <c:v>41543</c:v>
                </c:pt>
                <c:pt idx="2271">
                  <c:v>41544</c:v>
                </c:pt>
                <c:pt idx="2272">
                  <c:v>41547</c:v>
                </c:pt>
                <c:pt idx="2273">
                  <c:v>41548</c:v>
                </c:pt>
                <c:pt idx="2274">
                  <c:v>41549</c:v>
                </c:pt>
                <c:pt idx="2275">
                  <c:v>41550</c:v>
                </c:pt>
                <c:pt idx="2276">
                  <c:v>41551</c:v>
                </c:pt>
                <c:pt idx="2277">
                  <c:v>41554</c:v>
                </c:pt>
                <c:pt idx="2278">
                  <c:v>41555</c:v>
                </c:pt>
                <c:pt idx="2279">
                  <c:v>41556</c:v>
                </c:pt>
                <c:pt idx="2280">
                  <c:v>41557</c:v>
                </c:pt>
                <c:pt idx="2281">
                  <c:v>41558</c:v>
                </c:pt>
                <c:pt idx="2282">
                  <c:v>41561</c:v>
                </c:pt>
                <c:pt idx="2283">
                  <c:v>41562</c:v>
                </c:pt>
                <c:pt idx="2284">
                  <c:v>41563</c:v>
                </c:pt>
                <c:pt idx="2285">
                  <c:v>41564</c:v>
                </c:pt>
                <c:pt idx="2286">
                  <c:v>41565</c:v>
                </c:pt>
                <c:pt idx="2287">
                  <c:v>41568</c:v>
                </c:pt>
                <c:pt idx="2288">
                  <c:v>41569</c:v>
                </c:pt>
                <c:pt idx="2289">
                  <c:v>41570</c:v>
                </c:pt>
                <c:pt idx="2290">
                  <c:v>41571</c:v>
                </c:pt>
                <c:pt idx="2291">
                  <c:v>41572</c:v>
                </c:pt>
                <c:pt idx="2292">
                  <c:v>41575</c:v>
                </c:pt>
                <c:pt idx="2293">
                  <c:v>41576</c:v>
                </c:pt>
                <c:pt idx="2294">
                  <c:v>41577</c:v>
                </c:pt>
                <c:pt idx="2295">
                  <c:v>41578</c:v>
                </c:pt>
                <c:pt idx="2296">
                  <c:v>41579</c:v>
                </c:pt>
                <c:pt idx="2297">
                  <c:v>41582</c:v>
                </c:pt>
                <c:pt idx="2298">
                  <c:v>41583</c:v>
                </c:pt>
                <c:pt idx="2299">
                  <c:v>41584</c:v>
                </c:pt>
                <c:pt idx="2300">
                  <c:v>41585</c:v>
                </c:pt>
                <c:pt idx="2301">
                  <c:v>41586</c:v>
                </c:pt>
                <c:pt idx="2302">
                  <c:v>41589</c:v>
                </c:pt>
                <c:pt idx="2303">
                  <c:v>41590</c:v>
                </c:pt>
                <c:pt idx="2304">
                  <c:v>41591</c:v>
                </c:pt>
                <c:pt idx="2305">
                  <c:v>41592</c:v>
                </c:pt>
                <c:pt idx="2306">
                  <c:v>41596</c:v>
                </c:pt>
                <c:pt idx="2307">
                  <c:v>41597</c:v>
                </c:pt>
                <c:pt idx="2308">
                  <c:v>41598</c:v>
                </c:pt>
                <c:pt idx="2309">
                  <c:v>41599</c:v>
                </c:pt>
                <c:pt idx="2310">
                  <c:v>41600</c:v>
                </c:pt>
                <c:pt idx="2311">
                  <c:v>41603</c:v>
                </c:pt>
                <c:pt idx="2312">
                  <c:v>41604</c:v>
                </c:pt>
                <c:pt idx="2313">
                  <c:v>41605</c:v>
                </c:pt>
                <c:pt idx="2314">
                  <c:v>41606</c:v>
                </c:pt>
                <c:pt idx="2315">
                  <c:v>41607</c:v>
                </c:pt>
                <c:pt idx="2316">
                  <c:v>41610</c:v>
                </c:pt>
                <c:pt idx="2317">
                  <c:v>41611</c:v>
                </c:pt>
                <c:pt idx="2318">
                  <c:v>41612</c:v>
                </c:pt>
                <c:pt idx="2319">
                  <c:v>41613</c:v>
                </c:pt>
                <c:pt idx="2320">
                  <c:v>41614</c:v>
                </c:pt>
                <c:pt idx="2321">
                  <c:v>41617</c:v>
                </c:pt>
                <c:pt idx="2322">
                  <c:v>41618</c:v>
                </c:pt>
                <c:pt idx="2323">
                  <c:v>41619</c:v>
                </c:pt>
                <c:pt idx="2324">
                  <c:v>41620</c:v>
                </c:pt>
                <c:pt idx="2325">
                  <c:v>41621</c:v>
                </c:pt>
                <c:pt idx="2326">
                  <c:v>41624</c:v>
                </c:pt>
                <c:pt idx="2327">
                  <c:v>41625</c:v>
                </c:pt>
                <c:pt idx="2328">
                  <c:v>41626</c:v>
                </c:pt>
                <c:pt idx="2329">
                  <c:v>41627</c:v>
                </c:pt>
                <c:pt idx="2330">
                  <c:v>41628</c:v>
                </c:pt>
                <c:pt idx="2331">
                  <c:v>41631</c:v>
                </c:pt>
                <c:pt idx="2332">
                  <c:v>41632</c:v>
                </c:pt>
                <c:pt idx="2333">
                  <c:v>41634</c:v>
                </c:pt>
                <c:pt idx="2334">
                  <c:v>41635</c:v>
                </c:pt>
                <c:pt idx="2335">
                  <c:v>41638</c:v>
                </c:pt>
                <c:pt idx="2336">
                  <c:v>41639</c:v>
                </c:pt>
                <c:pt idx="2337">
                  <c:v>41641</c:v>
                </c:pt>
                <c:pt idx="2338">
                  <c:v>41642</c:v>
                </c:pt>
                <c:pt idx="2339">
                  <c:v>41645</c:v>
                </c:pt>
                <c:pt idx="2340">
                  <c:v>41646</c:v>
                </c:pt>
                <c:pt idx="2341">
                  <c:v>41647</c:v>
                </c:pt>
                <c:pt idx="2342">
                  <c:v>41648</c:v>
                </c:pt>
                <c:pt idx="2343">
                  <c:v>41649</c:v>
                </c:pt>
                <c:pt idx="2344">
                  <c:v>41652</c:v>
                </c:pt>
                <c:pt idx="2345">
                  <c:v>41653</c:v>
                </c:pt>
                <c:pt idx="2346">
                  <c:v>41654</c:v>
                </c:pt>
                <c:pt idx="2347">
                  <c:v>41655</c:v>
                </c:pt>
                <c:pt idx="2348">
                  <c:v>41656</c:v>
                </c:pt>
                <c:pt idx="2349">
                  <c:v>41659</c:v>
                </c:pt>
                <c:pt idx="2350">
                  <c:v>41660</c:v>
                </c:pt>
                <c:pt idx="2351">
                  <c:v>41661</c:v>
                </c:pt>
                <c:pt idx="2352">
                  <c:v>41662</c:v>
                </c:pt>
                <c:pt idx="2353">
                  <c:v>41663</c:v>
                </c:pt>
                <c:pt idx="2354">
                  <c:v>41666</c:v>
                </c:pt>
                <c:pt idx="2355">
                  <c:v>41667</c:v>
                </c:pt>
                <c:pt idx="2356">
                  <c:v>41668</c:v>
                </c:pt>
                <c:pt idx="2357">
                  <c:v>41669</c:v>
                </c:pt>
                <c:pt idx="2358">
                  <c:v>41670</c:v>
                </c:pt>
                <c:pt idx="2359">
                  <c:v>41673</c:v>
                </c:pt>
                <c:pt idx="2360">
                  <c:v>41674</c:v>
                </c:pt>
                <c:pt idx="2361">
                  <c:v>41675</c:v>
                </c:pt>
                <c:pt idx="2362">
                  <c:v>41676</c:v>
                </c:pt>
                <c:pt idx="2363">
                  <c:v>41677</c:v>
                </c:pt>
                <c:pt idx="2364">
                  <c:v>41680</c:v>
                </c:pt>
                <c:pt idx="2365">
                  <c:v>41681</c:v>
                </c:pt>
                <c:pt idx="2366">
                  <c:v>41682</c:v>
                </c:pt>
                <c:pt idx="2367">
                  <c:v>41683</c:v>
                </c:pt>
                <c:pt idx="2368">
                  <c:v>41684</c:v>
                </c:pt>
                <c:pt idx="2369">
                  <c:v>41687</c:v>
                </c:pt>
                <c:pt idx="2370">
                  <c:v>41688</c:v>
                </c:pt>
                <c:pt idx="2371">
                  <c:v>41689</c:v>
                </c:pt>
                <c:pt idx="2372">
                  <c:v>41690</c:v>
                </c:pt>
                <c:pt idx="2373">
                  <c:v>41691</c:v>
                </c:pt>
                <c:pt idx="2374">
                  <c:v>41694</c:v>
                </c:pt>
                <c:pt idx="2375">
                  <c:v>41695</c:v>
                </c:pt>
                <c:pt idx="2376">
                  <c:v>41696</c:v>
                </c:pt>
                <c:pt idx="2377">
                  <c:v>41697</c:v>
                </c:pt>
                <c:pt idx="2378">
                  <c:v>41698</c:v>
                </c:pt>
                <c:pt idx="2379">
                  <c:v>41703</c:v>
                </c:pt>
                <c:pt idx="2380">
                  <c:v>41704</c:v>
                </c:pt>
                <c:pt idx="2381">
                  <c:v>41705</c:v>
                </c:pt>
                <c:pt idx="2382">
                  <c:v>41708</c:v>
                </c:pt>
                <c:pt idx="2383">
                  <c:v>41709</c:v>
                </c:pt>
                <c:pt idx="2384">
                  <c:v>41710</c:v>
                </c:pt>
                <c:pt idx="2385">
                  <c:v>41711</c:v>
                </c:pt>
                <c:pt idx="2386">
                  <c:v>41712</c:v>
                </c:pt>
                <c:pt idx="2387">
                  <c:v>41715</c:v>
                </c:pt>
                <c:pt idx="2388">
                  <c:v>41716</c:v>
                </c:pt>
                <c:pt idx="2389">
                  <c:v>41717</c:v>
                </c:pt>
                <c:pt idx="2390">
                  <c:v>41718</c:v>
                </c:pt>
                <c:pt idx="2391">
                  <c:v>41719</c:v>
                </c:pt>
                <c:pt idx="2392">
                  <c:v>41722</c:v>
                </c:pt>
                <c:pt idx="2393">
                  <c:v>41723</c:v>
                </c:pt>
                <c:pt idx="2394">
                  <c:v>41724</c:v>
                </c:pt>
                <c:pt idx="2395">
                  <c:v>41725</c:v>
                </c:pt>
                <c:pt idx="2396">
                  <c:v>41726</c:v>
                </c:pt>
                <c:pt idx="2397">
                  <c:v>41729</c:v>
                </c:pt>
                <c:pt idx="2398">
                  <c:v>41730</c:v>
                </c:pt>
                <c:pt idx="2399">
                  <c:v>41731</c:v>
                </c:pt>
                <c:pt idx="2400">
                  <c:v>41732</c:v>
                </c:pt>
                <c:pt idx="2401">
                  <c:v>41733</c:v>
                </c:pt>
                <c:pt idx="2402">
                  <c:v>41736</c:v>
                </c:pt>
                <c:pt idx="2403">
                  <c:v>41737</c:v>
                </c:pt>
                <c:pt idx="2404">
                  <c:v>41738</c:v>
                </c:pt>
                <c:pt idx="2405">
                  <c:v>41739</c:v>
                </c:pt>
                <c:pt idx="2406">
                  <c:v>41740</c:v>
                </c:pt>
                <c:pt idx="2407">
                  <c:v>41743</c:v>
                </c:pt>
                <c:pt idx="2408">
                  <c:v>41744</c:v>
                </c:pt>
                <c:pt idx="2409">
                  <c:v>41745</c:v>
                </c:pt>
                <c:pt idx="2410">
                  <c:v>41746</c:v>
                </c:pt>
                <c:pt idx="2411">
                  <c:v>41751</c:v>
                </c:pt>
                <c:pt idx="2412">
                  <c:v>41752</c:v>
                </c:pt>
                <c:pt idx="2413">
                  <c:v>41753</c:v>
                </c:pt>
                <c:pt idx="2414">
                  <c:v>41754</c:v>
                </c:pt>
                <c:pt idx="2415">
                  <c:v>41757</c:v>
                </c:pt>
                <c:pt idx="2416">
                  <c:v>41758</c:v>
                </c:pt>
                <c:pt idx="2417">
                  <c:v>41759</c:v>
                </c:pt>
                <c:pt idx="2418">
                  <c:v>41761</c:v>
                </c:pt>
                <c:pt idx="2419">
                  <c:v>41764</c:v>
                </c:pt>
                <c:pt idx="2420">
                  <c:v>41765</c:v>
                </c:pt>
                <c:pt idx="2421">
                  <c:v>41766</c:v>
                </c:pt>
                <c:pt idx="2422">
                  <c:v>41767</c:v>
                </c:pt>
                <c:pt idx="2423">
                  <c:v>41768</c:v>
                </c:pt>
                <c:pt idx="2424">
                  <c:v>41771</c:v>
                </c:pt>
                <c:pt idx="2425">
                  <c:v>41772</c:v>
                </c:pt>
                <c:pt idx="2426">
                  <c:v>41773</c:v>
                </c:pt>
                <c:pt idx="2427">
                  <c:v>41774</c:v>
                </c:pt>
                <c:pt idx="2428">
                  <c:v>41775</c:v>
                </c:pt>
                <c:pt idx="2429">
                  <c:v>41778</c:v>
                </c:pt>
                <c:pt idx="2430">
                  <c:v>41779</c:v>
                </c:pt>
                <c:pt idx="2431">
                  <c:v>41780</c:v>
                </c:pt>
                <c:pt idx="2432">
                  <c:v>41781</c:v>
                </c:pt>
                <c:pt idx="2433">
                  <c:v>41782</c:v>
                </c:pt>
                <c:pt idx="2434">
                  <c:v>41785</c:v>
                </c:pt>
                <c:pt idx="2435">
                  <c:v>41786</c:v>
                </c:pt>
                <c:pt idx="2436">
                  <c:v>41787</c:v>
                </c:pt>
                <c:pt idx="2437">
                  <c:v>41788</c:v>
                </c:pt>
                <c:pt idx="2438">
                  <c:v>41789</c:v>
                </c:pt>
                <c:pt idx="2439">
                  <c:v>41792</c:v>
                </c:pt>
                <c:pt idx="2440">
                  <c:v>41793</c:v>
                </c:pt>
                <c:pt idx="2441">
                  <c:v>41794</c:v>
                </c:pt>
                <c:pt idx="2442">
                  <c:v>41795</c:v>
                </c:pt>
                <c:pt idx="2443">
                  <c:v>41796</c:v>
                </c:pt>
                <c:pt idx="2444">
                  <c:v>41799</c:v>
                </c:pt>
                <c:pt idx="2445">
                  <c:v>41800</c:v>
                </c:pt>
                <c:pt idx="2446">
                  <c:v>41801</c:v>
                </c:pt>
                <c:pt idx="2447">
                  <c:v>41802</c:v>
                </c:pt>
                <c:pt idx="2448">
                  <c:v>41803</c:v>
                </c:pt>
                <c:pt idx="2449">
                  <c:v>41806</c:v>
                </c:pt>
                <c:pt idx="2450">
                  <c:v>41807</c:v>
                </c:pt>
                <c:pt idx="2451">
                  <c:v>41808</c:v>
                </c:pt>
                <c:pt idx="2452">
                  <c:v>41810</c:v>
                </c:pt>
                <c:pt idx="2453">
                  <c:v>41813</c:v>
                </c:pt>
                <c:pt idx="2454">
                  <c:v>41814</c:v>
                </c:pt>
                <c:pt idx="2455">
                  <c:v>41815</c:v>
                </c:pt>
                <c:pt idx="2456">
                  <c:v>41816</c:v>
                </c:pt>
                <c:pt idx="2457">
                  <c:v>41817</c:v>
                </c:pt>
                <c:pt idx="2458">
                  <c:v>41820</c:v>
                </c:pt>
                <c:pt idx="2459">
                  <c:v>41821</c:v>
                </c:pt>
                <c:pt idx="2460">
                  <c:v>41822</c:v>
                </c:pt>
                <c:pt idx="2461">
                  <c:v>41823</c:v>
                </c:pt>
                <c:pt idx="2462">
                  <c:v>41824</c:v>
                </c:pt>
                <c:pt idx="2463">
                  <c:v>41827</c:v>
                </c:pt>
                <c:pt idx="2464">
                  <c:v>41828</c:v>
                </c:pt>
                <c:pt idx="2465">
                  <c:v>41829</c:v>
                </c:pt>
                <c:pt idx="2466">
                  <c:v>41830</c:v>
                </c:pt>
                <c:pt idx="2467">
                  <c:v>41831</c:v>
                </c:pt>
                <c:pt idx="2468">
                  <c:v>41834</c:v>
                </c:pt>
                <c:pt idx="2469">
                  <c:v>41835</c:v>
                </c:pt>
                <c:pt idx="2470">
                  <c:v>41836</c:v>
                </c:pt>
                <c:pt idx="2471">
                  <c:v>41837</c:v>
                </c:pt>
                <c:pt idx="2472">
                  <c:v>41838</c:v>
                </c:pt>
                <c:pt idx="2473">
                  <c:v>41841</c:v>
                </c:pt>
                <c:pt idx="2474">
                  <c:v>41842</c:v>
                </c:pt>
                <c:pt idx="2475">
                  <c:v>41843</c:v>
                </c:pt>
                <c:pt idx="2476">
                  <c:v>41844</c:v>
                </c:pt>
                <c:pt idx="2477">
                  <c:v>41845</c:v>
                </c:pt>
                <c:pt idx="2478">
                  <c:v>41848</c:v>
                </c:pt>
                <c:pt idx="2479">
                  <c:v>41849</c:v>
                </c:pt>
                <c:pt idx="2480">
                  <c:v>41850</c:v>
                </c:pt>
                <c:pt idx="2481">
                  <c:v>41851</c:v>
                </c:pt>
                <c:pt idx="2482">
                  <c:v>41852</c:v>
                </c:pt>
                <c:pt idx="2483">
                  <c:v>41855</c:v>
                </c:pt>
                <c:pt idx="2484">
                  <c:v>41856</c:v>
                </c:pt>
                <c:pt idx="2485">
                  <c:v>41857</c:v>
                </c:pt>
                <c:pt idx="2486">
                  <c:v>41858</c:v>
                </c:pt>
                <c:pt idx="2487">
                  <c:v>41859</c:v>
                </c:pt>
                <c:pt idx="2488">
                  <c:v>41862</c:v>
                </c:pt>
                <c:pt idx="2489">
                  <c:v>41863</c:v>
                </c:pt>
                <c:pt idx="2490">
                  <c:v>41864</c:v>
                </c:pt>
                <c:pt idx="2491">
                  <c:v>41865</c:v>
                </c:pt>
                <c:pt idx="2492">
                  <c:v>41866</c:v>
                </c:pt>
                <c:pt idx="2493">
                  <c:v>41869</c:v>
                </c:pt>
                <c:pt idx="2494">
                  <c:v>41870</c:v>
                </c:pt>
                <c:pt idx="2495">
                  <c:v>41871</c:v>
                </c:pt>
                <c:pt idx="2496">
                  <c:v>41872</c:v>
                </c:pt>
                <c:pt idx="2497">
                  <c:v>41873</c:v>
                </c:pt>
                <c:pt idx="2498">
                  <c:v>41876</c:v>
                </c:pt>
                <c:pt idx="2499">
                  <c:v>41877</c:v>
                </c:pt>
                <c:pt idx="2500">
                  <c:v>41878</c:v>
                </c:pt>
                <c:pt idx="2501">
                  <c:v>41879</c:v>
                </c:pt>
                <c:pt idx="2502">
                  <c:v>41880</c:v>
                </c:pt>
                <c:pt idx="2503">
                  <c:v>41883</c:v>
                </c:pt>
                <c:pt idx="2504">
                  <c:v>41884</c:v>
                </c:pt>
                <c:pt idx="2505">
                  <c:v>41885</c:v>
                </c:pt>
                <c:pt idx="2506">
                  <c:v>41886</c:v>
                </c:pt>
                <c:pt idx="2507">
                  <c:v>41887</c:v>
                </c:pt>
                <c:pt idx="2508">
                  <c:v>41890</c:v>
                </c:pt>
                <c:pt idx="2509">
                  <c:v>41891</c:v>
                </c:pt>
                <c:pt idx="2510">
                  <c:v>41892</c:v>
                </c:pt>
                <c:pt idx="2511">
                  <c:v>41893</c:v>
                </c:pt>
                <c:pt idx="2512">
                  <c:v>41894</c:v>
                </c:pt>
                <c:pt idx="2513">
                  <c:v>41897</c:v>
                </c:pt>
                <c:pt idx="2514">
                  <c:v>41898</c:v>
                </c:pt>
                <c:pt idx="2515">
                  <c:v>41899</c:v>
                </c:pt>
                <c:pt idx="2516">
                  <c:v>41900</c:v>
                </c:pt>
                <c:pt idx="2517">
                  <c:v>41901</c:v>
                </c:pt>
                <c:pt idx="2518">
                  <c:v>41904</c:v>
                </c:pt>
                <c:pt idx="2519">
                  <c:v>41905</c:v>
                </c:pt>
                <c:pt idx="2520">
                  <c:v>41906</c:v>
                </c:pt>
                <c:pt idx="2521">
                  <c:v>41907</c:v>
                </c:pt>
                <c:pt idx="2522">
                  <c:v>41908</c:v>
                </c:pt>
                <c:pt idx="2523">
                  <c:v>41911</c:v>
                </c:pt>
                <c:pt idx="2524">
                  <c:v>41912</c:v>
                </c:pt>
                <c:pt idx="2525">
                  <c:v>41913</c:v>
                </c:pt>
                <c:pt idx="2526">
                  <c:v>41914</c:v>
                </c:pt>
                <c:pt idx="2527">
                  <c:v>41915</c:v>
                </c:pt>
                <c:pt idx="2528">
                  <c:v>41918</c:v>
                </c:pt>
                <c:pt idx="2529">
                  <c:v>41919</c:v>
                </c:pt>
                <c:pt idx="2530">
                  <c:v>41920</c:v>
                </c:pt>
                <c:pt idx="2531">
                  <c:v>41921</c:v>
                </c:pt>
                <c:pt idx="2532">
                  <c:v>41922</c:v>
                </c:pt>
                <c:pt idx="2533">
                  <c:v>41925</c:v>
                </c:pt>
                <c:pt idx="2534">
                  <c:v>41926</c:v>
                </c:pt>
                <c:pt idx="2535">
                  <c:v>41927</c:v>
                </c:pt>
                <c:pt idx="2536">
                  <c:v>41928</c:v>
                </c:pt>
                <c:pt idx="2537">
                  <c:v>41929</c:v>
                </c:pt>
                <c:pt idx="2538">
                  <c:v>41932</c:v>
                </c:pt>
                <c:pt idx="2539">
                  <c:v>41933</c:v>
                </c:pt>
                <c:pt idx="2540">
                  <c:v>41934</c:v>
                </c:pt>
                <c:pt idx="2541">
                  <c:v>41935</c:v>
                </c:pt>
                <c:pt idx="2542">
                  <c:v>41936</c:v>
                </c:pt>
                <c:pt idx="2543">
                  <c:v>41939</c:v>
                </c:pt>
                <c:pt idx="2544">
                  <c:v>41940</c:v>
                </c:pt>
                <c:pt idx="2545">
                  <c:v>41941</c:v>
                </c:pt>
                <c:pt idx="2546">
                  <c:v>41942</c:v>
                </c:pt>
                <c:pt idx="2547">
                  <c:v>41943</c:v>
                </c:pt>
                <c:pt idx="2548">
                  <c:v>41946</c:v>
                </c:pt>
                <c:pt idx="2549">
                  <c:v>41947</c:v>
                </c:pt>
                <c:pt idx="2550">
                  <c:v>41948</c:v>
                </c:pt>
                <c:pt idx="2551">
                  <c:v>41949</c:v>
                </c:pt>
                <c:pt idx="2552">
                  <c:v>41950</c:v>
                </c:pt>
                <c:pt idx="2553">
                  <c:v>41953</c:v>
                </c:pt>
                <c:pt idx="2554">
                  <c:v>41954</c:v>
                </c:pt>
                <c:pt idx="2555">
                  <c:v>41955</c:v>
                </c:pt>
                <c:pt idx="2556">
                  <c:v>41956</c:v>
                </c:pt>
                <c:pt idx="2557">
                  <c:v>41957</c:v>
                </c:pt>
                <c:pt idx="2558">
                  <c:v>41960</c:v>
                </c:pt>
                <c:pt idx="2559">
                  <c:v>41961</c:v>
                </c:pt>
                <c:pt idx="2560">
                  <c:v>41962</c:v>
                </c:pt>
                <c:pt idx="2561">
                  <c:v>41963</c:v>
                </c:pt>
                <c:pt idx="2562">
                  <c:v>41964</c:v>
                </c:pt>
                <c:pt idx="2563">
                  <c:v>41967</c:v>
                </c:pt>
                <c:pt idx="2564">
                  <c:v>41968</c:v>
                </c:pt>
                <c:pt idx="2565">
                  <c:v>41969</c:v>
                </c:pt>
                <c:pt idx="2566">
                  <c:v>41970</c:v>
                </c:pt>
                <c:pt idx="2567">
                  <c:v>41971</c:v>
                </c:pt>
                <c:pt idx="2568">
                  <c:v>41974</c:v>
                </c:pt>
                <c:pt idx="2569">
                  <c:v>41975</c:v>
                </c:pt>
                <c:pt idx="2570">
                  <c:v>41976</c:v>
                </c:pt>
                <c:pt idx="2571">
                  <c:v>41977</c:v>
                </c:pt>
                <c:pt idx="2572">
                  <c:v>41978</c:v>
                </c:pt>
                <c:pt idx="2573">
                  <c:v>41981</c:v>
                </c:pt>
                <c:pt idx="2574">
                  <c:v>41982</c:v>
                </c:pt>
                <c:pt idx="2575">
                  <c:v>41983</c:v>
                </c:pt>
                <c:pt idx="2576">
                  <c:v>41984</c:v>
                </c:pt>
                <c:pt idx="2577">
                  <c:v>41985</c:v>
                </c:pt>
                <c:pt idx="2578">
                  <c:v>41988</c:v>
                </c:pt>
                <c:pt idx="2579">
                  <c:v>41989</c:v>
                </c:pt>
                <c:pt idx="2580">
                  <c:v>41990</c:v>
                </c:pt>
                <c:pt idx="2581">
                  <c:v>41991</c:v>
                </c:pt>
                <c:pt idx="2582">
                  <c:v>41992</c:v>
                </c:pt>
                <c:pt idx="2583">
                  <c:v>41995</c:v>
                </c:pt>
                <c:pt idx="2584">
                  <c:v>41996</c:v>
                </c:pt>
                <c:pt idx="2585">
                  <c:v>41997</c:v>
                </c:pt>
                <c:pt idx="2586">
                  <c:v>41999</c:v>
                </c:pt>
                <c:pt idx="2587">
                  <c:v>42002</c:v>
                </c:pt>
                <c:pt idx="2588">
                  <c:v>42003</c:v>
                </c:pt>
                <c:pt idx="2589">
                  <c:v>42004</c:v>
                </c:pt>
                <c:pt idx="2590">
                  <c:v>42006</c:v>
                </c:pt>
                <c:pt idx="2591">
                  <c:v>42009</c:v>
                </c:pt>
                <c:pt idx="2592">
                  <c:v>42010</c:v>
                </c:pt>
                <c:pt idx="2593">
                  <c:v>42011</c:v>
                </c:pt>
                <c:pt idx="2594">
                  <c:v>42012</c:v>
                </c:pt>
                <c:pt idx="2595">
                  <c:v>42013</c:v>
                </c:pt>
                <c:pt idx="2596">
                  <c:v>42016</c:v>
                </c:pt>
                <c:pt idx="2597">
                  <c:v>42017</c:v>
                </c:pt>
                <c:pt idx="2598">
                  <c:v>42018</c:v>
                </c:pt>
                <c:pt idx="2599">
                  <c:v>42019</c:v>
                </c:pt>
                <c:pt idx="2600">
                  <c:v>42020</c:v>
                </c:pt>
                <c:pt idx="2601">
                  <c:v>42023</c:v>
                </c:pt>
                <c:pt idx="2602">
                  <c:v>42024</c:v>
                </c:pt>
                <c:pt idx="2603">
                  <c:v>42025</c:v>
                </c:pt>
                <c:pt idx="2604">
                  <c:v>42026</c:v>
                </c:pt>
                <c:pt idx="2605">
                  <c:v>42027</c:v>
                </c:pt>
                <c:pt idx="2606">
                  <c:v>42030</c:v>
                </c:pt>
                <c:pt idx="2607">
                  <c:v>42031</c:v>
                </c:pt>
                <c:pt idx="2608">
                  <c:v>42032</c:v>
                </c:pt>
                <c:pt idx="2609">
                  <c:v>42033</c:v>
                </c:pt>
                <c:pt idx="2610">
                  <c:v>42034</c:v>
                </c:pt>
                <c:pt idx="2611">
                  <c:v>42037</c:v>
                </c:pt>
                <c:pt idx="2612">
                  <c:v>42038</c:v>
                </c:pt>
                <c:pt idx="2613">
                  <c:v>42039</c:v>
                </c:pt>
                <c:pt idx="2614">
                  <c:v>42040</c:v>
                </c:pt>
                <c:pt idx="2615">
                  <c:v>42041</c:v>
                </c:pt>
                <c:pt idx="2616">
                  <c:v>42044</c:v>
                </c:pt>
                <c:pt idx="2617">
                  <c:v>42045</c:v>
                </c:pt>
                <c:pt idx="2618">
                  <c:v>42046</c:v>
                </c:pt>
                <c:pt idx="2619">
                  <c:v>42047</c:v>
                </c:pt>
                <c:pt idx="2620">
                  <c:v>42048</c:v>
                </c:pt>
                <c:pt idx="2621">
                  <c:v>42053</c:v>
                </c:pt>
                <c:pt idx="2622">
                  <c:v>42054</c:v>
                </c:pt>
                <c:pt idx="2623">
                  <c:v>42055</c:v>
                </c:pt>
                <c:pt idx="2624">
                  <c:v>42058</c:v>
                </c:pt>
                <c:pt idx="2625">
                  <c:v>42059</c:v>
                </c:pt>
                <c:pt idx="2626">
                  <c:v>42060</c:v>
                </c:pt>
                <c:pt idx="2627">
                  <c:v>42061</c:v>
                </c:pt>
                <c:pt idx="2628">
                  <c:v>42062</c:v>
                </c:pt>
                <c:pt idx="2629">
                  <c:v>42065</c:v>
                </c:pt>
                <c:pt idx="2630">
                  <c:v>42066</c:v>
                </c:pt>
                <c:pt idx="2631">
                  <c:v>42067</c:v>
                </c:pt>
                <c:pt idx="2632">
                  <c:v>42068</c:v>
                </c:pt>
                <c:pt idx="2633">
                  <c:v>42069</c:v>
                </c:pt>
                <c:pt idx="2634">
                  <c:v>42072</c:v>
                </c:pt>
                <c:pt idx="2635">
                  <c:v>42073</c:v>
                </c:pt>
                <c:pt idx="2636">
                  <c:v>42074</c:v>
                </c:pt>
                <c:pt idx="2637">
                  <c:v>42075</c:v>
                </c:pt>
                <c:pt idx="2638">
                  <c:v>42076</c:v>
                </c:pt>
                <c:pt idx="2639">
                  <c:v>42079</c:v>
                </c:pt>
                <c:pt idx="2640">
                  <c:v>42080</c:v>
                </c:pt>
                <c:pt idx="2641">
                  <c:v>42081</c:v>
                </c:pt>
                <c:pt idx="2642">
                  <c:v>42082</c:v>
                </c:pt>
                <c:pt idx="2643">
                  <c:v>42083</c:v>
                </c:pt>
                <c:pt idx="2644">
                  <c:v>42086</c:v>
                </c:pt>
                <c:pt idx="2645">
                  <c:v>42087</c:v>
                </c:pt>
                <c:pt idx="2646">
                  <c:v>42088</c:v>
                </c:pt>
                <c:pt idx="2647">
                  <c:v>42089</c:v>
                </c:pt>
                <c:pt idx="2648">
                  <c:v>42090</c:v>
                </c:pt>
                <c:pt idx="2649">
                  <c:v>42093</c:v>
                </c:pt>
                <c:pt idx="2650">
                  <c:v>42094</c:v>
                </c:pt>
                <c:pt idx="2651">
                  <c:v>42095</c:v>
                </c:pt>
                <c:pt idx="2652">
                  <c:v>42096</c:v>
                </c:pt>
                <c:pt idx="2653">
                  <c:v>42100</c:v>
                </c:pt>
                <c:pt idx="2654">
                  <c:v>42101</c:v>
                </c:pt>
                <c:pt idx="2655">
                  <c:v>42102</c:v>
                </c:pt>
                <c:pt idx="2656">
                  <c:v>42103</c:v>
                </c:pt>
                <c:pt idx="2657">
                  <c:v>42104</c:v>
                </c:pt>
                <c:pt idx="2658">
                  <c:v>42107</c:v>
                </c:pt>
                <c:pt idx="2659">
                  <c:v>42108</c:v>
                </c:pt>
                <c:pt idx="2660">
                  <c:v>42109</c:v>
                </c:pt>
                <c:pt idx="2661">
                  <c:v>42110</c:v>
                </c:pt>
                <c:pt idx="2662">
                  <c:v>42111</c:v>
                </c:pt>
                <c:pt idx="2663">
                  <c:v>42114</c:v>
                </c:pt>
                <c:pt idx="2664">
                  <c:v>42116</c:v>
                </c:pt>
                <c:pt idx="2665">
                  <c:v>42117</c:v>
                </c:pt>
                <c:pt idx="2666">
                  <c:v>42118</c:v>
                </c:pt>
                <c:pt idx="2667">
                  <c:v>42121</c:v>
                </c:pt>
                <c:pt idx="2668">
                  <c:v>42122</c:v>
                </c:pt>
                <c:pt idx="2669">
                  <c:v>42123</c:v>
                </c:pt>
                <c:pt idx="2670">
                  <c:v>42124</c:v>
                </c:pt>
                <c:pt idx="2671">
                  <c:v>42128</c:v>
                </c:pt>
                <c:pt idx="2672">
                  <c:v>42129</c:v>
                </c:pt>
                <c:pt idx="2673">
                  <c:v>42130</c:v>
                </c:pt>
                <c:pt idx="2674">
                  <c:v>42131</c:v>
                </c:pt>
                <c:pt idx="2675">
                  <c:v>42132</c:v>
                </c:pt>
                <c:pt idx="2676">
                  <c:v>42135</c:v>
                </c:pt>
                <c:pt idx="2677">
                  <c:v>42136</c:v>
                </c:pt>
                <c:pt idx="2678">
                  <c:v>42137</c:v>
                </c:pt>
                <c:pt idx="2679">
                  <c:v>42138</c:v>
                </c:pt>
                <c:pt idx="2680">
                  <c:v>42139</c:v>
                </c:pt>
                <c:pt idx="2681">
                  <c:v>42142</c:v>
                </c:pt>
                <c:pt idx="2682">
                  <c:v>42143</c:v>
                </c:pt>
                <c:pt idx="2683">
                  <c:v>42144</c:v>
                </c:pt>
                <c:pt idx="2684">
                  <c:v>42145</c:v>
                </c:pt>
                <c:pt idx="2685">
                  <c:v>42146</c:v>
                </c:pt>
                <c:pt idx="2686">
                  <c:v>42149</c:v>
                </c:pt>
                <c:pt idx="2687">
                  <c:v>42150</c:v>
                </c:pt>
                <c:pt idx="2688">
                  <c:v>42151</c:v>
                </c:pt>
                <c:pt idx="2689">
                  <c:v>42152</c:v>
                </c:pt>
                <c:pt idx="2690">
                  <c:v>42153</c:v>
                </c:pt>
                <c:pt idx="2691">
                  <c:v>42156</c:v>
                </c:pt>
                <c:pt idx="2692">
                  <c:v>42157</c:v>
                </c:pt>
                <c:pt idx="2693">
                  <c:v>42158</c:v>
                </c:pt>
                <c:pt idx="2694">
                  <c:v>42160</c:v>
                </c:pt>
                <c:pt idx="2695">
                  <c:v>42163</c:v>
                </c:pt>
                <c:pt idx="2696">
                  <c:v>42164</c:v>
                </c:pt>
                <c:pt idx="2697">
                  <c:v>42165</c:v>
                </c:pt>
                <c:pt idx="2698">
                  <c:v>42166</c:v>
                </c:pt>
                <c:pt idx="2699">
                  <c:v>42167</c:v>
                </c:pt>
                <c:pt idx="2700">
                  <c:v>42170</c:v>
                </c:pt>
                <c:pt idx="2701">
                  <c:v>42171</c:v>
                </c:pt>
                <c:pt idx="2702">
                  <c:v>42172</c:v>
                </c:pt>
                <c:pt idx="2703">
                  <c:v>42173</c:v>
                </c:pt>
                <c:pt idx="2704">
                  <c:v>42174</c:v>
                </c:pt>
                <c:pt idx="2705">
                  <c:v>42177</c:v>
                </c:pt>
                <c:pt idx="2706">
                  <c:v>42178</c:v>
                </c:pt>
                <c:pt idx="2707">
                  <c:v>42179</c:v>
                </c:pt>
                <c:pt idx="2708">
                  <c:v>42180</c:v>
                </c:pt>
                <c:pt idx="2709">
                  <c:v>42181</c:v>
                </c:pt>
                <c:pt idx="2710">
                  <c:v>42184</c:v>
                </c:pt>
                <c:pt idx="2711">
                  <c:v>42185</c:v>
                </c:pt>
                <c:pt idx="2712">
                  <c:v>42186</c:v>
                </c:pt>
                <c:pt idx="2713">
                  <c:v>42187</c:v>
                </c:pt>
                <c:pt idx="2714">
                  <c:v>42188</c:v>
                </c:pt>
                <c:pt idx="2715">
                  <c:v>42191</c:v>
                </c:pt>
                <c:pt idx="2716">
                  <c:v>42192</c:v>
                </c:pt>
                <c:pt idx="2717">
                  <c:v>42193</c:v>
                </c:pt>
                <c:pt idx="2718">
                  <c:v>42194</c:v>
                </c:pt>
                <c:pt idx="2719">
                  <c:v>42195</c:v>
                </c:pt>
                <c:pt idx="2720">
                  <c:v>42198</c:v>
                </c:pt>
                <c:pt idx="2721">
                  <c:v>42199</c:v>
                </c:pt>
                <c:pt idx="2722">
                  <c:v>42200</c:v>
                </c:pt>
                <c:pt idx="2723">
                  <c:v>42201</c:v>
                </c:pt>
                <c:pt idx="2724">
                  <c:v>42202</c:v>
                </c:pt>
                <c:pt idx="2725">
                  <c:v>42205</c:v>
                </c:pt>
                <c:pt idx="2726">
                  <c:v>42206</c:v>
                </c:pt>
                <c:pt idx="2727">
                  <c:v>42207</c:v>
                </c:pt>
                <c:pt idx="2728">
                  <c:v>42208</c:v>
                </c:pt>
                <c:pt idx="2729">
                  <c:v>42209</c:v>
                </c:pt>
                <c:pt idx="2730">
                  <c:v>42212</c:v>
                </c:pt>
                <c:pt idx="2731">
                  <c:v>42213</c:v>
                </c:pt>
                <c:pt idx="2732">
                  <c:v>42214</c:v>
                </c:pt>
                <c:pt idx="2733">
                  <c:v>42215</c:v>
                </c:pt>
                <c:pt idx="2734">
                  <c:v>42216</c:v>
                </c:pt>
                <c:pt idx="2735">
                  <c:v>42219</c:v>
                </c:pt>
                <c:pt idx="2736">
                  <c:v>42220</c:v>
                </c:pt>
                <c:pt idx="2737">
                  <c:v>42221</c:v>
                </c:pt>
                <c:pt idx="2738">
                  <c:v>42222</c:v>
                </c:pt>
                <c:pt idx="2739">
                  <c:v>42223</c:v>
                </c:pt>
                <c:pt idx="2740">
                  <c:v>42226</c:v>
                </c:pt>
                <c:pt idx="2741">
                  <c:v>42227</c:v>
                </c:pt>
                <c:pt idx="2742">
                  <c:v>42228</c:v>
                </c:pt>
                <c:pt idx="2743">
                  <c:v>42229</c:v>
                </c:pt>
                <c:pt idx="2744">
                  <c:v>42230</c:v>
                </c:pt>
                <c:pt idx="2745">
                  <c:v>42233</c:v>
                </c:pt>
                <c:pt idx="2746">
                  <c:v>42234</c:v>
                </c:pt>
                <c:pt idx="2747">
                  <c:v>42235</c:v>
                </c:pt>
                <c:pt idx="2748">
                  <c:v>42236</c:v>
                </c:pt>
                <c:pt idx="2749">
                  <c:v>42237</c:v>
                </c:pt>
                <c:pt idx="2750">
                  <c:v>42240</c:v>
                </c:pt>
                <c:pt idx="2751">
                  <c:v>42241</c:v>
                </c:pt>
                <c:pt idx="2752">
                  <c:v>42242</c:v>
                </c:pt>
                <c:pt idx="2753">
                  <c:v>42243</c:v>
                </c:pt>
                <c:pt idx="2754">
                  <c:v>42244</c:v>
                </c:pt>
                <c:pt idx="2755">
                  <c:v>42247</c:v>
                </c:pt>
                <c:pt idx="2756">
                  <c:v>42248</c:v>
                </c:pt>
                <c:pt idx="2757">
                  <c:v>42249</c:v>
                </c:pt>
                <c:pt idx="2758">
                  <c:v>42250</c:v>
                </c:pt>
                <c:pt idx="2759">
                  <c:v>42251</c:v>
                </c:pt>
                <c:pt idx="2760">
                  <c:v>42255</c:v>
                </c:pt>
                <c:pt idx="2761">
                  <c:v>42256</c:v>
                </c:pt>
                <c:pt idx="2762">
                  <c:v>42257</c:v>
                </c:pt>
                <c:pt idx="2763">
                  <c:v>42258</c:v>
                </c:pt>
                <c:pt idx="2764">
                  <c:v>42261</c:v>
                </c:pt>
                <c:pt idx="2765">
                  <c:v>42262</c:v>
                </c:pt>
                <c:pt idx="2766">
                  <c:v>42263</c:v>
                </c:pt>
                <c:pt idx="2767">
                  <c:v>42264</c:v>
                </c:pt>
                <c:pt idx="2768">
                  <c:v>42265</c:v>
                </c:pt>
                <c:pt idx="2769">
                  <c:v>42268</c:v>
                </c:pt>
                <c:pt idx="2770">
                  <c:v>42269</c:v>
                </c:pt>
                <c:pt idx="2771">
                  <c:v>42270</c:v>
                </c:pt>
                <c:pt idx="2772">
                  <c:v>42271</c:v>
                </c:pt>
                <c:pt idx="2773">
                  <c:v>42272</c:v>
                </c:pt>
                <c:pt idx="2774">
                  <c:v>42275</c:v>
                </c:pt>
                <c:pt idx="2775">
                  <c:v>42276</c:v>
                </c:pt>
                <c:pt idx="2776">
                  <c:v>42277</c:v>
                </c:pt>
                <c:pt idx="2777">
                  <c:v>42278</c:v>
                </c:pt>
                <c:pt idx="2778">
                  <c:v>42279</c:v>
                </c:pt>
                <c:pt idx="2779">
                  <c:v>42282</c:v>
                </c:pt>
                <c:pt idx="2780">
                  <c:v>42283</c:v>
                </c:pt>
                <c:pt idx="2781">
                  <c:v>42284</c:v>
                </c:pt>
                <c:pt idx="2782">
                  <c:v>42285</c:v>
                </c:pt>
                <c:pt idx="2783">
                  <c:v>42286</c:v>
                </c:pt>
                <c:pt idx="2784">
                  <c:v>42290</c:v>
                </c:pt>
                <c:pt idx="2785">
                  <c:v>42291</c:v>
                </c:pt>
                <c:pt idx="2786">
                  <c:v>42292</c:v>
                </c:pt>
                <c:pt idx="2787">
                  <c:v>42293</c:v>
                </c:pt>
                <c:pt idx="2788">
                  <c:v>42296</c:v>
                </c:pt>
                <c:pt idx="2789">
                  <c:v>42297</c:v>
                </c:pt>
                <c:pt idx="2790">
                  <c:v>42298</c:v>
                </c:pt>
                <c:pt idx="2791">
                  <c:v>42299</c:v>
                </c:pt>
                <c:pt idx="2792">
                  <c:v>42300</c:v>
                </c:pt>
                <c:pt idx="2793">
                  <c:v>42303</c:v>
                </c:pt>
                <c:pt idx="2794">
                  <c:v>42304</c:v>
                </c:pt>
                <c:pt idx="2795">
                  <c:v>42305</c:v>
                </c:pt>
                <c:pt idx="2796">
                  <c:v>42306</c:v>
                </c:pt>
                <c:pt idx="2797">
                  <c:v>42307</c:v>
                </c:pt>
                <c:pt idx="2798">
                  <c:v>42311</c:v>
                </c:pt>
                <c:pt idx="2799">
                  <c:v>42312</c:v>
                </c:pt>
                <c:pt idx="2800">
                  <c:v>42313</c:v>
                </c:pt>
                <c:pt idx="2801">
                  <c:v>42314</c:v>
                </c:pt>
                <c:pt idx="2802">
                  <c:v>42317</c:v>
                </c:pt>
                <c:pt idx="2803">
                  <c:v>42318</c:v>
                </c:pt>
                <c:pt idx="2804">
                  <c:v>42319</c:v>
                </c:pt>
                <c:pt idx="2805">
                  <c:v>42320</c:v>
                </c:pt>
                <c:pt idx="2806">
                  <c:v>42321</c:v>
                </c:pt>
                <c:pt idx="2807">
                  <c:v>42324</c:v>
                </c:pt>
                <c:pt idx="2808">
                  <c:v>42325</c:v>
                </c:pt>
                <c:pt idx="2809">
                  <c:v>42326</c:v>
                </c:pt>
                <c:pt idx="2810">
                  <c:v>42327</c:v>
                </c:pt>
                <c:pt idx="2811">
                  <c:v>42328</c:v>
                </c:pt>
                <c:pt idx="2812">
                  <c:v>42331</c:v>
                </c:pt>
                <c:pt idx="2813">
                  <c:v>42332</c:v>
                </c:pt>
                <c:pt idx="2814">
                  <c:v>42333</c:v>
                </c:pt>
                <c:pt idx="2815">
                  <c:v>42334</c:v>
                </c:pt>
                <c:pt idx="2816">
                  <c:v>42335</c:v>
                </c:pt>
                <c:pt idx="2817">
                  <c:v>42338</c:v>
                </c:pt>
                <c:pt idx="2818">
                  <c:v>42339</c:v>
                </c:pt>
                <c:pt idx="2819">
                  <c:v>42340</c:v>
                </c:pt>
                <c:pt idx="2820">
                  <c:v>42341</c:v>
                </c:pt>
                <c:pt idx="2821">
                  <c:v>42342</c:v>
                </c:pt>
                <c:pt idx="2822">
                  <c:v>42345</c:v>
                </c:pt>
                <c:pt idx="2823">
                  <c:v>42346</c:v>
                </c:pt>
                <c:pt idx="2824">
                  <c:v>42347</c:v>
                </c:pt>
                <c:pt idx="2825">
                  <c:v>42348</c:v>
                </c:pt>
                <c:pt idx="2826">
                  <c:v>42349</c:v>
                </c:pt>
                <c:pt idx="2827">
                  <c:v>42352</c:v>
                </c:pt>
                <c:pt idx="2828">
                  <c:v>42353</c:v>
                </c:pt>
                <c:pt idx="2829">
                  <c:v>42354</c:v>
                </c:pt>
                <c:pt idx="2830">
                  <c:v>42355</c:v>
                </c:pt>
                <c:pt idx="2831">
                  <c:v>42356</c:v>
                </c:pt>
                <c:pt idx="2832">
                  <c:v>42359</c:v>
                </c:pt>
                <c:pt idx="2833">
                  <c:v>42360</c:v>
                </c:pt>
                <c:pt idx="2834">
                  <c:v>42361</c:v>
                </c:pt>
                <c:pt idx="2835">
                  <c:v>42362</c:v>
                </c:pt>
                <c:pt idx="2836">
                  <c:v>42366</c:v>
                </c:pt>
                <c:pt idx="2837">
                  <c:v>42367</c:v>
                </c:pt>
                <c:pt idx="2838">
                  <c:v>42368</c:v>
                </c:pt>
                <c:pt idx="2839">
                  <c:v>42369</c:v>
                </c:pt>
                <c:pt idx="2840">
                  <c:v>42373</c:v>
                </c:pt>
                <c:pt idx="2841">
                  <c:v>42374</c:v>
                </c:pt>
                <c:pt idx="2842">
                  <c:v>42375</c:v>
                </c:pt>
                <c:pt idx="2843">
                  <c:v>42376</c:v>
                </c:pt>
                <c:pt idx="2844">
                  <c:v>42377</c:v>
                </c:pt>
                <c:pt idx="2845">
                  <c:v>42380</c:v>
                </c:pt>
                <c:pt idx="2846">
                  <c:v>42381</c:v>
                </c:pt>
                <c:pt idx="2847">
                  <c:v>42382</c:v>
                </c:pt>
                <c:pt idx="2848">
                  <c:v>42383</c:v>
                </c:pt>
                <c:pt idx="2849">
                  <c:v>42384</c:v>
                </c:pt>
                <c:pt idx="2850">
                  <c:v>42387</c:v>
                </c:pt>
                <c:pt idx="2851">
                  <c:v>42388</c:v>
                </c:pt>
                <c:pt idx="2852">
                  <c:v>42389</c:v>
                </c:pt>
                <c:pt idx="2853">
                  <c:v>42390</c:v>
                </c:pt>
                <c:pt idx="2854">
                  <c:v>42391</c:v>
                </c:pt>
                <c:pt idx="2855">
                  <c:v>42394</c:v>
                </c:pt>
                <c:pt idx="2856">
                  <c:v>42395</c:v>
                </c:pt>
                <c:pt idx="2857">
                  <c:v>42396</c:v>
                </c:pt>
                <c:pt idx="2858">
                  <c:v>42397</c:v>
                </c:pt>
                <c:pt idx="2859">
                  <c:v>42398</c:v>
                </c:pt>
                <c:pt idx="2860">
                  <c:v>42401</c:v>
                </c:pt>
                <c:pt idx="2861">
                  <c:v>42402</c:v>
                </c:pt>
                <c:pt idx="2862">
                  <c:v>42403</c:v>
                </c:pt>
                <c:pt idx="2863">
                  <c:v>42404</c:v>
                </c:pt>
                <c:pt idx="2864">
                  <c:v>42405</c:v>
                </c:pt>
                <c:pt idx="2865">
                  <c:v>42410</c:v>
                </c:pt>
                <c:pt idx="2866">
                  <c:v>42411</c:v>
                </c:pt>
                <c:pt idx="2867">
                  <c:v>42412</c:v>
                </c:pt>
                <c:pt idx="2868">
                  <c:v>42415</c:v>
                </c:pt>
                <c:pt idx="2869">
                  <c:v>42416</c:v>
                </c:pt>
                <c:pt idx="2870">
                  <c:v>42417</c:v>
                </c:pt>
                <c:pt idx="2871">
                  <c:v>42418</c:v>
                </c:pt>
                <c:pt idx="2872">
                  <c:v>42419</c:v>
                </c:pt>
                <c:pt idx="2873">
                  <c:v>42422</c:v>
                </c:pt>
                <c:pt idx="2874">
                  <c:v>42423</c:v>
                </c:pt>
                <c:pt idx="2875">
                  <c:v>42424</c:v>
                </c:pt>
                <c:pt idx="2876">
                  <c:v>42425</c:v>
                </c:pt>
                <c:pt idx="2877">
                  <c:v>42426</c:v>
                </c:pt>
                <c:pt idx="2878">
                  <c:v>42429</c:v>
                </c:pt>
                <c:pt idx="2879">
                  <c:v>42430</c:v>
                </c:pt>
                <c:pt idx="2880">
                  <c:v>42431</c:v>
                </c:pt>
                <c:pt idx="2881">
                  <c:v>42432</c:v>
                </c:pt>
                <c:pt idx="2882">
                  <c:v>42433</c:v>
                </c:pt>
                <c:pt idx="2883">
                  <c:v>42436</c:v>
                </c:pt>
                <c:pt idx="2884">
                  <c:v>42437</c:v>
                </c:pt>
                <c:pt idx="2885">
                  <c:v>42438</c:v>
                </c:pt>
                <c:pt idx="2886">
                  <c:v>42439</c:v>
                </c:pt>
                <c:pt idx="2887">
                  <c:v>42440</c:v>
                </c:pt>
                <c:pt idx="2888">
                  <c:v>42443</c:v>
                </c:pt>
                <c:pt idx="2889">
                  <c:v>42444</c:v>
                </c:pt>
                <c:pt idx="2890">
                  <c:v>42445</c:v>
                </c:pt>
                <c:pt idx="2891">
                  <c:v>42446</c:v>
                </c:pt>
                <c:pt idx="2892">
                  <c:v>42447</c:v>
                </c:pt>
                <c:pt idx="2893">
                  <c:v>42450</c:v>
                </c:pt>
                <c:pt idx="2894">
                  <c:v>42451</c:v>
                </c:pt>
                <c:pt idx="2895">
                  <c:v>42452</c:v>
                </c:pt>
                <c:pt idx="2896">
                  <c:v>42453</c:v>
                </c:pt>
                <c:pt idx="2897">
                  <c:v>42457</c:v>
                </c:pt>
                <c:pt idx="2898">
                  <c:v>42458</c:v>
                </c:pt>
                <c:pt idx="2899">
                  <c:v>42459</c:v>
                </c:pt>
                <c:pt idx="2900">
                  <c:v>42460</c:v>
                </c:pt>
                <c:pt idx="2901">
                  <c:v>42461</c:v>
                </c:pt>
                <c:pt idx="2902">
                  <c:v>42464</c:v>
                </c:pt>
                <c:pt idx="2903">
                  <c:v>42465</c:v>
                </c:pt>
                <c:pt idx="2904">
                  <c:v>42466</c:v>
                </c:pt>
                <c:pt idx="2905">
                  <c:v>42467</c:v>
                </c:pt>
                <c:pt idx="2906">
                  <c:v>42468</c:v>
                </c:pt>
                <c:pt idx="2907">
                  <c:v>42471</c:v>
                </c:pt>
                <c:pt idx="2908">
                  <c:v>42472</c:v>
                </c:pt>
                <c:pt idx="2909">
                  <c:v>42473</c:v>
                </c:pt>
                <c:pt idx="2910">
                  <c:v>42474</c:v>
                </c:pt>
                <c:pt idx="2911">
                  <c:v>42475</c:v>
                </c:pt>
                <c:pt idx="2912">
                  <c:v>42478</c:v>
                </c:pt>
                <c:pt idx="2913">
                  <c:v>42479</c:v>
                </c:pt>
                <c:pt idx="2914">
                  <c:v>42480</c:v>
                </c:pt>
                <c:pt idx="2915">
                  <c:v>42482</c:v>
                </c:pt>
                <c:pt idx="2916">
                  <c:v>42485</c:v>
                </c:pt>
                <c:pt idx="2917">
                  <c:v>42486</c:v>
                </c:pt>
                <c:pt idx="2918">
                  <c:v>42487</c:v>
                </c:pt>
                <c:pt idx="2919">
                  <c:v>42488</c:v>
                </c:pt>
                <c:pt idx="2920">
                  <c:v>42489</c:v>
                </c:pt>
                <c:pt idx="2921">
                  <c:v>42492</c:v>
                </c:pt>
                <c:pt idx="2922">
                  <c:v>42493</c:v>
                </c:pt>
                <c:pt idx="2923">
                  <c:v>42494</c:v>
                </c:pt>
                <c:pt idx="2924">
                  <c:v>42495</c:v>
                </c:pt>
                <c:pt idx="2925">
                  <c:v>42496</c:v>
                </c:pt>
                <c:pt idx="2926">
                  <c:v>42499</c:v>
                </c:pt>
                <c:pt idx="2927">
                  <c:v>42500</c:v>
                </c:pt>
                <c:pt idx="2928">
                  <c:v>42501</c:v>
                </c:pt>
                <c:pt idx="2929">
                  <c:v>42502</c:v>
                </c:pt>
                <c:pt idx="2930">
                  <c:v>42503</c:v>
                </c:pt>
                <c:pt idx="2931">
                  <c:v>42506</c:v>
                </c:pt>
                <c:pt idx="2932">
                  <c:v>42507</c:v>
                </c:pt>
                <c:pt idx="2933">
                  <c:v>42508</c:v>
                </c:pt>
                <c:pt idx="2934">
                  <c:v>42509</c:v>
                </c:pt>
                <c:pt idx="2935">
                  <c:v>42510</c:v>
                </c:pt>
                <c:pt idx="2936">
                  <c:v>42513</c:v>
                </c:pt>
                <c:pt idx="2937">
                  <c:v>42514</c:v>
                </c:pt>
                <c:pt idx="2938">
                  <c:v>42515</c:v>
                </c:pt>
                <c:pt idx="2939">
                  <c:v>42517</c:v>
                </c:pt>
                <c:pt idx="2940">
                  <c:v>42520</c:v>
                </c:pt>
                <c:pt idx="2941">
                  <c:v>42521</c:v>
                </c:pt>
                <c:pt idx="2942">
                  <c:v>42522</c:v>
                </c:pt>
                <c:pt idx="2943">
                  <c:v>42523</c:v>
                </c:pt>
                <c:pt idx="2944">
                  <c:v>42524</c:v>
                </c:pt>
                <c:pt idx="2945">
                  <c:v>42527</c:v>
                </c:pt>
                <c:pt idx="2946">
                  <c:v>42528</c:v>
                </c:pt>
                <c:pt idx="2947">
                  <c:v>42529</c:v>
                </c:pt>
                <c:pt idx="2948">
                  <c:v>42530</c:v>
                </c:pt>
                <c:pt idx="2949">
                  <c:v>42531</c:v>
                </c:pt>
                <c:pt idx="2950">
                  <c:v>42534</c:v>
                </c:pt>
                <c:pt idx="2951">
                  <c:v>42535</c:v>
                </c:pt>
                <c:pt idx="2952">
                  <c:v>42536</c:v>
                </c:pt>
                <c:pt idx="2953">
                  <c:v>42537</c:v>
                </c:pt>
                <c:pt idx="2954">
                  <c:v>42538</c:v>
                </c:pt>
                <c:pt idx="2955">
                  <c:v>42541</c:v>
                </c:pt>
                <c:pt idx="2956">
                  <c:v>42542</c:v>
                </c:pt>
                <c:pt idx="2957">
                  <c:v>42543</c:v>
                </c:pt>
                <c:pt idx="2958">
                  <c:v>42544</c:v>
                </c:pt>
                <c:pt idx="2959">
                  <c:v>42545</c:v>
                </c:pt>
                <c:pt idx="2960">
                  <c:v>42548</c:v>
                </c:pt>
                <c:pt idx="2961">
                  <c:v>42549</c:v>
                </c:pt>
                <c:pt idx="2962">
                  <c:v>42550</c:v>
                </c:pt>
                <c:pt idx="2963">
                  <c:v>42551</c:v>
                </c:pt>
                <c:pt idx="2964">
                  <c:v>42552</c:v>
                </c:pt>
                <c:pt idx="2965">
                  <c:v>42555</c:v>
                </c:pt>
                <c:pt idx="2966">
                  <c:v>42556</c:v>
                </c:pt>
                <c:pt idx="2967">
                  <c:v>42557</c:v>
                </c:pt>
                <c:pt idx="2968">
                  <c:v>42558</c:v>
                </c:pt>
                <c:pt idx="2969">
                  <c:v>42559</c:v>
                </c:pt>
                <c:pt idx="2970">
                  <c:v>42562</c:v>
                </c:pt>
                <c:pt idx="2971">
                  <c:v>42563</c:v>
                </c:pt>
                <c:pt idx="2972">
                  <c:v>42564</c:v>
                </c:pt>
                <c:pt idx="2973">
                  <c:v>42565</c:v>
                </c:pt>
                <c:pt idx="2974">
                  <c:v>42566</c:v>
                </c:pt>
                <c:pt idx="2975">
                  <c:v>42569</c:v>
                </c:pt>
                <c:pt idx="2976">
                  <c:v>42570</c:v>
                </c:pt>
                <c:pt idx="2977">
                  <c:v>42571</c:v>
                </c:pt>
                <c:pt idx="2978">
                  <c:v>42572</c:v>
                </c:pt>
                <c:pt idx="2979">
                  <c:v>42573</c:v>
                </c:pt>
                <c:pt idx="2980">
                  <c:v>42576</c:v>
                </c:pt>
                <c:pt idx="2981">
                  <c:v>42577</c:v>
                </c:pt>
                <c:pt idx="2982">
                  <c:v>42578</c:v>
                </c:pt>
                <c:pt idx="2983">
                  <c:v>42579</c:v>
                </c:pt>
                <c:pt idx="2984">
                  <c:v>42580</c:v>
                </c:pt>
                <c:pt idx="2985">
                  <c:v>42583</c:v>
                </c:pt>
                <c:pt idx="2986">
                  <c:v>42584</c:v>
                </c:pt>
                <c:pt idx="2987">
                  <c:v>42585</c:v>
                </c:pt>
                <c:pt idx="2988">
                  <c:v>42586</c:v>
                </c:pt>
                <c:pt idx="2989">
                  <c:v>42587</c:v>
                </c:pt>
                <c:pt idx="2990">
                  <c:v>42590</c:v>
                </c:pt>
                <c:pt idx="2991">
                  <c:v>42591</c:v>
                </c:pt>
                <c:pt idx="2992">
                  <c:v>42592</c:v>
                </c:pt>
                <c:pt idx="2993">
                  <c:v>42593</c:v>
                </c:pt>
                <c:pt idx="2994">
                  <c:v>42594</c:v>
                </c:pt>
                <c:pt idx="2995">
                  <c:v>42597</c:v>
                </c:pt>
                <c:pt idx="2996">
                  <c:v>42598</c:v>
                </c:pt>
                <c:pt idx="2997">
                  <c:v>42599</c:v>
                </c:pt>
                <c:pt idx="2998">
                  <c:v>42600</c:v>
                </c:pt>
                <c:pt idx="2999">
                  <c:v>42601</c:v>
                </c:pt>
                <c:pt idx="3000">
                  <c:v>42604</c:v>
                </c:pt>
                <c:pt idx="3001">
                  <c:v>42605</c:v>
                </c:pt>
                <c:pt idx="3002">
                  <c:v>42606</c:v>
                </c:pt>
                <c:pt idx="3003">
                  <c:v>42607</c:v>
                </c:pt>
                <c:pt idx="3004">
                  <c:v>42608</c:v>
                </c:pt>
                <c:pt idx="3005">
                  <c:v>42611</c:v>
                </c:pt>
                <c:pt idx="3006">
                  <c:v>42612</c:v>
                </c:pt>
                <c:pt idx="3007">
                  <c:v>42613</c:v>
                </c:pt>
                <c:pt idx="3008">
                  <c:v>42614</c:v>
                </c:pt>
                <c:pt idx="3009">
                  <c:v>42615</c:v>
                </c:pt>
                <c:pt idx="3010">
                  <c:v>42618</c:v>
                </c:pt>
                <c:pt idx="3011">
                  <c:v>42619</c:v>
                </c:pt>
                <c:pt idx="3012">
                  <c:v>42621</c:v>
                </c:pt>
                <c:pt idx="3013">
                  <c:v>42622</c:v>
                </c:pt>
                <c:pt idx="3014">
                  <c:v>42625</c:v>
                </c:pt>
                <c:pt idx="3015">
                  <c:v>42626</c:v>
                </c:pt>
                <c:pt idx="3016">
                  <c:v>42627</c:v>
                </c:pt>
                <c:pt idx="3017">
                  <c:v>42628</c:v>
                </c:pt>
                <c:pt idx="3018">
                  <c:v>42629</c:v>
                </c:pt>
                <c:pt idx="3019">
                  <c:v>42632</c:v>
                </c:pt>
                <c:pt idx="3020">
                  <c:v>42633</c:v>
                </c:pt>
                <c:pt idx="3021">
                  <c:v>42634</c:v>
                </c:pt>
                <c:pt idx="3022">
                  <c:v>42635</c:v>
                </c:pt>
                <c:pt idx="3023">
                  <c:v>42636</c:v>
                </c:pt>
                <c:pt idx="3024">
                  <c:v>42639</c:v>
                </c:pt>
                <c:pt idx="3025">
                  <c:v>42640</c:v>
                </c:pt>
                <c:pt idx="3026">
                  <c:v>42641</c:v>
                </c:pt>
                <c:pt idx="3027">
                  <c:v>42642</c:v>
                </c:pt>
                <c:pt idx="3028">
                  <c:v>42643</c:v>
                </c:pt>
                <c:pt idx="3029">
                  <c:v>42646</c:v>
                </c:pt>
                <c:pt idx="3030">
                  <c:v>42647</c:v>
                </c:pt>
                <c:pt idx="3031">
                  <c:v>42648</c:v>
                </c:pt>
                <c:pt idx="3032">
                  <c:v>42649</c:v>
                </c:pt>
                <c:pt idx="3033">
                  <c:v>42650</c:v>
                </c:pt>
                <c:pt idx="3034">
                  <c:v>42653</c:v>
                </c:pt>
                <c:pt idx="3035">
                  <c:v>42654</c:v>
                </c:pt>
                <c:pt idx="3036">
                  <c:v>42656</c:v>
                </c:pt>
                <c:pt idx="3037">
                  <c:v>42657</c:v>
                </c:pt>
                <c:pt idx="3038">
                  <c:v>42660</c:v>
                </c:pt>
                <c:pt idx="3039">
                  <c:v>42661</c:v>
                </c:pt>
                <c:pt idx="3040">
                  <c:v>42662</c:v>
                </c:pt>
                <c:pt idx="3041">
                  <c:v>42663</c:v>
                </c:pt>
                <c:pt idx="3042">
                  <c:v>42664</c:v>
                </c:pt>
                <c:pt idx="3043">
                  <c:v>42667</c:v>
                </c:pt>
                <c:pt idx="3044">
                  <c:v>42668</c:v>
                </c:pt>
                <c:pt idx="3045">
                  <c:v>42669</c:v>
                </c:pt>
                <c:pt idx="3046">
                  <c:v>42670</c:v>
                </c:pt>
                <c:pt idx="3047">
                  <c:v>42671</c:v>
                </c:pt>
                <c:pt idx="3048">
                  <c:v>42674</c:v>
                </c:pt>
                <c:pt idx="3049">
                  <c:v>42675</c:v>
                </c:pt>
                <c:pt idx="3050">
                  <c:v>42677</c:v>
                </c:pt>
                <c:pt idx="3051">
                  <c:v>42678</c:v>
                </c:pt>
                <c:pt idx="3052">
                  <c:v>42681</c:v>
                </c:pt>
                <c:pt idx="3053">
                  <c:v>42682</c:v>
                </c:pt>
                <c:pt idx="3054">
                  <c:v>42683</c:v>
                </c:pt>
                <c:pt idx="3055">
                  <c:v>42684</c:v>
                </c:pt>
                <c:pt idx="3056">
                  <c:v>42685</c:v>
                </c:pt>
                <c:pt idx="3057">
                  <c:v>42688</c:v>
                </c:pt>
                <c:pt idx="3058">
                  <c:v>42690</c:v>
                </c:pt>
                <c:pt idx="3059">
                  <c:v>42691</c:v>
                </c:pt>
                <c:pt idx="3060">
                  <c:v>42692</c:v>
                </c:pt>
                <c:pt idx="3061">
                  <c:v>42695</c:v>
                </c:pt>
                <c:pt idx="3062">
                  <c:v>42696</c:v>
                </c:pt>
                <c:pt idx="3063">
                  <c:v>42697</c:v>
                </c:pt>
                <c:pt idx="3064">
                  <c:v>42698</c:v>
                </c:pt>
                <c:pt idx="3065">
                  <c:v>42699</c:v>
                </c:pt>
                <c:pt idx="3066">
                  <c:v>42702</c:v>
                </c:pt>
                <c:pt idx="3067">
                  <c:v>42703</c:v>
                </c:pt>
                <c:pt idx="3068">
                  <c:v>42704</c:v>
                </c:pt>
                <c:pt idx="3069">
                  <c:v>42705</c:v>
                </c:pt>
                <c:pt idx="3070">
                  <c:v>42706</c:v>
                </c:pt>
                <c:pt idx="3071">
                  <c:v>42709</c:v>
                </c:pt>
                <c:pt idx="3072">
                  <c:v>42710</c:v>
                </c:pt>
                <c:pt idx="3073">
                  <c:v>42711</c:v>
                </c:pt>
                <c:pt idx="3074">
                  <c:v>42712</c:v>
                </c:pt>
                <c:pt idx="3075">
                  <c:v>42713</c:v>
                </c:pt>
                <c:pt idx="3076">
                  <c:v>42716</c:v>
                </c:pt>
                <c:pt idx="3077">
                  <c:v>42717</c:v>
                </c:pt>
                <c:pt idx="3078">
                  <c:v>42718</c:v>
                </c:pt>
                <c:pt idx="3079">
                  <c:v>42719</c:v>
                </c:pt>
                <c:pt idx="3080">
                  <c:v>42720</c:v>
                </c:pt>
                <c:pt idx="3081">
                  <c:v>42723</c:v>
                </c:pt>
                <c:pt idx="3082">
                  <c:v>42724</c:v>
                </c:pt>
                <c:pt idx="3083">
                  <c:v>42725</c:v>
                </c:pt>
                <c:pt idx="3084">
                  <c:v>42726</c:v>
                </c:pt>
                <c:pt idx="3085">
                  <c:v>42727</c:v>
                </c:pt>
                <c:pt idx="3086">
                  <c:v>42730</c:v>
                </c:pt>
                <c:pt idx="3087">
                  <c:v>42731</c:v>
                </c:pt>
                <c:pt idx="3088">
                  <c:v>42732</c:v>
                </c:pt>
                <c:pt idx="3089">
                  <c:v>42733</c:v>
                </c:pt>
                <c:pt idx="3090">
                  <c:v>42734</c:v>
                </c:pt>
                <c:pt idx="3091">
                  <c:v>42737</c:v>
                </c:pt>
                <c:pt idx="3092">
                  <c:v>42738</c:v>
                </c:pt>
                <c:pt idx="3093">
                  <c:v>42739</c:v>
                </c:pt>
                <c:pt idx="3094">
                  <c:v>42740</c:v>
                </c:pt>
                <c:pt idx="3095">
                  <c:v>42741</c:v>
                </c:pt>
                <c:pt idx="3096">
                  <c:v>42744</c:v>
                </c:pt>
                <c:pt idx="3097">
                  <c:v>42745</c:v>
                </c:pt>
                <c:pt idx="3098">
                  <c:v>42746</c:v>
                </c:pt>
                <c:pt idx="3099">
                  <c:v>42747</c:v>
                </c:pt>
                <c:pt idx="3100">
                  <c:v>42748</c:v>
                </c:pt>
                <c:pt idx="3101">
                  <c:v>42751</c:v>
                </c:pt>
                <c:pt idx="3102">
                  <c:v>42752</c:v>
                </c:pt>
                <c:pt idx="3103">
                  <c:v>42753</c:v>
                </c:pt>
                <c:pt idx="3104">
                  <c:v>42754</c:v>
                </c:pt>
                <c:pt idx="3105">
                  <c:v>42755</c:v>
                </c:pt>
                <c:pt idx="3106">
                  <c:v>42758</c:v>
                </c:pt>
                <c:pt idx="3107">
                  <c:v>42759</c:v>
                </c:pt>
                <c:pt idx="3108">
                  <c:v>42760</c:v>
                </c:pt>
                <c:pt idx="3109">
                  <c:v>42761</c:v>
                </c:pt>
                <c:pt idx="3110">
                  <c:v>42762</c:v>
                </c:pt>
                <c:pt idx="3111">
                  <c:v>42765</c:v>
                </c:pt>
                <c:pt idx="3112">
                  <c:v>42766</c:v>
                </c:pt>
                <c:pt idx="3113">
                  <c:v>42767</c:v>
                </c:pt>
                <c:pt idx="3114">
                  <c:v>42768</c:v>
                </c:pt>
                <c:pt idx="3115">
                  <c:v>42769</c:v>
                </c:pt>
                <c:pt idx="3116">
                  <c:v>42772</c:v>
                </c:pt>
                <c:pt idx="3117">
                  <c:v>42773</c:v>
                </c:pt>
                <c:pt idx="3118">
                  <c:v>42774</c:v>
                </c:pt>
                <c:pt idx="3119">
                  <c:v>42775</c:v>
                </c:pt>
                <c:pt idx="3120">
                  <c:v>42776</c:v>
                </c:pt>
                <c:pt idx="3121">
                  <c:v>42779</c:v>
                </c:pt>
                <c:pt idx="3122">
                  <c:v>42780</c:v>
                </c:pt>
                <c:pt idx="3123">
                  <c:v>42781</c:v>
                </c:pt>
                <c:pt idx="3124">
                  <c:v>42782</c:v>
                </c:pt>
                <c:pt idx="3125">
                  <c:v>42783</c:v>
                </c:pt>
                <c:pt idx="3126">
                  <c:v>42786</c:v>
                </c:pt>
                <c:pt idx="3127">
                  <c:v>42787</c:v>
                </c:pt>
                <c:pt idx="3128">
                  <c:v>42788</c:v>
                </c:pt>
                <c:pt idx="3129">
                  <c:v>42789</c:v>
                </c:pt>
                <c:pt idx="3130">
                  <c:v>42790</c:v>
                </c:pt>
                <c:pt idx="3131">
                  <c:v>42795</c:v>
                </c:pt>
                <c:pt idx="3132">
                  <c:v>42796</c:v>
                </c:pt>
                <c:pt idx="3133">
                  <c:v>42797</c:v>
                </c:pt>
                <c:pt idx="3134">
                  <c:v>42800</c:v>
                </c:pt>
                <c:pt idx="3135">
                  <c:v>42801</c:v>
                </c:pt>
                <c:pt idx="3136">
                  <c:v>42802</c:v>
                </c:pt>
                <c:pt idx="3137">
                  <c:v>42803</c:v>
                </c:pt>
                <c:pt idx="3138">
                  <c:v>42804</c:v>
                </c:pt>
                <c:pt idx="3139">
                  <c:v>42807</c:v>
                </c:pt>
                <c:pt idx="3140">
                  <c:v>42808</c:v>
                </c:pt>
                <c:pt idx="3141">
                  <c:v>42809</c:v>
                </c:pt>
                <c:pt idx="3142">
                  <c:v>42810</c:v>
                </c:pt>
                <c:pt idx="3143">
                  <c:v>42811</c:v>
                </c:pt>
                <c:pt idx="3144">
                  <c:v>42814</c:v>
                </c:pt>
                <c:pt idx="3145">
                  <c:v>42815</c:v>
                </c:pt>
                <c:pt idx="3146">
                  <c:v>42816</c:v>
                </c:pt>
                <c:pt idx="3147">
                  <c:v>42817</c:v>
                </c:pt>
                <c:pt idx="3148">
                  <c:v>42818</c:v>
                </c:pt>
                <c:pt idx="3149">
                  <c:v>42821</c:v>
                </c:pt>
                <c:pt idx="3150">
                  <c:v>42822</c:v>
                </c:pt>
                <c:pt idx="3151">
                  <c:v>42823</c:v>
                </c:pt>
                <c:pt idx="3152">
                  <c:v>42824</c:v>
                </c:pt>
                <c:pt idx="3153">
                  <c:v>42825</c:v>
                </c:pt>
                <c:pt idx="3154">
                  <c:v>42828</c:v>
                </c:pt>
                <c:pt idx="3155">
                  <c:v>42829</c:v>
                </c:pt>
                <c:pt idx="3156">
                  <c:v>42830</c:v>
                </c:pt>
                <c:pt idx="3157">
                  <c:v>42831</c:v>
                </c:pt>
                <c:pt idx="3158">
                  <c:v>42832</c:v>
                </c:pt>
                <c:pt idx="3159">
                  <c:v>42835</c:v>
                </c:pt>
                <c:pt idx="3160">
                  <c:v>42836</c:v>
                </c:pt>
                <c:pt idx="3161">
                  <c:v>42837</c:v>
                </c:pt>
                <c:pt idx="3162">
                  <c:v>42838</c:v>
                </c:pt>
                <c:pt idx="3163">
                  <c:v>42842</c:v>
                </c:pt>
                <c:pt idx="3164">
                  <c:v>42843</c:v>
                </c:pt>
                <c:pt idx="3165">
                  <c:v>42844</c:v>
                </c:pt>
                <c:pt idx="3166">
                  <c:v>42845</c:v>
                </c:pt>
                <c:pt idx="3167">
                  <c:v>42849</c:v>
                </c:pt>
                <c:pt idx="3168">
                  <c:v>42850</c:v>
                </c:pt>
                <c:pt idx="3169">
                  <c:v>42851</c:v>
                </c:pt>
                <c:pt idx="3170">
                  <c:v>42852</c:v>
                </c:pt>
                <c:pt idx="3171">
                  <c:v>42853</c:v>
                </c:pt>
                <c:pt idx="3172">
                  <c:v>42857</c:v>
                </c:pt>
                <c:pt idx="3173">
                  <c:v>42858</c:v>
                </c:pt>
                <c:pt idx="3174">
                  <c:v>42859</c:v>
                </c:pt>
                <c:pt idx="3175">
                  <c:v>42860</c:v>
                </c:pt>
                <c:pt idx="3176">
                  <c:v>42863</c:v>
                </c:pt>
                <c:pt idx="3177">
                  <c:v>42864</c:v>
                </c:pt>
                <c:pt idx="3178">
                  <c:v>42865</c:v>
                </c:pt>
                <c:pt idx="3179">
                  <c:v>42866</c:v>
                </c:pt>
                <c:pt idx="3180">
                  <c:v>42867</c:v>
                </c:pt>
                <c:pt idx="3181">
                  <c:v>42870</c:v>
                </c:pt>
                <c:pt idx="3182">
                  <c:v>42871</c:v>
                </c:pt>
                <c:pt idx="3183">
                  <c:v>42872</c:v>
                </c:pt>
                <c:pt idx="3184">
                  <c:v>42873</c:v>
                </c:pt>
                <c:pt idx="3185">
                  <c:v>42874</c:v>
                </c:pt>
                <c:pt idx="3186">
                  <c:v>42877</c:v>
                </c:pt>
                <c:pt idx="3187">
                  <c:v>42878</c:v>
                </c:pt>
                <c:pt idx="3188">
                  <c:v>42879</c:v>
                </c:pt>
                <c:pt idx="3189">
                  <c:v>42880</c:v>
                </c:pt>
                <c:pt idx="3190">
                  <c:v>42881</c:v>
                </c:pt>
                <c:pt idx="3191">
                  <c:v>42884</c:v>
                </c:pt>
                <c:pt idx="3192">
                  <c:v>42885</c:v>
                </c:pt>
                <c:pt idx="3193">
                  <c:v>42886</c:v>
                </c:pt>
                <c:pt idx="3194">
                  <c:v>42887</c:v>
                </c:pt>
                <c:pt idx="3195">
                  <c:v>42888</c:v>
                </c:pt>
                <c:pt idx="3196">
                  <c:v>42891</c:v>
                </c:pt>
                <c:pt idx="3197">
                  <c:v>42892</c:v>
                </c:pt>
                <c:pt idx="3198">
                  <c:v>42893</c:v>
                </c:pt>
                <c:pt idx="3199">
                  <c:v>42894</c:v>
                </c:pt>
                <c:pt idx="3200">
                  <c:v>42895</c:v>
                </c:pt>
                <c:pt idx="3201">
                  <c:v>42898</c:v>
                </c:pt>
                <c:pt idx="3202">
                  <c:v>42899</c:v>
                </c:pt>
                <c:pt idx="3203">
                  <c:v>42900</c:v>
                </c:pt>
                <c:pt idx="3204">
                  <c:v>42902</c:v>
                </c:pt>
                <c:pt idx="3205">
                  <c:v>42905</c:v>
                </c:pt>
                <c:pt idx="3206">
                  <c:v>42906</c:v>
                </c:pt>
                <c:pt idx="3207">
                  <c:v>42907</c:v>
                </c:pt>
                <c:pt idx="3208">
                  <c:v>42908</c:v>
                </c:pt>
                <c:pt idx="3209">
                  <c:v>42909</c:v>
                </c:pt>
                <c:pt idx="3210">
                  <c:v>42912</c:v>
                </c:pt>
                <c:pt idx="3211">
                  <c:v>42913</c:v>
                </c:pt>
                <c:pt idx="3212">
                  <c:v>42914</c:v>
                </c:pt>
                <c:pt idx="3213">
                  <c:v>42915</c:v>
                </c:pt>
                <c:pt idx="3214">
                  <c:v>42916</c:v>
                </c:pt>
                <c:pt idx="3215">
                  <c:v>42919</c:v>
                </c:pt>
                <c:pt idx="3216">
                  <c:v>42920</c:v>
                </c:pt>
                <c:pt idx="3217">
                  <c:v>42921</c:v>
                </c:pt>
                <c:pt idx="3218">
                  <c:v>42922</c:v>
                </c:pt>
                <c:pt idx="3219">
                  <c:v>42923</c:v>
                </c:pt>
                <c:pt idx="3220">
                  <c:v>42926</c:v>
                </c:pt>
                <c:pt idx="3221">
                  <c:v>42927</c:v>
                </c:pt>
                <c:pt idx="3222">
                  <c:v>42928</c:v>
                </c:pt>
                <c:pt idx="3223">
                  <c:v>42929</c:v>
                </c:pt>
                <c:pt idx="3224">
                  <c:v>42930</c:v>
                </c:pt>
                <c:pt idx="3225">
                  <c:v>42933</c:v>
                </c:pt>
                <c:pt idx="3226">
                  <c:v>42934</c:v>
                </c:pt>
                <c:pt idx="3227">
                  <c:v>42935</c:v>
                </c:pt>
                <c:pt idx="3228">
                  <c:v>42936</c:v>
                </c:pt>
                <c:pt idx="3229">
                  <c:v>42937</c:v>
                </c:pt>
                <c:pt idx="3230">
                  <c:v>42940</c:v>
                </c:pt>
                <c:pt idx="3231">
                  <c:v>42941</c:v>
                </c:pt>
                <c:pt idx="3232">
                  <c:v>42942</c:v>
                </c:pt>
                <c:pt idx="3233">
                  <c:v>42943</c:v>
                </c:pt>
                <c:pt idx="3234">
                  <c:v>42944</c:v>
                </c:pt>
                <c:pt idx="3235">
                  <c:v>42947</c:v>
                </c:pt>
                <c:pt idx="3236">
                  <c:v>42948</c:v>
                </c:pt>
                <c:pt idx="3237">
                  <c:v>42949</c:v>
                </c:pt>
                <c:pt idx="3238">
                  <c:v>42950</c:v>
                </c:pt>
                <c:pt idx="3239">
                  <c:v>42951</c:v>
                </c:pt>
                <c:pt idx="3240">
                  <c:v>42954</c:v>
                </c:pt>
                <c:pt idx="3241">
                  <c:v>42955</c:v>
                </c:pt>
                <c:pt idx="3242">
                  <c:v>42956</c:v>
                </c:pt>
                <c:pt idx="3243">
                  <c:v>42957</c:v>
                </c:pt>
                <c:pt idx="3244">
                  <c:v>42958</c:v>
                </c:pt>
                <c:pt idx="3245">
                  <c:v>42961</c:v>
                </c:pt>
                <c:pt idx="3246">
                  <c:v>42962</c:v>
                </c:pt>
                <c:pt idx="3247">
                  <c:v>42963</c:v>
                </c:pt>
                <c:pt idx="3248">
                  <c:v>42964</c:v>
                </c:pt>
                <c:pt idx="3249">
                  <c:v>42965</c:v>
                </c:pt>
                <c:pt idx="3250">
                  <c:v>42968</c:v>
                </c:pt>
                <c:pt idx="3251">
                  <c:v>42969</c:v>
                </c:pt>
                <c:pt idx="3252">
                  <c:v>42970</c:v>
                </c:pt>
                <c:pt idx="3253">
                  <c:v>42971</c:v>
                </c:pt>
                <c:pt idx="3254">
                  <c:v>42972</c:v>
                </c:pt>
                <c:pt idx="3255">
                  <c:v>42975</c:v>
                </c:pt>
                <c:pt idx="3256">
                  <c:v>42976</c:v>
                </c:pt>
                <c:pt idx="3257">
                  <c:v>42977</c:v>
                </c:pt>
                <c:pt idx="3258">
                  <c:v>42978</c:v>
                </c:pt>
                <c:pt idx="3259">
                  <c:v>42979</c:v>
                </c:pt>
                <c:pt idx="3260">
                  <c:v>42982</c:v>
                </c:pt>
                <c:pt idx="3261">
                  <c:v>42983</c:v>
                </c:pt>
                <c:pt idx="3262">
                  <c:v>42984</c:v>
                </c:pt>
                <c:pt idx="3263">
                  <c:v>42986</c:v>
                </c:pt>
                <c:pt idx="3264">
                  <c:v>42989</c:v>
                </c:pt>
                <c:pt idx="3265">
                  <c:v>42990</c:v>
                </c:pt>
                <c:pt idx="3266">
                  <c:v>42991</c:v>
                </c:pt>
                <c:pt idx="3267">
                  <c:v>42992</c:v>
                </c:pt>
                <c:pt idx="3268">
                  <c:v>42993</c:v>
                </c:pt>
                <c:pt idx="3269">
                  <c:v>42996</c:v>
                </c:pt>
                <c:pt idx="3270">
                  <c:v>42997</c:v>
                </c:pt>
                <c:pt idx="3271">
                  <c:v>42998</c:v>
                </c:pt>
                <c:pt idx="3272">
                  <c:v>42999</c:v>
                </c:pt>
                <c:pt idx="3273">
                  <c:v>43000</c:v>
                </c:pt>
                <c:pt idx="3274">
                  <c:v>43003</c:v>
                </c:pt>
                <c:pt idx="3275">
                  <c:v>43004</c:v>
                </c:pt>
                <c:pt idx="3276">
                  <c:v>43005</c:v>
                </c:pt>
                <c:pt idx="3277">
                  <c:v>43006</c:v>
                </c:pt>
                <c:pt idx="3278">
                  <c:v>43007</c:v>
                </c:pt>
                <c:pt idx="3279">
                  <c:v>43010</c:v>
                </c:pt>
                <c:pt idx="3280">
                  <c:v>43011</c:v>
                </c:pt>
                <c:pt idx="3281">
                  <c:v>43012</c:v>
                </c:pt>
                <c:pt idx="3282">
                  <c:v>43013</c:v>
                </c:pt>
                <c:pt idx="3283">
                  <c:v>43014</c:v>
                </c:pt>
                <c:pt idx="3284">
                  <c:v>43017</c:v>
                </c:pt>
                <c:pt idx="3285">
                  <c:v>43018</c:v>
                </c:pt>
                <c:pt idx="3286">
                  <c:v>43019</c:v>
                </c:pt>
                <c:pt idx="3287">
                  <c:v>43021</c:v>
                </c:pt>
                <c:pt idx="3288">
                  <c:v>43024</c:v>
                </c:pt>
                <c:pt idx="3289">
                  <c:v>43025</c:v>
                </c:pt>
                <c:pt idx="3290">
                  <c:v>43026</c:v>
                </c:pt>
                <c:pt idx="3291">
                  <c:v>43027</c:v>
                </c:pt>
                <c:pt idx="3292">
                  <c:v>43028</c:v>
                </c:pt>
                <c:pt idx="3293">
                  <c:v>43031</c:v>
                </c:pt>
                <c:pt idx="3294">
                  <c:v>43032</c:v>
                </c:pt>
                <c:pt idx="3295">
                  <c:v>43033</c:v>
                </c:pt>
                <c:pt idx="3296">
                  <c:v>43034</c:v>
                </c:pt>
                <c:pt idx="3297">
                  <c:v>43035</c:v>
                </c:pt>
                <c:pt idx="3298">
                  <c:v>43038</c:v>
                </c:pt>
                <c:pt idx="3299">
                  <c:v>43039</c:v>
                </c:pt>
                <c:pt idx="3300">
                  <c:v>43040</c:v>
                </c:pt>
                <c:pt idx="3301">
                  <c:v>43042</c:v>
                </c:pt>
                <c:pt idx="3302">
                  <c:v>43045</c:v>
                </c:pt>
                <c:pt idx="3303">
                  <c:v>43046</c:v>
                </c:pt>
                <c:pt idx="3304">
                  <c:v>43047</c:v>
                </c:pt>
                <c:pt idx="3305">
                  <c:v>43048</c:v>
                </c:pt>
                <c:pt idx="3306">
                  <c:v>43049</c:v>
                </c:pt>
                <c:pt idx="3307">
                  <c:v>43052</c:v>
                </c:pt>
                <c:pt idx="3308">
                  <c:v>43053</c:v>
                </c:pt>
                <c:pt idx="3309">
                  <c:v>43055</c:v>
                </c:pt>
                <c:pt idx="3310">
                  <c:v>43056</c:v>
                </c:pt>
                <c:pt idx="3311">
                  <c:v>43059</c:v>
                </c:pt>
                <c:pt idx="3312">
                  <c:v>43060</c:v>
                </c:pt>
                <c:pt idx="3313">
                  <c:v>43061</c:v>
                </c:pt>
                <c:pt idx="3314">
                  <c:v>43062</c:v>
                </c:pt>
                <c:pt idx="3315">
                  <c:v>43063</c:v>
                </c:pt>
                <c:pt idx="3316">
                  <c:v>43066</c:v>
                </c:pt>
                <c:pt idx="3317">
                  <c:v>43067</c:v>
                </c:pt>
                <c:pt idx="3318">
                  <c:v>43068</c:v>
                </c:pt>
                <c:pt idx="3319">
                  <c:v>43069</c:v>
                </c:pt>
                <c:pt idx="3320">
                  <c:v>43070</c:v>
                </c:pt>
                <c:pt idx="3321">
                  <c:v>43073</c:v>
                </c:pt>
                <c:pt idx="3322">
                  <c:v>43074</c:v>
                </c:pt>
                <c:pt idx="3323">
                  <c:v>43075</c:v>
                </c:pt>
                <c:pt idx="3324">
                  <c:v>43076</c:v>
                </c:pt>
                <c:pt idx="3325">
                  <c:v>43077</c:v>
                </c:pt>
                <c:pt idx="3326">
                  <c:v>43080</c:v>
                </c:pt>
                <c:pt idx="3327">
                  <c:v>43081</c:v>
                </c:pt>
                <c:pt idx="3328">
                  <c:v>43082</c:v>
                </c:pt>
                <c:pt idx="3329">
                  <c:v>43083</c:v>
                </c:pt>
                <c:pt idx="3330">
                  <c:v>43084</c:v>
                </c:pt>
                <c:pt idx="3331">
                  <c:v>43087</c:v>
                </c:pt>
                <c:pt idx="3332">
                  <c:v>43088</c:v>
                </c:pt>
                <c:pt idx="3333">
                  <c:v>43089</c:v>
                </c:pt>
                <c:pt idx="3334">
                  <c:v>43090</c:v>
                </c:pt>
                <c:pt idx="3335">
                  <c:v>43091</c:v>
                </c:pt>
                <c:pt idx="3336">
                  <c:v>43095</c:v>
                </c:pt>
                <c:pt idx="3337">
                  <c:v>43096</c:v>
                </c:pt>
                <c:pt idx="3338">
                  <c:v>43097</c:v>
                </c:pt>
                <c:pt idx="3339">
                  <c:v>43098</c:v>
                </c:pt>
                <c:pt idx="3340">
                  <c:v>43102</c:v>
                </c:pt>
                <c:pt idx="3341">
                  <c:v>43103</c:v>
                </c:pt>
                <c:pt idx="3342">
                  <c:v>43104</c:v>
                </c:pt>
                <c:pt idx="3343">
                  <c:v>43105</c:v>
                </c:pt>
                <c:pt idx="3344">
                  <c:v>43108</c:v>
                </c:pt>
                <c:pt idx="3345">
                  <c:v>43109</c:v>
                </c:pt>
                <c:pt idx="3346">
                  <c:v>43110</c:v>
                </c:pt>
                <c:pt idx="3347">
                  <c:v>43111</c:v>
                </c:pt>
                <c:pt idx="3348">
                  <c:v>43112</c:v>
                </c:pt>
                <c:pt idx="3349">
                  <c:v>43115</c:v>
                </c:pt>
                <c:pt idx="3350">
                  <c:v>43116</c:v>
                </c:pt>
                <c:pt idx="3351">
                  <c:v>43117</c:v>
                </c:pt>
                <c:pt idx="3352">
                  <c:v>43118</c:v>
                </c:pt>
                <c:pt idx="3353">
                  <c:v>43119</c:v>
                </c:pt>
                <c:pt idx="3354">
                  <c:v>43122</c:v>
                </c:pt>
                <c:pt idx="3355">
                  <c:v>43123</c:v>
                </c:pt>
                <c:pt idx="3356">
                  <c:v>43124</c:v>
                </c:pt>
                <c:pt idx="3357">
                  <c:v>43125</c:v>
                </c:pt>
                <c:pt idx="3358">
                  <c:v>43126</c:v>
                </c:pt>
                <c:pt idx="3359">
                  <c:v>43129</c:v>
                </c:pt>
                <c:pt idx="3360">
                  <c:v>43130</c:v>
                </c:pt>
                <c:pt idx="3361">
                  <c:v>43131</c:v>
                </c:pt>
                <c:pt idx="3362">
                  <c:v>43132</c:v>
                </c:pt>
                <c:pt idx="3363">
                  <c:v>43133</c:v>
                </c:pt>
                <c:pt idx="3364">
                  <c:v>43136</c:v>
                </c:pt>
                <c:pt idx="3365">
                  <c:v>43137</c:v>
                </c:pt>
                <c:pt idx="3366">
                  <c:v>43138</c:v>
                </c:pt>
                <c:pt idx="3367">
                  <c:v>43139</c:v>
                </c:pt>
                <c:pt idx="3368">
                  <c:v>43140</c:v>
                </c:pt>
                <c:pt idx="3369">
                  <c:v>43145</c:v>
                </c:pt>
                <c:pt idx="3370">
                  <c:v>43146</c:v>
                </c:pt>
                <c:pt idx="3371">
                  <c:v>43147</c:v>
                </c:pt>
                <c:pt idx="3372">
                  <c:v>43150</c:v>
                </c:pt>
                <c:pt idx="3373">
                  <c:v>43151</c:v>
                </c:pt>
                <c:pt idx="3374">
                  <c:v>43152</c:v>
                </c:pt>
                <c:pt idx="3375">
                  <c:v>43153</c:v>
                </c:pt>
                <c:pt idx="3376">
                  <c:v>43154</c:v>
                </c:pt>
                <c:pt idx="3377">
                  <c:v>43157</c:v>
                </c:pt>
                <c:pt idx="3378">
                  <c:v>43158</c:v>
                </c:pt>
                <c:pt idx="3379">
                  <c:v>43159</c:v>
                </c:pt>
                <c:pt idx="3380">
                  <c:v>43160</c:v>
                </c:pt>
                <c:pt idx="3381">
                  <c:v>43161</c:v>
                </c:pt>
                <c:pt idx="3382">
                  <c:v>43164</c:v>
                </c:pt>
                <c:pt idx="3383">
                  <c:v>43165</c:v>
                </c:pt>
                <c:pt idx="3384">
                  <c:v>43166</c:v>
                </c:pt>
                <c:pt idx="3385">
                  <c:v>43167</c:v>
                </c:pt>
                <c:pt idx="3386">
                  <c:v>43168</c:v>
                </c:pt>
                <c:pt idx="3387">
                  <c:v>43171</c:v>
                </c:pt>
                <c:pt idx="3388">
                  <c:v>43172</c:v>
                </c:pt>
                <c:pt idx="3389">
                  <c:v>43173</c:v>
                </c:pt>
                <c:pt idx="3390">
                  <c:v>43174</c:v>
                </c:pt>
                <c:pt idx="3391">
                  <c:v>43175</c:v>
                </c:pt>
                <c:pt idx="3392">
                  <c:v>43178</c:v>
                </c:pt>
                <c:pt idx="3393">
                  <c:v>43179</c:v>
                </c:pt>
                <c:pt idx="3394">
                  <c:v>43180</c:v>
                </c:pt>
                <c:pt idx="3395">
                  <c:v>43181</c:v>
                </c:pt>
                <c:pt idx="3396">
                  <c:v>43182</c:v>
                </c:pt>
                <c:pt idx="3397">
                  <c:v>43185</c:v>
                </c:pt>
                <c:pt idx="3398">
                  <c:v>43186</c:v>
                </c:pt>
                <c:pt idx="3399">
                  <c:v>43187</c:v>
                </c:pt>
                <c:pt idx="3400">
                  <c:v>43188</c:v>
                </c:pt>
                <c:pt idx="3401">
                  <c:v>43192</c:v>
                </c:pt>
                <c:pt idx="3402">
                  <c:v>43193</c:v>
                </c:pt>
                <c:pt idx="3403">
                  <c:v>43194</c:v>
                </c:pt>
                <c:pt idx="3404">
                  <c:v>43195</c:v>
                </c:pt>
                <c:pt idx="3405">
                  <c:v>43196</c:v>
                </c:pt>
                <c:pt idx="3406">
                  <c:v>43199</c:v>
                </c:pt>
                <c:pt idx="3407">
                  <c:v>43200</c:v>
                </c:pt>
                <c:pt idx="3408">
                  <c:v>43201</c:v>
                </c:pt>
                <c:pt idx="3409">
                  <c:v>43202</c:v>
                </c:pt>
                <c:pt idx="3410">
                  <c:v>43203</c:v>
                </c:pt>
                <c:pt idx="3411">
                  <c:v>43206</c:v>
                </c:pt>
                <c:pt idx="3412">
                  <c:v>43207</c:v>
                </c:pt>
                <c:pt idx="3413">
                  <c:v>43208</c:v>
                </c:pt>
                <c:pt idx="3414">
                  <c:v>43209</c:v>
                </c:pt>
                <c:pt idx="3415">
                  <c:v>43210</c:v>
                </c:pt>
                <c:pt idx="3416">
                  <c:v>43213</c:v>
                </c:pt>
                <c:pt idx="3417">
                  <c:v>43214</c:v>
                </c:pt>
                <c:pt idx="3418">
                  <c:v>43215</c:v>
                </c:pt>
                <c:pt idx="3419">
                  <c:v>43216</c:v>
                </c:pt>
                <c:pt idx="3420">
                  <c:v>43217</c:v>
                </c:pt>
                <c:pt idx="3421">
                  <c:v>43220</c:v>
                </c:pt>
                <c:pt idx="3422">
                  <c:v>43222</c:v>
                </c:pt>
                <c:pt idx="3423">
                  <c:v>43223</c:v>
                </c:pt>
                <c:pt idx="3424">
                  <c:v>43224</c:v>
                </c:pt>
                <c:pt idx="3425">
                  <c:v>43227</c:v>
                </c:pt>
                <c:pt idx="3426">
                  <c:v>43228</c:v>
                </c:pt>
                <c:pt idx="3427">
                  <c:v>43229</c:v>
                </c:pt>
                <c:pt idx="3428">
                  <c:v>43230</c:v>
                </c:pt>
                <c:pt idx="3429">
                  <c:v>43231</c:v>
                </c:pt>
                <c:pt idx="3430">
                  <c:v>43234</c:v>
                </c:pt>
                <c:pt idx="3431">
                  <c:v>43235</c:v>
                </c:pt>
                <c:pt idx="3432">
                  <c:v>43236</c:v>
                </c:pt>
                <c:pt idx="3433">
                  <c:v>43237</c:v>
                </c:pt>
                <c:pt idx="3434">
                  <c:v>43238</c:v>
                </c:pt>
                <c:pt idx="3435">
                  <c:v>43241</c:v>
                </c:pt>
                <c:pt idx="3436">
                  <c:v>43242</c:v>
                </c:pt>
                <c:pt idx="3437">
                  <c:v>43243</c:v>
                </c:pt>
                <c:pt idx="3438">
                  <c:v>43244</c:v>
                </c:pt>
                <c:pt idx="3439">
                  <c:v>43245</c:v>
                </c:pt>
                <c:pt idx="3440">
                  <c:v>43248</c:v>
                </c:pt>
                <c:pt idx="3441">
                  <c:v>43249</c:v>
                </c:pt>
                <c:pt idx="3442">
                  <c:v>43250</c:v>
                </c:pt>
                <c:pt idx="3443">
                  <c:v>43252</c:v>
                </c:pt>
                <c:pt idx="3444">
                  <c:v>43255</c:v>
                </c:pt>
                <c:pt idx="3445">
                  <c:v>43256</c:v>
                </c:pt>
                <c:pt idx="3446">
                  <c:v>43257</c:v>
                </c:pt>
                <c:pt idx="3447">
                  <c:v>43258</c:v>
                </c:pt>
                <c:pt idx="3448">
                  <c:v>43259</c:v>
                </c:pt>
                <c:pt idx="3449">
                  <c:v>43262</c:v>
                </c:pt>
                <c:pt idx="3450">
                  <c:v>43263</c:v>
                </c:pt>
                <c:pt idx="3451">
                  <c:v>43264</c:v>
                </c:pt>
                <c:pt idx="3452">
                  <c:v>43265</c:v>
                </c:pt>
                <c:pt idx="3453">
                  <c:v>43266</c:v>
                </c:pt>
                <c:pt idx="3454">
                  <c:v>43269</c:v>
                </c:pt>
                <c:pt idx="3455">
                  <c:v>43270</c:v>
                </c:pt>
                <c:pt idx="3456">
                  <c:v>43271</c:v>
                </c:pt>
                <c:pt idx="3457">
                  <c:v>43272</c:v>
                </c:pt>
                <c:pt idx="3458">
                  <c:v>43273</c:v>
                </c:pt>
                <c:pt idx="3459">
                  <c:v>43276</c:v>
                </c:pt>
                <c:pt idx="3460">
                  <c:v>43277</c:v>
                </c:pt>
                <c:pt idx="3461">
                  <c:v>43278</c:v>
                </c:pt>
                <c:pt idx="3462">
                  <c:v>43279</c:v>
                </c:pt>
                <c:pt idx="3463">
                  <c:v>43280</c:v>
                </c:pt>
                <c:pt idx="3464">
                  <c:v>43283</c:v>
                </c:pt>
                <c:pt idx="3465">
                  <c:v>43284</c:v>
                </c:pt>
                <c:pt idx="3466">
                  <c:v>43285</c:v>
                </c:pt>
                <c:pt idx="3467">
                  <c:v>43286</c:v>
                </c:pt>
                <c:pt idx="3468">
                  <c:v>43287</c:v>
                </c:pt>
                <c:pt idx="3469">
                  <c:v>43290</c:v>
                </c:pt>
                <c:pt idx="3470">
                  <c:v>43291</c:v>
                </c:pt>
                <c:pt idx="3471">
                  <c:v>43292</c:v>
                </c:pt>
                <c:pt idx="3472">
                  <c:v>43293</c:v>
                </c:pt>
                <c:pt idx="3473">
                  <c:v>43294</c:v>
                </c:pt>
                <c:pt idx="3474">
                  <c:v>43297</c:v>
                </c:pt>
                <c:pt idx="3475">
                  <c:v>43298</c:v>
                </c:pt>
                <c:pt idx="3476">
                  <c:v>43299</c:v>
                </c:pt>
                <c:pt idx="3477">
                  <c:v>43300</c:v>
                </c:pt>
                <c:pt idx="3478">
                  <c:v>43301</c:v>
                </c:pt>
                <c:pt idx="3479">
                  <c:v>43304</c:v>
                </c:pt>
                <c:pt idx="3480">
                  <c:v>43305</c:v>
                </c:pt>
                <c:pt idx="3481">
                  <c:v>43306</c:v>
                </c:pt>
                <c:pt idx="3482">
                  <c:v>43307</c:v>
                </c:pt>
                <c:pt idx="3483">
                  <c:v>43308</c:v>
                </c:pt>
                <c:pt idx="3484">
                  <c:v>43311</c:v>
                </c:pt>
                <c:pt idx="3485">
                  <c:v>43312</c:v>
                </c:pt>
                <c:pt idx="3486">
                  <c:v>43313</c:v>
                </c:pt>
                <c:pt idx="3487">
                  <c:v>43314</c:v>
                </c:pt>
                <c:pt idx="3488">
                  <c:v>43315</c:v>
                </c:pt>
                <c:pt idx="3489">
                  <c:v>43318</c:v>
                </c:pt>
                <c:pt idx="3490">
                  <c:v>43319</c:v>
                </c:pt>
                <c:pt idx="3491">
                  <c:v>43320</c:v>
                </c:pt>
                <c:pt idx="3492">
                  <c:v>43321</c:v>
                </c:pt>
                <c:pt idx="3493">
                  <c:v>43322</c:v>
                </c:pt>
                <c:pt idx="3494">
                  <c:v>43325</c:v>
                </c:pt>
                <c:pt idx="3495">
                  <c:v>43326</c:v>
                </c:pt>
                <c:pt idx="3496">
                  <c:v>43327</c:v>
                </c:pt>
                <c:pt idx="3497">
                  <c:v>43328</c:v>
                </c:pt>
                <c:pt idx="3498">
                  <c:v>43329</c:v>
                </c:pt>
                <c:pt idx="3499">
                  <c:v>43332</c:v>
                </c:pt>
                <c:pt idx="3500">
                  <c:v>43333</c:v>
                </c:pt>
                <c:pt idx="3501">
                  <c:v>43334</c:v>
                </c:pt>
                <c:pt idx="3502">
                  <c:v>43335</c:v>
                </c:pt>
                <c:pt idx="3503">
                  <c:v>43336</c:v>
                </c:pt>
                <c:pt idx="3504">
                  <c:v>43339</c:v>
                </c:pt>
                <c:pt idx="3505">
                  <c:v>43340</c:v>
                </c:pt>
                <c:pt idx="3506">
                  <c:v>43341</c:v>
                </c:pt>
                <c:pt idx="3507">
                  <c:v>43342</c:v>
                </c:pt>
                <c:pt idx="3508">
                  <c:v>43343</c:v>
                </c:pt>
                <c:pt idx="3509">
                  <c:v>43346</c:v>
                </c:pt>
                <c:pt idx="3510">
                  <c:v>43347</c:v>
                </c:pt>
                <c:pt idx="3511">
                  <c:v>43348</c:v>
                </c:pt>
                <c:pt idx="3512">
                  <c:v>43349</c:v>
                </c:pt>
                <c:pt idx="3513">
                  <c:v>43353</c:v>
                </c:pt>
                <c:pt idx="3514">
                  <c:v>43354</c:v>
                </c:pt>
                <c:pt idx="3515">
                  <c:v>43355</c:v>
                </c:pt>
                <c:pt idx="3516">
                  <c:v>43356</c:v>
                </c:pt>
                <c:pt idx="3517">
                  <c:v>43357</c:v>
                </c:pt>
                <c:pt idx="3518">
                  <c:v>43360</c:v>
                </c:pt>
                <c:pt idx="3519">
                  <c:v>43361</c:v>
                </c:pt>
                <c:pt idx="3520">
                  <c:v>43362</c:v>
                </c:pt>
                <c:pt idx="3521">
                  <c:v>43363</c:v>
                </c:pt>
                <c:pt idx="3522">
                  <c:v>43364</c:v>
                </c:pt>
                <c:pt idx="3523">
                  <c:v>43367</c:v>
                </c:pt>
                <c:pt idx="3524">
                  <c:v>43368</c:v>
                </c:pt>
                <c:pt idx="3525">
                  <c:v>43369</c:v>
                </c:pt>
                <c:pt idx="3526">
                  <c:v>43370</c:v>
                </c:pt>
                <c:pt idx="3527">
                  <c:v>43371</c:v>
                </c:pt>
                <c:pt idx="3528">
                  <c:v>43374</c:v>
                </c:pt>
                <c:pt idx="3529">
                  <c:v>43375</c:v>
                </c:pt>
                <c:pt idx="3530">
                  <c:v>43376</c:v>
                </c:pt>
                <c:pt idx="3531">
                  <c:v>43377</c:v>
                </c:pt>
                <c:pt idx="3532">
                  <c:v>43378</c:v>
                </c:pt>
                <c:pt idx="3533">
                  <c:v>43381</c:v>
                </c:pt>
                <c:pt idx="3534">
                  <c:v>43382</c:v>
                </c:pt>
                <c:pt idx="3535">
                  <c:v>43383</c:v>
                </c:pt>
                <c:pt idx="3536">
                  <c:v>43384</c:v>
                </c:pt>
                <c:pt idx="3537">
                  <c:v>43388</c:v>
                </c:pt>
                <c:pt idx="3538">
                  <c:v>43389</c:v>
                </c:pt>
                <c:pt idx="3539">
                  <c:v>43390</c:v>
                </c:pt>
                <c:pt idx="3540">
                  <c:v>43391</c:v>
                </c:pt>
                <c:pt idx="3541">
                  <c:v>43392</c:v>
                </c:pt>
                <c:pt idx="3542">
                  <c:v>43395</c:v>
                </c:pt>
                <c:pt idx="3543">
                  <c:v>43396</c:v>
                </c:pt>
                <c:pt idx="3544">
                  <c:v>43397</c:v>
                </c:pt>
                <c:pt idx="3545">
                  <c:v>43398</c:v>
                </c:pt>
                <c:pt idx="3546">
                  <c:v>43399</c:v>
                </c:pt>
                <c:pt idx="3547">
                  <c:v>43402</c:v>
                </c:pt>
                <c:pt idx="3548">
                  <c:v>43403</c:v>
                </c:pt>
                <c:pt idx="3549">
                  <c:v>43404</c:v>
                </c:pt>
                <c:pt idx="3550">
                  <c:v>43405</c:v>
                </c:pt>
                <c:pt idx="3551">
                  <c:v>43409</c:v>
                </c:pt>
                <c:pt idx="3552">
                  <c:v>43410</c:v>
                </c:pt>
                <c:pt idx="3553">
                  <c:v>43411</c:v>
                </c:pt>
                <c:pt idx="3554">
                  <c:v>43412</c:v>
                </c:pt>
                <c:pt idx="3555">
                  <c:v>43413</c:v>
                </c:pt>
                <c:pt idx="3556">
                  <c:v>43416</c:v>
                </c:pt>
                <c:pt idx="3557">
                  <c:v>43417</c:v>
                </c:pt>
                <c:pt idx="3558">
                  <c:v>43418</c:v>
                </c:pt>
                <c:pt idx="3559">
                  <c:v>43420</c:v>
                </c:pt>
                <c:pt idx="3560">
                  <c:v>43423</c:v>
                </c:pt>
                <c:pt idx="3561">
                  <c:v>43424</c:v>
                </c:pt>
                <c:pt idx="3562">
                  <c:v>43425</c:v>
                </c:pt>
                <c:pt idx="3563">
                  <c:v>43426</c:v>
                </c:pt>
                <c:pt idx="3564">
                  <c:v>43427</c:v>
                </c:pt>
                <c:pt idx="3565">
                  <c:v>43430</c:v>
                </c:pt>
                <c:pt idx="3566">
                  <c:v>43431</c:v>
                </c:pt>
                <c:pt idx="3567">
                  <c:v>43432</c:v>
                </c:pt>
                <c:pt idx="3568">
                  <c:v>43433</c:v>
                </c:pt>
                <c:pt idx="3569">
                  <c:v>43434</c:v>
                </c:pt>
                <c:pt idx="3570">
                  <c:v>43437</c:v>
                </c:pt>
                <c:pt idx="3571">
                  <c:v>43438</c:v>
                </c:pt>
                <c:pt idx="3572">
                  <c:v>43439</c:v>
                </c:pt>
                <c:pt idx="3573">
                  <c:v>43440</c:v>
                </c:pt>
                <c:pt idx="3574">
                  <c:v>43441</c:v>
                </c:pt>
                <c:pt idx="3575">
                  <c:v>43444</c:v>
                </c:pt>
                <c:pt idx="3576">
                  <c:v>43445</c:v>
                </c:pt>
                <c:pt idx="3577">
                  <c:v>43446</c:v>
                </c:pt>
                <c:pt idx="3578">
                  <c:v>43447</c:v>
                </c:pt>
                <c:pt idx="3579">
                  <c:v>43448</c:v>
                </c:pt>
                <c:pt idx="3580">
                  <c:v>43451</c:v>
                </c:pt>
                <c:pt idx="3581">
                  <c:v>43452</c:v>
                </c:pt>
                <c:pt idx="3582">
                  <c:v>43453</c:v>
                </c:pt>
                <c:pt idx="3583">
                  <c:v>43454</c:v>
                </c:pt>
                <c:pt idx="3584">
                  <c:v>43455</c:v>
                </c:pt>
                <c:pt idx="3585">
                  <c:v>43458</c:v>
                </c:pt>
                <c:pt idx="3586">
                  <c:v>43460</c:v>
                </c:pt>
                <c:pt idx="3587">
                  <c:v>43461</c:v>
                </c:pt>
                <c:pt idx="3588">
                  <c:v>43462</c:v>
                </c:pt>
                <c:pt idx="3589">
                  <c:v>43465</c:v>
                </c:pt>
                <c:pt idx="3590">
                  <c:v>43467</c:v>
                </c:pt>
                <c:pt idx="3591">
                  <c:v>43468</c:v>
                </c:pt>
                <c:pt idx="3592">
                  <c:v>43469</c:v>
                </c:pt>
                <c:pt idx="3593">
                  <c:v>43472</c:v>
                </c:pt>
                <c:pt idx="3594">
                  <c:v>43473</c:v>
                </c:pt>
                <c:pt idx="3595">
                  <c:v>43474</c:v>
                </c:pt>
                <c:pt idx="3596">
                  <c:v>43475</c:v>
                </c:pt>
                <c:pt idx="3597">
                  <c:v>43476</c:v>
                </c:pt>
                <c:pt idx="3598">
                  <c:v>43479</c:v>
                </c:pt>
                <c:pt idx="3599">
                  <c:v>43480</c:v>
                </c:pt>
                <c:pt idx="3600">
                  <c:v>43481</c:v>
                </c:pt>
                <c:pt idx="3601">
                  <c:v>43482</c:v>
                </c:pt>
                <c:pt idx="3602">
                  <c:v>43483</c:v>
                </c:pt>
                <c:pt idx="3603">
                  <c:v>43486</c:v>
                </c:pt>
                <c:pt idx="3604">
                  <c:v>43487</c:v>
                </c:pt>
                <c:pt idx="3605">
                  <c:v>43488</c:v>
                </c:pt>
                <c:pt idx="3606">
                  <c:v>43489</c:v>
                </c:pt>
                <c:pt idx="3607">
                  <c:v>43490</c:v>
                </c:pt>
                <c:pt idx="3608">
                  <c:v>43493</c:v>
                </c:pt>
                <c:pt idx="3609">
                  <c:v>43494</c:v>
                </c:pt>
                <c:pt idx="3610">
                  <c:v>43495</c:v>
                </c:pt>
                <c:pt idx="3611">
                  <c:v>43496</c:v>
                </c:pt>
                <c:pt idx="3612">
                  <c:v>43497</c:v>
                </c:pt>
                <c:pt idx="3613">
                  <c:v>43500</c:v>
                </c:pt>
                <c:pt idx="3614">
                  <c:v>43501</c:v>
                </c:pt>
                <c:pt idx="3615">
                  <c:v>43502</c:v>
                </c:pt>
                <c:pt idx="3616">
                  <c:v>43503</c:v>
                </c:pt>
                <c:pt idx="3617">
                  <c:v>43504</c:v>
                </c:pt>
                <c:pt idx="3618">
                  <c:v>43507</c:v>
                </c:pt>
                <c:pt idx="3619">
                  <c:v>43508</c:v>
                </c:pt>
                <c:pt idx="3620">
                  <c:v>43509</c:v>
                </c:pt>
                <c:pt idx="3621">
                  <c:v>43510</c:v>
                </c:pt>
                <c:pt idx="3622">
                  <c:v>43511</c:v>
                </c:pt>
                <c:pt idx="3623">
                  <c:v>43514</c:v>
                </c:pt>
                <c:pt idx="3624">
                  <c:v>43515</c:v>
                </c:pt>
                <c:pt idx="3625">
                  <c:v>43516</c:v>
                </c:pt>
                <c:pt idx="3626">
                  <c:v>43517</c:v>
                </c:pt>
                <c:pt idx="3627">
                  <c:v>43518</c:v>
                </c:pt>
                <c:pt idx="3628">
                  <c:v>43521</c:v>
                </c:pt>
                <c:pt idx="3629">
                  <c:v>43522</c:v>
                </c:pt>
                <c:pt idx="3630">
                  <c:v>43523</c:v>
                </c:pt>
                <c:pt idx="3631">
                  <c:v>43524</c:v>
                </c:pt>
                <c:pt idx="3632">
                  <c:v>43525</c:v>
                </c:pt>
                <c:pt idx="3633">
                  <c:v>43530</c:v>
                </c:pt>
                <c:pt idx="3634">
                  <c:v>43531</c:v>
                </c:pt>
                <c:pt idx="3635">
                  <c:v>43532</c:v>
                </c:pt>
                <c:pt idx="3636">
                  <c:v>43535</c:v>
                </c:pt>
                <c:pt idx="3637">
                  <c:v>43536</c:v>
                </c:pt>
                <c:pt idx="3638">
                  <c:v>43537</c:v>
                </c:pt>
                <c:pt idx="3639">
                  <c:v>43538</c:v>
                </c:pt>
                <c:pt idx="3640">
                  <c:v>43539</c:v>
                </c:pt>
                <c:pt idx="3641">
                  <c:v>43542</c:v>
                </c:pt>
                <c:pt idx="3642">
                  <c:v>43543</c:v>
                </c:pt>
                <c:pt idx="3643">
                  <c:v>43544</c:v>
                </c:pt>
                <c:pt idx="3644">
                  <c:v>43545</c:v>
                </c:pt>
                <c:pt idx="3645">
                  <c:v>43546</c:v>
                </c:pt>
                <c:pt idx="3646">
                  <c:v>43549</c:v>
                </c:pt>
                <c:pt idx="3647">
                  <c:v>43550</c:v>
                </c:pt>
                <c:pt idx="3648">
                  <c:v>43551</c:v>
                </c:pt>
                <c:pt idx="3649">
                  <c:v>43552</c:v>
                </c:pt>
                <c:pt idx="3650">
                  <c:v>43553</c:v>
                </c:pt>
                <c:pt idx="3651">
                  <c:v>43556</c:v>
                </c:pt>
                <c:pt idx="3652">
                  <c:v>43557</c:v>
                </c:pt>
                <c:pt idx="3653">
                  <c:v>43558</c:v>
                </c:pt>
                <c:pt idx="3654">
                  <c:v>43559</c:v>
                </c:pt>
                <c:pt idx="3655">
                  <c:v>43560</c:v>
                </c:pt>
                <c:pt idx="3656">
                  <c:v>43563</c:v>
                </c:pt>
                <c:pt idx="3657">
                  <c:v>43564</c:v>
                </c:pt>
                <c:pt idx="3658">
                  <c:v>43565</c:v>
                </c:pt>
                <c:pt idx="3659">
                  <c:v>43566</c:v>
                </c:pt>
                <c:pt idx="3660">
                  <c:v>43567</c:v>
                </c:pt>
                <c:pt idx="3661">
                  <c:v>43570</c:v>
                </c:pt>
                <c:pt idx="3662">
                  <c:v>43571</c:v>
                </c:pt>
                <c:pt idx="3663">
                  <c:v>43572</c:v>
                </c:pt>
                <c:pt idx="3664">
                  <c:v>43573</c:v>
                </c:pt>
                <c:pt idx="3665">
                  <c:v>43577</c:v>
                </c:pt>
                <c:pt idx="3666">
                  <c:v>43578</c:v>
                </c:pt>
                <c:pt idx="3667">
                  <c:v>43579</c:v>
                </c:pt>
                <c:pt idx="3668">
                  <c:v>43580</c:v>
                </c:pt>
                <c:pt idx="3669">
                  <c:v>43581</c:v>
                </c:pt>
                <c:pt idx="3670">
                  <c:v>43584</c:v>
                </c:pt>
                <c:pt idx="3671">
                  <c:v>43585</c:v>
                </c:pt>
                <c:pt idx="3672">
                  <c:v>43587</c:v>
                </c:pt>
                <c:pt idx="3673">
                  <c:v>43588</c:v>
                </c:pt>
                <c:pt idx="3674">
                  <c:v>43591</c:v>
                </c:pt>
                <c:pt idx="3675">
                  <c:v>43592</c:v>
                </c:pt>
                <c:pt idx="3676">
                  <c:v>43593</c:v>
                </c:pt>
                <c:pt idx="3677">
                  <c:v>43594</c:v>
                </c:pt>
                <c:pt idx="3678">
                  <c:v>43595</c:v>
                </c:pt>
                <c:pt idx="3679">
                  <c:v>43598</c:v>
                </c:pt>
                <c:pt idx="3680">
                  <c:v>43599</c:v>
                </c:pt>
                <c:pt idx="3681">
                  <c:v>43600</c:v>
                </c:pt>
                <c:pt idx="3682">
                  <c:v>43601</c:v>
                </c:pt>
                <c:pt idx="3683">
                  <c:v>43602</c:v>
                </c:pt>
                <c:pt idx="3684">
                  <c:v>43605</c:v>
                </c:pt>
                <c:pt idx="3685">
                  <c:v>43606</c:v>
                </c:pt>
                <c:pt idx="3686">
                  <c:v>43607</c:v>
                </c:pt>
                <c:pt idx="3687">
                  <c:v>43608</c:v>
                </c:pt>
                <c:pt idx="3688">
                  <c:v>43609</c:v>
                </c:pt>
                <c:pt idx="3689">
                  <c:v>43612</c:v>
                </c:pt>
                <c:pt idx="3690">
                  <c:v>43613</c:v>
                </c:pt>
                <c:pt idx="3691">
                  <c:v>43614</c:v>
                </c:pt>
                <c:pt idx="3692">
                  <c:v>43615</c:v>
                </c:pt>
                <c:pt idx="3693">
                  <c:v>43616</c:v>
                </c:pt>
              </c:numCache>
            </c:numRef>
          </c:cat>
          <c:val>
            <c:numRef>
              <c:f>'[DadosIndustria325.xlsx]Quantum Axis'!$E$2:$E$3695</c:f>
              <c:numCache>
                <c:formatCode>0%</c:formatCode>
                <c:ptCount val="3694"/>
                <c:pt idx="0">
                  <c:v>0</c:v>
                </c:pt>
                <c:pt idx="1">
                  <c:v>1.3097300000000089E-2</c:v>
                </c:pt>
                <c:pt idx="2">
                  <c:v>2.4018300000000048E-2</c:v>
                </c:pt>
                <c:pt idx="3">
                  <c:v>4.0744300000000067E-2</c:v>
                </c:pt>
                <c:pt idx="4">
                  <c:v>7.1536299999999997E-2</c:v>
                </c:pt>
                <c:pt idx="5">
                  <c:v>9.879429999999978E-2</c:v>
                </c:pt>
                <c:pt idx="6">
                  <c:v>0.10500599999999971</c:v>
                </c:pt>
                <c:pt idx="7">
                  <c:v>0.10154589999999986</c:v>
                </c:pt>
                <c:pt idx="8">
                  <c:v>0.10784239999999978</c:v>
                </c:pt>
                <c:pt idx="9">
                  <c:v>0.11005429999999983</c:v>
                </c:pt>
                <c:pt idx="10">
                  <c:v>0.10585989999999978</c:v>
                </c:pt>
                <c:pt idx="11">
                  <c:v>0.12387179999999987</c:v>
                </c:pt>
                <c:pt idx="12">
                  <c:v>0.1403551999999999</c:v>
                </c:pt>
                <c:pt idx="13">
                  <c:v>0.14328009999999991</c:v>
                </c:pt>
                <c:pt idx="14">
                  <c:v>0.15032390000000007</c:v>
                </c:pt>
                <c:pt idx="15">
                  <c:v>0.18350639999999996</c:v>
                </c:pt>
                <c:pt idx="16">
                  <c:v>0.19160459999999979</c:v>
                </c:pt>
                <c:pt idx="17">
                  <c:v>0.19491069999999988</c:v>
                </c:pt>
                <c:pt idx="18">
                  <c:v>0.19368359999999973</c:v>
                </c:pt>
                <c:pt idx="19">
                  <c:v>0.1929348999999998</c:v>
                </c:pt>
                <c:pt idx="20">
                  <c:v>0.19005809999999967</c:v>
                </c:pt>
                <c:pt idx="21">
                  <c:v>0.16192399999999973</c:v>
                </c:pt>
                <c:pt idx="22">
                  <c:v>0.15066369999999973</c:v>
                </c:pt>
                <c:pt idx="23">
                  <c:v>0.16637719999999967</c:v>
                </c:pt>
                <c:pt idx="24">
                  <c:v>0.1697717999999997</c:v>
                </c:pt>
                <c:pt idx="25">
                  <c:v>0.16716239999999982</c:v>
                </c:pt>
                <c:pt idx="26">
                  <c:v>0.14947729999999981</c:v>
                </c:pt>
                <c:pt idx="27">
                  <c:v>0.16420579999999974</c:v>
                </c:pt>
                <c:pt idx="28">
                  <c:v>0.17085369999999989</c:v>
                </c:pt>
                <c:pt idx="29">
                  <c:v>0.16090719999999981</c:v>
                </c:pt>
                <c:pt idx="30">
                  <c:v>0.1671539999999998</c:v>
                </c:pt>
                <c:pt idx="31">
                  <c:v>0.17761719999999981</c:v>
                </c:pt>
                <c:pt idx="32">
                  <c:v>0.17521589999999976</c:v>
                </c:pt>
                <c:pt idx="33">
                  <c:v>0.18786199999999975</c:v>
                </c:pt>
                <c:pt idx="34">
                  <c:v>0.19717789999999979</c:v>
                </c:pt>
                <c:pt idx="35">
                  <c:v>0.21633020000000003</c:v>
                </c:pt>
                <c:pt idx="36">
                  <c:v>0.2214027999999999</c:v>
                </c:pt>
                <c:pt idx="37">
                  <c:v>0.21965940000000006</c:v>
                </c:pt>
                <c:pt idx="38">
                  <c:v>0.20589429999999997</c:v>
                </c:pt>
                <c:pt idx="39">
                  <c:v>0.20722280000000004</c:v>
                </c:pt>
                <c:pt idx="40">
                  <c:v>0.22356740000000008</c:v>
                </c:pt>
                <c:pt idx="41">
                  <c:v>0.22866720000000007</c:v>
                </c:pt>
                <c:pt idx="42">
                  <c:v>0.24669249999999998</c:v>
                </c:pt>
                <c:pt idx="43">
                  <c:v>0.2378555</c:v>
                </c:pt>
                <c:pt idx="44">
                  <c:v>0.25761569999999989</c:v>
                </c:pt>
                <c:pt idx="45">
                  <c:v>0.24747509999999995</c:v>
                </c:pt>
                <c:pt idx="46">
                  <c:v>0.24440109999999993</c:v>
                </c:pt>
                <c:pt idx="47">
                  <c:v>0.25583219999999995</c:v>
                </c:pt>
                <c:pt idx="48">
                  <c:v>0.26729760000000002</c:v>
                </c:pt>
                <c:pt idx="49">
                  <c:v>0.27410470000000009</c:v>
                </c:pt>
                <c:pt idx="50">
                  <c:v>0.27859759999999989</c:v>
                </c:pt>
                <c:pt idx="51">
                  <c:v>0.2838814999999999</c:v>
                </c:pt>
                <c:pt idx="52">
                  <c:v>0.2838312999999999</c:v>
                </c:pt>
                <c:pt idx="53">
                  <c:v>0.29665790000000003</c:v>
                </c:pt>
                <c:pt idx="54">
                  <c:v>0.30856919999999999</c:v>
                </c:pt>
                <c:pt idx="55">
                  <c:v>0.30812750000000011</c:v>
                </c:pt>
                <c:pt idx="56">
                  <c:v>0.3224811000000003</c:v>
                </c:pt>
                <c:pt idx="57">
                  <c:v>0.32585290000000033</c:v>
                </c:pt>
                <c:pt idx="58">
                  <c:v>0.30595220000000034</c:v>
                </c:pt>
                <c:pt idx="59">
                  <c:v>0.29221940000000046</c:v>
                </c:pt>
                <c:pt idx="60">
                  <c:v>0.29135000000000044</c:v>
                </c:pt>
                <c:pt idx="61">
                  <c:v>0.29894760000000042</c:v>
                </c:pt>
                <c:pt idx="62">
                  <c:v>0.31624900000000045</c:v>
                </c:pt>
                <c:pt idx="63">
                  <c:v>0.33165660000000052</c:v>
                </c:pt>
                <c:pt idx="64">
                  <c:v>0.33870930000000032</c:v>
                </c:pt>
                <c:pt idx="65">
                  <c:v>0.34914220000000018</c:v>
                </c:pt>
                <c:pt idx="66">
                  <c:v>0.34768840000000023</c:v>
                </c:pt>
                <c:pt idx="67">
                  <c:v>0.34544560000000013</c:v>
                </c:pt>
                <c:pt idx="68">
                  <c:v>0.35282780000000025</c:v>
                </c:pt>
                <c:pt idx="69">
                  <c:v>0.3649570000000002</c:v>
                </c:pt>
                <c:pt idx="70">
                  <c:v>0.36517970000000033</c:v>
                </c:pt>
                <c:pt idx="71">
                  <c:v>0.3651791000000002</c:v>
                </c:pt>
                <c:pt idx="72">
                  <c:v>0.37621720000000014</c:v>
                </c:pt>
                <c:pt idx="73">
                  <c:v>0.38896270000000022</c:v>
                </c:pt>
                <c:pt idx="74">
                  <c:v>0.39785210000000015</c:v>
                </c:pt>
                <c:pt idx="75">
                  <c:v>0.3981762000000002</c:v>
                </c:pt>
                <c:pt idx="76">
                  <c:v>0.39818039999999999</c:v>
                </c:pt>
                <c:pt idx="77">
                  <c:v>0.40076519999999993</c:v>
                </c:pt>
                <c:pt idx="78">
                  <c:v>0.37739549999999999</c:v>
                </c:pt>
                <c:pt idx="79">
                  <c:v>0.35906220000000011</c:v>
                </c:pt>
                <c:pt idx="80">
                  <c:v>0.34626219999999996</c:v>
                </c:pt>
                <c:pt idx="81">
                  <c:v>0.36031499999999994</c:v>
                </c:pt>
                <c:pt idx="82">
                  <c:v>0.34775230000000001</c:v>
                </c:pt>
                <c:pt idx="83">
                  <c:v>0.33925340000000004</c:v>
                </c:pt>
                <c:pt idx="84">
                  <c:v>0.33933970000000002</c:v>
                </c:pt>
                <c:pt idx="85">
                  <c:v>0.36778299999999997</c:v>
                </c:pt>
                <c:pt idx="86">
                  <c:v>0.36636380000000002</c:v>
                </c:pt>
                <c:pt idx="87">
                  <c:v>0.36325150000000006</c:v>
                </c:pt>
                <c:pt idx="88">
                  <c:v>0.33967679999999989</c:v>
                </c:pt>
                <c:pt idx="89">
                  <c:v>0.34337109999999993</c:v>
                </c:pt>
                <c:pt idx="90">
                  <c:v>0.31652089999999999</c:v>
                </c:pt>
                <c:pt idx="91">
                  <c:v>0.31998800000000016</c:v>
                </c:pt>
                <c:pt idx="92">
                  <c:v>0.33462860000000028</c:v>
                </c:pt>
                <c:pt idx="93">
                  <c:v>0.33456700000000028</c:v>
                </c:pt>
                <c:pt idx="94">
                  <c:v>0.34406480000000017</c:v>
                </c:pt>
                <c:pt idx="95">
                  <c:v>0.31901420000000025</c:v>
                </c:pt>
                <c:pt idx="96">
                  <c:v>0.30528190000000022</c:v>
                </c:pt>
                <c:pt idx="97">
                  <c:v>0.32460060000000013</c:v>
                </c:pt>
                <c:pt idx="98">
                  <c:v>0.31975970000000031</c:v>
                </c:pt>
                <c:pt idx="99">
                  <c:v>0.33178010000000024</c:v>
                </c:pt>
                <c:pt idx="100">
                  <c:v>0.34828079999999995</c:v>
                </c:pt>
                <c:pt idx="101">
                  <c:v>0.37437650000000011</c:v>
                </c:pt>
                <c:pt idx="102">
                  <c:v>0.40074220000000027</c:v>
                </c:pt>
                <c:pt idx="103">
                  <c:v>0.39653390000000033</c:v>
                </c:pt>
                <c:pt idx="104">
                  <c:v>0.40848330000000055</c:v>
                </c:pt>
                <c:pt idx="105">
                  <c:v>0.40815840000000048</c:v>
                </c:pt>
                <c:pt idx="106">
                  <c:v>0.40450970000000042</c:v>
                </c:pt>
                <c:pt idx="107">
                  <c:v>0.40552890000000041</c:v>
                </c:pt>
                <c:pt idx="108">
                  <c:v>0.42412590000000039</c:v>
                </c:pt>
                <c:pt idx="109">
                  <c:v>0.4252617000000003</c:v>
                </c:pt>
                <c:pt idx="110">
                  <c:v>0.43096830000000019</c:v>
                </c:pt>
                <c:pt idx="111">
                  <c:v>0.44038000000000022</c:v>
                </c:pt>
                <c:pt idx="112">
                  <c:v>0.43902600000000014</c:v>
                </c:pt>
                <c:pt idx="113">
                  <c:v>0.47332830000000037</c:v>
                </c:pt>
                <c:pt idx="114">
                  <c:v>0.48136140000000016</c:v>
                </c:pt>
                <c:pt idx="115">
                  <c:v>0.46097430000000017</c:v>
                </c:pt>
                <c:pt idx="116">
                  <c:v>0.44800330000000033</c:v>
                </c:pt>
                <c:pt idx="117">
                  <c:v>0.45159900000000031</c:v>
                </c:pt>
                <c:pt idx="118">
                  <c:v>0.47760120000000028</c:v>
                </c:pt>
                <c:pt idx="119">
                  <c:v>0.49961889999999998</c:v>
                </c:pt>
                <c:pt idx="120">
                  <c:v>0.50912939999999995</c:v>
                </c:pt>
                <c:pt idx="121">
                  <c:v>0.49256119999999992</c:v>
                </c:pt>
                <c:pt idx="122">
                  <c:v>0.48953570000000002</c:v>
                </c:pt>
                <c:pt idx="123">
                  <c:v>0.45881970000000005</c:v>
                </c:pt>
                <c:pt idx="124">
                  <c:v>0.46173240000000004</c:v>
                </c:pt>
                <c:pt idx="125">
                  <c:v>0.43658039999999998</c:v>
                </c:pt>
                <c:pt idx="126">
                  <c:v>0.43478020000000006</c:v>
                </c:pt>
                <c:pt idx="127">
                  <c:v>0.42816600000000005</c:v>
                </c:pt>
                <c:pt idx="128">
                  <c:v>0.43096010000000029</c:v>
                </c:pt>
                <c:pt idx="129">
                  <c:v>0.42806150000000032</c:v>
                </c:pt>
                <c:pt idx="130">
                  <c:v>0.41276360000000012</c:v>
                </c:pt>
                <c:pt idx="131">
                  <c:v>0.40280790000000022</c:v>
                </c:pt>
                <c:pt idx="132">
                  <c:v>0.3619937000000002</c:v>
                </c:pt>
                <c:pt idx="133">
                  <c:v>0.37402350000000029</c:v>
                </c:pt>
                <c:pt idx="134">
                  <c:v>0.35673900000000014</c:v>
                </c:pt>
                <c:pt idx="135">
                  <c:v>0.33331230000000023</c:v>
                </c:pt>
                <c:pt idx="136">
                  <c:v>0.32925380000000026</c:v>
                </c:pt>
                <c:pt idx="137">
                  <c:v>0.34736050000000018</c:v>
                </c:pt>
                <c:pt idx="138">
                  <c:v>0.36220150000000029</c:v>
                </c:pt>
                <c:pt idx="139">
                  <c:v>0.34515470000000015</c:v>
                </c:pt>
                <c:pt idx="140">
                  <c:v>0.34011080000000016</c:v>
                </c:pt>
                <c:pt idx="141">
                  <c:v>0.32109980000000027</c:v>
                </c:pt>
                <c:pt idx="142">
                  <c:v>0.3210063000000003</c:v>
                </c:pt>
                <c:pt idx="143">
                  <c:v>0.32556110000000027</c:v>
                </c:pt>
                <c:pt idx="144">
                  <c:v>0.31122230000000028</c:v>
                </c:pt>
                <c:pt idx="145">
                  <c:v>0.31297630000000032</c:v>
                </c:pt>
                <c:pt idx="146">
                  <c:v>0.32206710000000038</c:v>
                </c:pt>
                <c:pt idx="147">
                  <c:v>0.27882080000000053</c:v>
                </c:pt>
                <c:pt idx="148">
                  <c:v>0.25344010000000039</c:v>
                </c:pt>
                <c:pt idx="149">
                  <c:v>0.25206490000000037</c:v>
                </c:pt>
                <c:pt idx="150">
                  <c:v>0.28488770000000052</c:v>
                </c:pt>
                <c:pt idx="151">
                  <c:v>0.28227180000000041</c:v>
                </c:pt>
                <c:pt idx="152">
                  <c:v>0.28090330000000052</c:v>
                </c:pt>
                <c:pt idx="153">
                  <c:v>0.28160280000000038</c:v>
                </c:pt>
                <c:pt idx="154">
                  <c:v>0.29720510000000044</c:v>
                </c:pt>
                <c:pt idx="155">
                  <c:v>0.28767930000000042</c:v>
                </c:pt>
                <c:pt idx="156">
                  <c:v>0.25957420000000053</c:v>
                </c:pt>
                <c:pt idx="157">
                  <c:v>0.25589670000000053</c:v>
                </c:pt>
                <c:pt idx="158">
                  <c:v>0.25534270000000037</c:v>
                </c:pt>
                <c:pt idx="159">
                  <c:v>0.26132730000000048</c:v>
                </c:pt>
                <c:pt idx="160">
                  <c:v>0.28088320000000055</c:v>
                </c:pt>
                <c:pt idx="161">
                  <c:v>0.28311570000000041</c:v>
                </c:pt>
                <c:pt idx="162">
                  <c:v>0.2870721000000005</c:v>
                </c:pt>
                <c:pt idx="163">
                  <c:v>0.28404510000000038</c:v>
                </c:pt>
                <c:pt idx="164">
                  <c:v>0.26542860000000035</c:v>
                </c:pt>
                <c:pt idx="165">
                  <c:v>0.24763080000000048</c:v>
                </c:pt>
                <c:pt idx="166">
                  <c:v>0.23562760000000038</c:v>
                </c:pt>
                <c:pt idx="167">
                  <c:v>0.21542380000000039</c:v>
                </c:pt>
                <c:pt idx="168">
                  <c:v>0.22279070000000045</c:v>
                </c:pt>
                <c:pt idx="169">
                  <c:v>0.23366930000000052</c:v>
                </c:pt>
                <c:pt idx="170">
                  <c:v>0.26371590000000045</c:v>
                </c:pt>
                <c:pt idx="171">
                  <c:v>0.2591218000000004</c:v>
                </c:pt>
                <c:pt idx="172">
                  <c:v>0.25524740000000046</c:v>
                </c:pt>
                <c:pt idx="173">
                  <c:v>0.24557680000000048</c:v>
                </c:pt>
                <c:pt idx="174">
                  <c:v>0.24452140000000044</c:v>
                </c:pt>
                <c:pt idx="175">
                  <c:v>0.25191250000000043</c:v>
                </c:pt>
                <c:pt idx="176">
                  <c:v>0.26740040000000032</c:v>
                </c:pt>
                <c:pt idx="177">
                  <c:v>0.28280800000000017</c:v>
                </c:pt>
                <c:pt idx="178">
                  <c:v>0.2828569000000003</c:v>
                </c:pt>
                <c:pt idx="179">
                  <c:v>0.29873870000000013</c:v>
                </c:pt>
                <c:pt idx="180">
                  <c:v>0.32508680000000023</c:v>
                </c:pt>
                <c:pt idx="181">
                  <c:v>0.32118190000000024</c:v>
                </c:pt>
                <c:pt idx="182">
                  <c:v>0.29443680000000017</c:v>
                </c:pt>
                <c:pt idx="183">
                  <c:v>0.28295190000000026</c:v>
                </c:pt>
                <c:pt idx="184">
                  <c:v>0.28586050000000029</c:v>
                </c:pt>
                <c:pt idx="185">
                  <c:v>0.26411750000000023</c:v>
                </c:pt>
                <c:pt idx="186">
                  <c:v>0.27716669999999999</c:v>
                </c:pt>
                <c:pt idx="187">
                  <c:v>0.28355419999999998</c:v>
                </c:pt>
                <c:pt idx="188">
                  <c:v>0.27534349999999996</c:v>
                </c:pt>
                <c:pt idx="189">
                  <c:v>0.27757279999999995</c:v>
                </c:pt>
                <c:pt idx="190">
                  <c:v>0.3028417000000001</c:v>
                </c:pt>
                <c:pt idx="191">
                  <c:v>0.31821849999999996</c:v>
                </c:pt>
                <c:pt idx="192">
                  <c:v>0.31467230000000002</c:v>
                </c:pt>
                <c:pt idx="193">
                  <c:v>0.31074249999999992</c:v>
                </c:pt>
                <c:pt idx="194">
                  <c:v>0.30024019999999996</c:v>
                </c:pt>
                <c:pt idx="195">
                  <c:v>0.28945139999999991</c:v>
                </c:pt>
                <c:pt idx="196">
                  <c:v>0.27580559999999998</c:v>
                </c:pt>
                <c:pt idx="197">
                  <c:v>0.28697290000000031</c:v>
                </c:pt>
                <c:pt idx="198">
                  <c:v>0.29920600000000031</c:v>
                </c:pt>
                <c:pt idx="199">
                  <c:v>0.29830750000000017</c:v>
                </c:pt>
                <c:pt idx="200">
                  <c:v>0.2991048000000005</c:v>
                </c:pt>
                <c:pt idx="201">
                  <c:v>0.30602920000000045</c:v>
                </c:pt>
                <c:pt idx="202">
                  <c:v>0.3004273000000004</c:v>
                </c:pt>
                <c:pt idx="203">
                  <c:v>0.29322410000000043</c:v>
                </c:pt>
                <c:pt idx="204">
                  <c:v>0.27924670000000051</c:v>
                </c:pt>
                <c:pt idx="205">
                  <c:v>0.28201500000000035</c:v>
                </c:pt>
                <c:pt idx="206">
                  <c:v>0.28888280000000055</c:v>
                </c:pt>
                <c:pt idx="207">
                  <c:v>0.30512510000000037</c:v>
                </c:pt>
                <c:pt idx="208">
                  <c:v>0.31550780000000045</c:v>
                </c:pt>
                <c:pt idx="209">
                  <c:v>0.32925210000000038</c:v>
                </c:pt>
                <c:pt idx="210">
                  <c:v>0.32568680000000039</c:v>
                </c:pt>
                <c:pt idx="211">
                  <c:v>0.30979720000000044</c:v>
                </c:pt>
                <c:pt idx="212">
                  <c:v>0.30529580000000034</c:v>
                </c:pt>
                <c:pt idx="213">
                  <c:v>0.30257930000000055</c:v>
                </c:pt>
                <c:pt idx="214">
                  <c:v>0.3151272000000005</c:v>
                </c:pt>
                <c:pt idx="215">
                  <c:v>0.32677750000000017</c:v>
                </c:pt>
                <c:pt idx="216">
                  <c:v>0.31706000000000012</c:v>
                </c:pt>
                <c:pt idx="217">
                  <c:v>0.28882710000000023</c:v>
                </c:pt>
                <c:pt idx="218">
                  <c:v>0.29605100000000029</c:v>
                </c:pt>
                <c:pt idx="219">
                  <c:v>0.3139337000000002</c:v>
                </c:pt>
                <c:pt idx="220">
                  <c:v>0.34514190000000022</c:v>
                </c:pt>
                <c:pt idx="221">
                  <c:v>0.3539264000000002</c:v>
                </c:pt>
                <c:pt idx="222">
                  <c:v>0.35516970000000025</c:v>
                </c:pt>
                <c:pt idx="223">
                  <c:v>0.37557150000000017</c:v>
                </c:pt>
                <c:pt idx="224">
                  <c:v>0.38603310000000013</c:v>
                </c:pt>
                <c:pt idx="225">
                  <c:v>0.36876430000000027</c:v>
                </c:pt>
                <c:pt idx="226">
                  <c:v>0.36524720000000022</c:v>
                </c:pt>
                <c:pt idx="227">
                  <c:v>0.37335130000000016</c:v>
                </c:pt>
                <c:pt idx="228">
                  <c:v>0.38727690000000004</c:v>
                </c:pt>
                <c:pt idx="229">
                  <c:v>0.39964960000000005</c:v>
                </c:pt>
                <c:pt idx="230">
                  <c:v>0.39176670000000002</c:v>
                </c:pt>
                <c:pt idx="231">
                  <c:v>0.3630173000000001</c:v>
                </c:pt>
                <c:pt idx="232">
                  <c:v>0.40624309999999997</c:v>
                </c:pt>
                <c:pt idx="233">
                  <c:v>0.40511059999999999</c:v>
                </c:pt>
                <c:pt idx="234">
                  <c:v>0.40131779999999995</c:v>
                </c:pt>
                <c:pt idx="235">
                  <c:v>0.39348369999999999</c:v>
                </c:pt>
                <c:pt idx="236">
                  <c:v>0.3687821</c:v>
                </c:pt>
                <c:pt idx="237">
                  <c:v>0.39670339999999982</c:v>
                </c:pt>
                <c:pt idx="238">
                  <c:v>0.38292529999999969</c:v>
                </c:pt>
                <c:pt idx="239">
                  <c:v>0.38030469999999972</c:v>
                </c:pt>
                <c:pt idx="240">
                  <c:v>0.39839519999999973</c:v>
                </c:pt>
                <c:pt idx="241">
                  <c:v>0.40323589999999987</c:v>
                </c:pt>
                <c:pt idx="242">
                  <c:v>0.40608649999999979</c:v>
                </c:pt>
                <c:pt idx="243">
                  <c:v>0.41948940000000001</c:v>
                </c:pt>
                <c:pt idx="244">
                  <c:v>0.43647589999999981</c:v>
                </c:pt>
                <c:pt idx="245">
                  <c:v>0.44452329999999951</c:v>
                </c:pt>
                <c:pt idx="246">
                  <c:v>0.45400949999999951</c:v>
                </c:pt>
                <c:pt idx="247">
                  <c:v>0.46952139999999964</c:v>
                </c:pt>
                <c:pt idx="248">
                  <c:v>0.47838729999999963</c:v>
                </c:pt>
                <c:pt idx="249">
                  <c:v>0.48980219999999952</c:v>
                </c:pt>
                <c:pt idx="250">
                  <c:v>0.50471669999999969</c:v>
                </c:pt>
                <c:pt idx="251">
                  <c:v>0.50549159999999982</c:v>
                </c:pt>
                <c:pt idx="252">
                  <c:v>0.49355099999999985</c:v>
                </c:pt>
                <c:pt idx="253">
                  <c:v>0.49564129999999973</c:v>
                </c:pt>
                <c:pt idx="254">
                  <c:v>0.5171163999999997</c:v>
                </c:pt>
                <c:pt idx="255">
                  <c:v>0.53509369999999978</c:v>
                </c:pt>
                <c:pt idx="256">
                  <c:v>0.5458491999999997</c:v>
                </c:pt>
                <c:pt idx="257">
                  <c:v>0.55987029999999982</c:v>
                </c:pt>
                <c:pt idx="258">
                  <c:v>0.57834119999999989</c:v>
                </c:pt>
                <c:pt idx="259">
                  <c:v>0.57831019999999977</c:v>
                </c:pt>
                <c:pt idx="260">
                  <c:v>0.59466499999999978</c:v>
                </c:pt>
                <c:pt idx="261">
                  <c:v>0.58925829999999979</c:v>
                </c:pt>
                <c:pt idx="262">
                  <c:v>0.57862359999999979</c:v>
                </c:pt>
                <c:pt idx="263">
                  <c:v>0.60331029999999997</c:v>
                </c:pt>
                <c:pt idx="264">
                  <c:v>0.59526830000000008</c:v>
                </c:pt>
                <c:pt idx="265">
                  <c:v>0.60743980000000009</c:v>
                </c:pt>
                <c:pt idx="266">
                  <c:v>0.62162230000000007</c:v>
                </c:pt>
                <c:pt idx="267">
                  <c:v>0.61851269999999992</c:v>
                </c:pt>
                <c:pt idx="268">
                  <c:v>0.56829440000000009</c:v>
                </c:pt>
                <c:pt idx="269">
                  <c:v>0.5174593999999999</c:v>
                </c:pt>
                <c:pt idx="270">
                  <c:v>0.52592679999999969</c:v>
                </c:pt>
                <c:pt idx="271">
                  <c:v>0.54502729999999966</c:v>
                </c:pt>
                <c:pt idx="272">
                  <c:v>0.56332219999999955</c:v>
                </c:pt>
                <c:pt idx="273">
                  <c:v>0.52002559999999964</c:v>
                </c:pt>
                <c:pt idx="274">
                  <c:v>0.51430709999999946</c:v>
                </c:pt>
                <c:pt idx="275">
                  <c:v>0.53981059999999936</c:v>
                </c:pt>
                <c:pt idx="276">
                  <c:v>0.53016229999999931</c:v>
                </c:pt>
                <c:pt idx="277">
                  <c:v>0.49991869999999938</c:v>
                </c:pt>
                <c:pt idx="278">
                  <c:v>0.49413119999999933</c:v>
                </c:pt>
                <c:pt idx="279">
                  <c:v>0.48986249999999942</c:v>
                </c:pt>
                <c:pt idx="280">
                  <c:v>0.51949109999999932</c:v>
                </c:pt>
                <c:pt idx="281">
                  <c:v>0.52590639999999933</c:v>
                </c:pt>
                <c:pt idx="282">
                  <c:v>0.5295668999999994</c:v>
                </c:pt>
                <c:pt idx="283">
                  <c:v>0.51374459999999944</c:v>
                </c:pt>
                <c:pt idx="284">
                  <c:v>0.51919819999999928</c:v>
                </c:pt>
                <c:pt idx="285">
                  <c:v>0.54829689999999931</c:v>
                </c:pt>
                <c:pt idx="286">
                  <c:v>0.58430189999999937</c:v>
                </c:pt>
                <c:pt idx="287">
                  <c:v>0.61603369999999935</c:v>
                </c:pt>
                <c:pt idx="288">
                  <c:v>0.59597479999999936</c:v>
                </c:pt>
                <c:pt idx="289">
                  <c:v>0.60199009999999964</c:v>
                </c:pt>
                <c:pt idx="290">
                  <c:v>0.59442559999999967</c:v>
                </c:pt>
                <c:pt idx="291">
                  <c:v>0.59395129999999963</c:v>
                </c:pt>
                <c:pt idx="292">
                  <c:v>0.57333829999999963</c:v>
                </c:pt>
                <c:pt idx="293">
                  <c:v>0.57613379999999981</c:v>
                </c:pt>
                <c:pt idx="294">
                  <c:v>0.56356999999999968</c:v>
                </c:pt>
                <c:pt idx="295">
                  <c:v>0.57460199999999961</c:v>
                </c:pt>
                <c:pt idx="296">
                  <c:v>0.60398329999999945</c:v>
                </c:pt>
                <c:pt idx="297">
                  <c:v>0.61475069999999943</c:v>
                </c:pt>
                <c:pt idx="298">
                  <c:v>0.62016749999999954</c:v>
                </c:pt>
                <c:pt idx="299">
                  <c:v>0.61121939999999952</c:v>
                </c:pt>
                <c:pt idx="300">
                  <c:v>0.64753869999999947</c:v>
                </c:pt>
                <c:pt idx="301">
                  <c:v>0.65098099999999937</c:v>
                </c:pt>
                <c:pt idx="302">
                  <c:v>0.65197759999999927</c:v>
                </c:pt>
                <c:pt idx="303">
                  <c:v>0.64605419999999936</c:v>
                </c:pt>
                <c:pt idx="304">
                  <c:v>0.62965849999999923</c:v>
                </c:pt>
                <c:pt idx="305">
                  <c:v>0.63249939999999927</c:v>
                </c:pt>
                <c:pt idx="306">
                  <c:v>0.66997339999999928</c:v>
                </c:pt>
                <c:pt idx="307">
                  <c:v>0.68604049999999961</c:v>
                </c:pt>
                <c:pt idx="308">
                  <c:v>0.6719174999999995</c:v>
                </c:pt>
                <c:pt idx="309">
                  <c:v>0.68915709999999963</c:v>
                </c:pt>
                <c:pt idx="310">
                  <c:v>0.68057219999999963</c:v>
                </c:pt>
                <c:pt idx="311">
                  <c:v>0.67844949999999948</c:v>
                </c:pt>
                <c:pt idx="312">
                  <c:v>0.67743679999999951</c:v>
                </c:pt>
                <c:pt idx="313">
                  <c:v>0.69410219999999945</c:v>
                </c:pt>
                <c:pt idx="314">
                  <c:v>0.69952499999999929</c:v>
                </c:pt>
                <c:pt idx="315">
                  <c:v>0.72509389999999918</c:v>
                </c:pt>
                <c:pt idx="316">
                  <c:v>0.71154629999999908</c:v>
                </c:pt>
                <c:pt idx="317">
                  <c:v>0.72162789999999899</c:v>
                </c:pt>
                <c:pt idx="318">
                  <c:v>0.71442439999999885</c:v>
                </c:pt>
                <c:pt idx="319">
                  <c:v>0.70803539999999887</c:v>
                </c:pt>
                <c:pt idx="320">
                  <c:v>0.73537739999999885</c:v>
                </c:pt>
                <c:pt idx="321">
                  <c:v>0.73556829999999906</c:v>
                </c:pt>
                <c:pt idx="322">
                  <c:v>0.73146019999999901</c:v>
                </c:pt>
                <c:pt idx="323">
                  <c:v>0.72113629999999906</c:v>
                </c:pt>
                <c:pt idx="324">
                  <c:v>0.72970029999999908</c:v>
                </c:pt>
                <c:pt idx="325">
                  <c:v>0.71739909999999907</c:v>
                </c:pt>
                <c:pt idx="326">
                  <c:v>0.73219429999999908</c:v>
                </c:pt>
                <c:pt idx="327">
                  <c:v>0.73213179999999922</c:v>
                </c:pt>
                <c:pt idx="328">
                  <c:v>0.71842719999999916</c:v>
                </c:pt>
                <c:pt idx="329">
                  <c:v>0.76406299999999905</c:v>
                </c:pt>
                <c:pt idx="330">
                  <c:v>0.79925729999999917</c:v>
                </c:pt>
                <c:pt idx="331">
                  <c:v>0.81031029999999915</c:v>
                </c:pt>
                <c:pt idx="332">
                  <c:v>0.83221639999999897</c:v>
                </c:pt>
                <c:pt idx="333">
                  <c:v>0.83153139999999892</c:v>
                </c:pt>
                <c:pt idx="334">
                  <c:v>0.81612869999999882</c:v>
                </c:pt>
                <c:pt idx="335">
                  <c:v>0.8576874999999986</c:v>
                </c:pt>
                <c:pt idx="336">
                  <c:v>0.88309789999999877</c:v>
                </c:pt>
                <c:pt idx="337">
                  <c:v>0.87280789999999864</c:v>
                </c:pt>
                <c:pt idx="338">
                  <c:v>0.90398009999999851</c:v>
                </c:pt>
                <c:pt idx="339">
                  <c:v>0.89492679999999836</c:v>
                </c:pt>
                <c:pt idx="340">
                  <c:v>0.86785989999999869</c:v>
                </c:pt>
                <c:pt idx="341">
                  <c:v>0.92438049999999872</c:v>
                </c:pt>
                <c:pt idx="342">
                  <c:v>0.91353559999999856</c:v>
                </c:pt>
                <c:pt idx="343">
                  <c:v>0.90052429999999872</c:v>
                </c:pt>
                <c:pt idx="344">
                  <c:v>0.94642089999999834</c:v>
                </c:pt>
                <c:pt idx="345">
                  <c:v>0.94631799999999844</c:v>
                </c:pt>
                <c:pt idx="346">
                  <c:v>0.98287449999999876</c:v>
                </c:pt>
                <c:pt idx="347">
                  <c:v>1.0230815999999985</c:v>
                </c:pt>
                <c:pt idx="348">
                  <c:v>1.0038315999999985</c:v>
                </c:pt>
                <c:pt idx="349">
                  <c:v>1.0185806999999985</c:v>
                </c:pt>
                <c:pt idx="350">
                  <c:v>1.0256156999999986</c:v>
                </c:pt>
                <c:pt idx="351">
                  <c:v>1.0044550999999986</c:v>
                </c:pt>
                <c:pt idx="352">
                  <c:v>0.96866069999999871</c:v>
                </c:pt>
                <c:pt idx="353">
                  <c:v>0.99835189999999896</c:v>
                </c:pt>
                <c:pt idx="354">
                  <c:v>0.96243639999999919</c:v>
                </c:pt>
                <c:pt idx="355">
                  <c:v>0.93240189999999901</c:v>
                </c:pt>
                <c:pt idx="356">
                  <c:v>0.95494399999999913</c:v>
                </c:pt>
                <c:pt idx="357">
                  <c:v>0.96653359999999933</c:v>
                </c:pt>
                <c:pt idx="358">
                  <c:v>0.93867139999999938</c:v>
                </c:pt>
                <c:pt idx="359">
                  <c:v>0.92180849999999936</c:v>
                </c:pt>
                <c:pt idx="360">
                  <c:v>0.93759399999999937</c:v>
                </c:pt>
                <c:pt idx="361">
                  <c:v>0.97541319999999954</c:v>
                </c:pt>
                <c:pt idx="362">
                  <c:v>0.99686709999999956</c:v>
                </c:pt>
                <c:pt idx="363">
                  <c:v>0.99538139999999964</c:v>
                </c:pt>
                <c:pt idx="364">
                  <c:v>0.99775889999999978</c:v>
                </c:pt>
                <c:pt idx="365">
                  <c:v>0.98872179999999976</c:v>
                </c:pt>
                <c:pt idx="366">
                  <c:v>0.98033819999999983</c:v>
                </c:pt>
                <c:pt idx="367">
                  <c:v>0.99940309999999988</c:v>
                </c:pt>
                <c:pt idx="368">
                  <c:v>1.0340512999999998</c:v>
                </c:pt>
                <c:pt idx="369">
                  <c:v>1.0574621</c:v>
                </c:pt>
                <c:pt idx="370">
                  <c:v>1.0565886999999998</c:v>
                </c:pt>
                <c:pt idx="371">
                  <c:v>1.0467</c:v>
                </c:pt>
                <c:pt idx="372">
                  <c:v>0.98608070000000003</c:v>
                </c:pt>
                <c:pt idx="373">
                  <c:v>0.95714589999999999</c:v>
                </c:pt>
                <c:pt idx="374">
                  <c:v>0.9570346999999999</c:v>
                </c:pt>
                <c:pt idx="375">
                  <c:v>0.9484146</c:v>
                </c:pt>
                <c:pt idx="376">
                  <c:v>0.9593166999999998</c:v>
                </c:pt>
                <c:pt idx="377">
                  <c:v>0.97000109999999973</c:v>
                </c:pt>
                <c:pt idx="378">
                  <c:v>1.0014583999999997</c:v>
                </c:pt>
                <c:pt idx="379">
                  <c:v>1.0196297999999997</c:v>
                </c:pt>
                <c:pt idx="380">
                  <c:v>1.0119610999999997</c:v>
                </c:pt>
                <c:pt idx="381">
                  <c:v>1.0215608999999994</c:v>
                </c:pt>
                <c:pt idx="382">
                  <c:v>0.99966279999999963</c:v>
                </c:pt>
                <c:pt idx="383">
                  <c:v>1.0075736999999996</c:v>
                </c:pt>
                <c:pt idx="384">
                  <c:v>0.99065629999999949</c:v>
                </c:pt>
                <c:pt idx="385">
                  <c:v>0.98959599999999948</c:v>
                </c:pt>
                <c:pt idx="386">
                  <c:v>0.98720689999999967</c:v>
                </c:pt>
                <c:pt idx="387">
                  <c:v>0.96914229999999946</c:v>
                </c:pt>
                <c:pt idx="388">
                  <c:v>0.96696449999999956</c:v>
                </c:pt>
                <c:pt idx="389">
                  <c:v>0.99152519999999988</c:v>
                </c:pt>
                <c:pt idx="390">
                  <c:v>0.98858019999999969</c:v>
                </c:pt>
                <c:pt idx="391">
                  <c:v>1.0276332999999997</c:v>
                </c:pt>
                <c:pt idx="392">
                  <c:v>1.0401428999999998</c:v>
                </c:pt>
                <c:pt idx="393">
                  <c:v>1.0385127999999995</c:v>
                </c:pt>
                <c:pt idx="394">
                  <c:v>1.0529149999999996</c:v>
                </c:pt>
                <c:pt idx="395">
                  <c:v>1.0424352999999997</c:v>
                </c:pt>
                <c:pt idx="396">
                  <c:v>1.0252246999999994</c:v>
                </c:pt>
                <c:pt idx="397">
                  <c:v>1.0120163999999994</c:v>
                </c:pt>
                <c:pt idx="398">
                  <c:v>1.0078723999999997</c:v>
                </c:pt>
                <c:pt idx="399">
                  <c:v>1.0009318999999994</c:v>
                </c:pt>
                <c:pt idx="400">
                  <c:v>1.0259177999999998</c:v>
                </c:pt>
                <c:pt idx="401">
                  <c:v>1.0513018999999995</c:v>
                </c:pt>
                <c:pt idx="402">
                  <c:v>1.0709893999999998</c:v>
                </c:pt>
                <c:pt idx="403">
                  <c:v>1.0755680999999995</c:v>
                </c:pt>
                <c:pt idx="404">
                  <c:v>1.0604709999999997</c:v>
                </c:pt>
                <c:pt idx="405">
                  <c:v>1.0571192999999997</c:v>
                </c:pt>
                <c:pt idx="406">
                  <c:v>1.0809319999999993</c:v>
                </c:pt>
                <c:pt idx="407">
                  <c:v>1.0706365999999994</c:v>
                </c:pt>
                <c:pt idx="408">
                  <c:v>1.0829957999999995</c:v>
                </c:pt>
                <c:pt idx="409">
                  <c:v>1.1179494999999995</c:v>
                </c:pt>
                <c:pt idx="410">
                  <c:v>1.1160710999999996</c:v>
                </c:pt>
                <c:pt idx="411">
                  <c:v>1.1168677999999996</c:v>
                </c:pt>
                <c:pt idx="412">
                  <c:v>1.1375989999999994</c:v>
                </c:pt>
                <c:pt idx="413">
                  <c:v>1.1574571999999996</c:v>
                </c:pt>
                <c:pt idx="414">
                  <c:v>1.1755866999999998</c:v>
                </c:pt>
                <c:pt idx="415">
                  <c:v>1.1664817999999997</c:v>
                </c:pt>
                <c:pt idx="416">
                  <c:v>1.1512054999999997</c:v>
                </c:pt>
                <c:pt idx="417">
                  <c:v>1.1047689999999997</c:v>
                </c:pt>
                <c:pt idx="418">
                  <c:v>1.0715840999999995</c:v>
                </c:pt>
                <c:pt idx="419">
                  <c:v>1.0659767999999996</c:v>
                </c:pt>
                <c:pt idx="420">
                  <c:v>1.0334032999999994</c:v>
                </c:pt>
                <c:pt idx="421">
                  <c:v>1.0165380999999996</c:v>
                </c:pt>
                <c:pt idx="422">
                  <c:v>1.0128130999999994</c:v>
                </c:pt>
                <c:pt idx="423">
                  <c:v>0.93486249999999949</c:v>
                </c:pt>
                <c:pt idx="424">
                  <c:v>0.96747259999999979</c:v>
                </c:pt>
                <c:pt idx="425">
                  <c:v>0.89328739999999973</c:v>
                </c:pt>
                <c:pt idx="426">
                  <c:v>0.95296849999999989</c:v>
                </c:pt>
                <c:pt idx="427">
                  <c:v>1.0144598999999999</c:v>
                </c:pt>
                <c:pt idx="428">
                  <c:v>1.0214862</c:v>
                </c:pt>
                <c:pt idx="429">
                  <c:v>0.96476049999999991</c:v>
                </c:pt>
                <c:pt idx="430">
                  <c:v>0.96260039999999991</c:v>
                </c:pt>
                <c:pt idx="431">
                  <c:v>0.98400350000000003</c:v>
                </c:pt>
                <c:pt idx="432">
                  <c:v>1.006475</c:v>
                </c:pt>
                <c:pt idx="433">
                  <c:v>0.97488949999999996</c:v>
                </c:pt>
                <c:pt idx="434">
                  <c:v>0.92863040000000008</c:v>
                </c:pt>
                <c:pt idx="435">
                  <c:v>0.92652570000000001</c:v>
                </c:pt>
                <c:pt idx="436">
                  <c:v>0.86615639999999994</c:v>
                </c:pt>
                <c:pt idx="437">
                  <c:v>0.89381390000000027</c:v>
                </c:pt>
                <c:pt idx="438">
                  <c:v>0.84257420000000027</c:v>
                </c:pt>
                <c:pt idx="439">
                  <c:v>0.77590520000000018</c:v>
                </c:pt>
                <c:pt idx="440">
                  <c:v>0.74086180000000024</c:v>
                </c:pt>
                <c:pt idx="441">
                  <c:v>0.80183420000000027</c:v>
                </c:pt>
                <c:pt idx="442">
                  <c:v>0.8093013</c:v>
                </c:pt>
                <c:pt idx="443">
                  <c:v>0.80149709999999996</c:v>
                </c:pt>
                <c:pt idx="444">
                  <c:v>0.82677369999999972</c:v>
                </c:pt>
                <c:pt idx="445">
                  <c:v>0.84239329999999968</c:v>
                </c:pt>
                <c:pt idx="446">
                  <c:v>0.84947979999999967</c:v>
                </c:pt>
                <c:pt idx="447">
                  <c:v>0.86464260000000004</c:v>
                </c:pt>
                <c:pt idx="448">
                  <c:v>0.86235179999999989</c:v>
                </c:pt>
                <c:pt idx="449">
                  <c:v>0.86341219999999974</c:v>
                </c:pt>
                <c:pt idx="450">
                  <c:v>0.90743539999999978</c:v>
                </c:pt>
                <c:pt idx="451">
                  <c:v>0.95206689999999972</c:v>
                </c:pt>
                <c:pt idx="452">
                  <c:v>0.97581579999999946</c:v>
                </c:pt>
                <c:pt idx="453">
                  <c:v>0.98581209999999952</c:v>
                </c:pt>
                <c:pt idx="454">
                  <c:v>0.95714929999999954</c:v>
                </c:pt>
                <c:pt idx="455">
                  <c:v>0.96573389999999937</c:v>
                </c:pt>
                <c:pt idx="456">
                  <c:v>0.95429249999999932</c:v>
                </c:pt>
                <c:pt idx="457">
                  <c:v>0.95161509999999927</c:v>
                </c:pt>
                <c:pt idx="458">
                  <c:v>0.94328719999999944</c:v>
                </c:pt>
                <c:pt idx="459">
                  <c:v>0.9644846999999992</c:v>
                </c:pt>
                <c:pt idx="460">
                  <c:v>0.92586619999999931</c:v>
                </c:pt>
                <c:pt idx="461">
                  <c:v>0.91189689999999923</c:v>
                </c:pt>
                <c:pt idx="462">
                  <c:v>0.89801029999999926</c:v>
                </c:pt>
                <c:pt idx="463">
                  <c:v>0.90461989999999903</c:v>
                </c:pt>
                <c:pt idx="464">
                  <c:v>0.96860019999999913</c:v>
                </c:pt>
                <c:pt idx="465">
                  <c:v>0.9741287999999988</c:v>
                </c:pt>
                <c:pt idx="466">
                  <c:v>0.94105819999999896</c:v>
                </c:pt>
                <c:pt idx="467">
                  <c:v>0.96103999999999878</c:v>
                </c:pt>
                <c:pt idx="468">
                  <c:v>0.98063899999999893</c:v>
                </c:pt>
                <c:pt idx="469">
                  <c:v>0.99290499999999904</c:v>
                </c:pt>
                <c:pt idx="470">
                  <c:v>0.98832809999999904</c:v>
                </c:pt>
                <c:pt idx="471">
                  <c:v>1.0055128999999985</c:v>
                </c:pt>
                <c:pt idx="472">
                  <c:v>0.99965189999999859</c:v>
                </c:pt>
                <c:pt idx="473">
                  <c:v>0.9884685999999987</c:v>
                </c:pt>
                <c:pt idx="474">
                  <c:v>1.0240851999999987</c:v>
                </c:pt>
                <c:pt idx="475">
                  <c:v>1.0306198999999987</c:v>
                </c:pt>
                <c:pt idx="476">
                  <c:v>1.0518462999999985</c:v>
                </c:pt>
                <c:pt idx="477">
                  <c:v>1.0483336999999988</c:v>
                </c:pt>
                <c:pt idx="478">
                  <c:v>1.0567814999999987</c:v>
                </c:pt>
                <c:pt idx="479">
                  <c:v>1.0565220999999987</c:v>
                </c:pt>
                <c:pt idx="480">
                  <c:v>1.0337630999999985</c:v>
                </c:pt>
                <c:pt idx="481">
                  <c:v>1.0299559999999985</c:v>
                </c:pt>
                <c:pt idx="482">
                  <c:v>1.0203255999999987</c:v>
                </c:pt>
                <c:pt idx="483">
                  <c:v>1.0341156999999987</c:v>
                </c:pt>
                <c:pt idx="484">
                  <c:v>1.0522081999999986</c:v>
                </c:pt>
                <c:pt idx="485">
                  <c:v>1.0706810999999985</c:v>
                </c:pt>
                <c:pt idx="486">
                  <c:v>1.0542983999999986</c:v>
                </c:pt>
                <c:pt idx="487">
                  <c:v>1.0433652999999987</c:v>
                </c:pt>
                <c:pt idx="488">
                  <c:v>1.0239204999999987</c:v>
                </c:pt>
                <c:pt idx="489">
                  <c:v>0.98219079999999859</c:v>
                </c:pt>
                <c:pt idx="490">
                  <c:v>0.96127479999999865</c:v>
                </c:pt>
                <c:pt idx="491">
                  <c:v>0.98089609999999894</c:v>
                </c:pt>
                <c:pt idx="492">
                  <c:v>0.9926704999999989</c:v>
                </c:pt>
                <c:pt idx="493">
                  <c:v>1.0076839999999989</c:v>
                </c:pt>
                <c:pt idx="494">
                  <c:v>1.0087769999999989</c:v>
                </c:pt>
                <c:pt idx="495">
                  <c:v>1.0100879999999992</c:v>
                </c:pt>
                <c:pt idx="496">
                  <c:v>1.0408723999999991</c:v>
                </c:pt>
                <c:pt idx="497">
                  <c:v>1.0707026999999991</c:v>
                </c:pt>
                <c:pt idx="498">
                  <c:v>1.0604739999999993</c:v>
                </c:pt>
                <c:pt idx="499">
                  <c:v>1.0544836999999991</c:v>
                </c:pt>
                <c:pt idx="500">
                  <c:v>1.0399614999999991</c:v>
                </c:pt>
                <c:pt idx="501">
                  <c:v>1.0020972999999991</c:v>
                </c:pt>
                <c:pt idx="502">
                  <c:v>1.0011319999999992</c:v>
                </c:pt>
                <c:pt idx="503">
                  <c:v>1.0146783999999993</c:v>
                </c:pt>
                <c:pt idx="504">
                  <c:v>1.0128480999999989</c:v>
                </c:pt>
                <c:pt idx="505">
                  <c:v>1.0068826999999989</c:v>
                </c:pt>
                <c:pt idx="506">
                  <c:v>1.0243650999999989</c:v>
                </c:pt>
                <c:pt idx="507">
                  <c:v>1.0032257999999992</c:v>
                </c:pt>
                <c:pt idx="508">
                  <c:v>0.9938219999999991</c:v>
                </c:pt>
                <c:pt idx="509">
                  <c:v>0.96050529999999901</c:v>
                </c:pt>
                <c:pt idx="510">
                  <c:v>0.94795949999999918</c:v>
                </c:pt>
                <c:pt idx="511">
                  <c:v>0.93791609999999914</c:v>
                </c:pt>
                <c:pt idx="512">
                  <c:v>0.98890779999999934</c:v>
                </c:pt>
                <c:pt idx="513">
                  <c:v>1.0042717999999997</c:v>
                </c:pt>
                <c:pt idx="514">
                  <c:v>1.0276865999999996</c:v>
                </c:pt>
                <c:pt idx="515">
                  <c:v>1.0288508999999997</c:v>
                </c:pt>
                <c:pt idx="516">
                  <c:v>1.0503348999999997</c:v>
                </c:pt>
                <c:pt idx="517">
                  <c:v>1.0380692999999996</c:v>
                </c:pt>
                <c:pt idx="518">
                  <c:v>1.0643490999999994</c:v>
                </c:pt>
                <c:pt idx="519">
                  <c:v>1.0936632999999993</c:v>
                </c:pt>
                <c:pt idx="520">
                  <c:v>1.0761360999999994</c:v>
                </c:pt>
                <c:pt idx="521">
                  <c:v>1.1045642999999989</c:v>
                </c:pt>
                <c:pt idx="522">
                  <c:v>1.1242316999999993</c:v>
                </c:pt>
                <c:pt idx="523">
                  <c:v>1.1107258999999989</c:v>
                </c:pt>
                <c:pt idx="524">
                  <c:v>1.1284173999999991</c:v>
                </c:pt>
                <c:pt idx="525">
                  <c:v>1.1220108999999989</c:v>
                </c:pt>
                <c:pt idx="526">
                  <c:v>1.1194271999999992</c:v>
                </c:pt>
                <c:pt idx="527">
                  <c:v>1.1260347999999989</c:v>
                </c:pt>
                <c:pt idx="528">
                  <c:v>1.1196700999999991</c:v>
                </c:pt>
                <c:pt idx="529">
                  <c:v>1.115485099999999</c:v>
                </c:pt>
                <c:pt idx="530">
                  <c:v>1.1260720999999991</c:v>
                </c:pt>
                <c:pt idx="531">
                  <c:v>1.1494720999999992</c:v>
                </c:pt>
                <c:pt idx="532">
                  <c:v>1.143171999999999</c:v>
                </c:pt>
                <c:pt idx="533">
                  <c:v>1.147882399999999</c:v>
                </c:pt>
                <c:pt idx="534">
                  <c:v>1.1472608999999991</c:v>
                </c:pt>
                <c:pt idx="535">
                  <c:v>1.1230319999999989</c:v>
                </c:pt>
                <c:pt idx="536">
                  <c:v>1.1355701999999992</c:v>
                </c:pt>
                <c:pt idx="537">
                  <c:v>1.1594764999999989</c:v>
                </c:pt>
                <c:pt idx="538">
                  <c:v>1.1795938999999991</c:v>
                </c:pt>
                <c:pt idx="539">
                  <c:v>1.2144337999999992</c:v>
                </c:pt>
                <c:pt idx="540">
                  <c:v>1.2090227999999992</c:v>
                </c:pt>
                <c:pt idx="541">
                  <c:v>1.2003491999999989</c:v>
                </c:pt>
                <c:pt idx="542">
                  <c:v>1.2180943999999991</c:v>
                </c:pt>
                <c:pt idx="543">
                  <c:v>1.1967497999999992</c:v>
                </c:pt>
                <c:pt idx="544">
                  <c:v>1.1920816999999992</c:v>
                </c:pt>
                <c:pt idx="545">
                  <c:v>1.2335937999999991</c:v>
                </c:pt>
                <c:pt idx="546">
                  <c:v>1.2425909999999991</c:v>
                </c:pt>
                <c:pt idx="547">
                  <c:v>1.2246506999999993</c:v>
                </c:pt>
                <c:pt idx="548">
                  <c:v>1.2245476999999991</c:v>
                </c:pt>
                <c:pt idx="549">
                  <c:v>1.2481226999999993</c:v>
                </c:pt>
                <c:pt idx="550">
                  <c:v>1.2747099999999989</c:v>
                </c:pt>
                <c:pt idx="551">
                  <c:v>1.303460799999999</c:v>
                </c:pt>
                <c:pt idx="552">
                  <c:v>1.2929289999999991</c:v>
                </c:pt>
                <c:pt idx="553">
                  <c:v>1.2693068999999992</c:v>
                </c:pt>
                <c:pt idx="554">
                  <c:v>1.2521992999999991</c:v>
                </c:pt>
                <c:pt idx="555">
                  <c:v>1.2998623999999985</c:v>
                </c:pt>
                <c:pt idx="556">
                  <c:v>1.2938579999999988</c:v>
                </c:pt>
                <c:pt idx="557">
                  <c:v>1.2914776999999988</c:v>
                </c:pt>
                <c:pt idx="558">
                  <c:v>1.3129579999999987</c:v>
                </c:pt>
                <c:pt idx="559">
                  <c:v>1.3555680999999988</c:v>
                </c:pt>
                <c:pt idx="560">
                  <c:v>1.3616074999999985</c:v>
                </c:pt>
                <c:pt idx="561">
                  <c:v>1.3671736999999986</c:v>
                </c:pt>
                <c:pt idx="562">
                  <c:v>1.3745607999999985</c:v>
                </c:pt>
                <c:pt idx="563">
                  <c:v>1.3901729999999981</c:v>
                </c:pt>
                <c:pt idx="564">
                  <c:v>1.3774296999999982</c:v>
                </c:pt>
                <c:pt idx="565">
                  <c:v>1.375773199999998</c:v>
                </c:pt>
                <c:pt idx="566">
                  <c:v>1.405428999999998</c:v>
                </c:pt>
                <c:pt idx="567">
                  <c:v>1.4183928999999984</c:v>
                </c:pt>
                <c:pt idx="568">
                  <c:v>1.418651999999998</c:v>
                </c:pt>
                <c:pt idx="569">
                  <c:v>1.3991210999999981</c:v>
                </c:pt>
                <c:pt idx="570">
                  <c:v>1.4145117999999983</c:v>
                </c:pt>
                <c:pt idx="571">
                  <c:v>1.4026673999999981</c:v>
                </c:pt>
                <c:pt idx="572">
                  <c:v>1.4092483999999983</c:v>
                </c:pt>
                <c:pt idx="573">
                  <c:v>1.422443599999998</c:v>
                </c:pt>
                <c:pt idx="574">
                  <c:v>1.4427880999999982</c:v>
                </c:pt>
                <c:pt idx="575">
                  <c:v>1.4573401999999982</c:v>
                </c:pt>
                <c:pt idx="576">
                  <c:v>1.4569839999999981</c:v>
                </c:pt>
                <c:pt idx="577">
                  <c:v>1.4849440999999985</c:v>
                </c:pt>
                <c:pt idx="578">
                  <c:v>1.4852435999999991</c:v>
                </c:pt>
                <c:pt idx="579">
                  <c:v>1.4521596999999993</c:v>
                </c:pt>
                <c:pt idx="580">
                  <c:v>1.4117803999999992</c:v>
                </c:pt>
                <c:pt idx="581">
                  <c:v>1.4035401999999992</c:v>
                </c:pt>
                <c:pt idx="582">
                  <c:v>1.3772631999999989</c:v>
                </c:pt>
                <c:pt idx="583">
                  <c:v>1.355776399999999</c:v>
                </c:pt>
                <c:pt idx="584">
                  <c:v>1.390259299999999</c:v>
                </c:pt>
                <c:pt idx="585">
                  <c:v>1.4080726999999991</c:v>
                </c:pt>
                <c:pt idx="586">
                  <c:v>1.428941599999999</c:v>
                </c:pt>
                <c:pt idx="587">
                  <c:v>1.4126239999999992</c:v>
                </c:pt>
                <c:pt idx="588">
                  <c:v>1.4167447999999991</c:v>
                </c:pt>
                <c:pt idx="589">
                  <c:v>1.434038399999999</c:v>
                </c:pt>
                <c:pt idx="590">
                  <c:v>1.435803299999999</c:v>
                </c:pt>
                <c:pt idx="591">
                  <c:v>1.4661052999999993</c:v>
                </c:pt>
                <c:pt idx="592">
                  <c:v>1.4781733999999993</c:v>
                </c:pt>
                <c:pt idx="593">
                  <c:v>1.4952221999999993</c:v>
                </c:pt>
                <c:pt idx="594">
                  <c:v>1.4952331999999995</c:v>
                </c:pt>
                <c:pt idx="595">
                  <c:v>1.4865169999999996</c:v>
                </c:pt>
                <c:pt idx="596">
                  <c:v>1.4753961999999996</c:v>
                </c:pt>
                <c:pt idx="597">
                  <c:v>1.4695121999999996</c:v>
                </c:pt>
                <c:pt idx="598">
                  <c:v>1.4765746999999996</c:v>
                </c:pt>
                <c:pt idx="599">
                  <c:v>1.5112612999999997</c:v>
                </c:pt>
                <c:pt idx="600">
                  <c:v>1.5066572999999996</c:v>
                </c:pt>
                <c:pt idx="601">
                  <c:v>1.5237130999999997</c:v>
                </c:pt>
                <c:pt idx="602">
                  <c:v>1.5363636999999999</c:v>
                </c:pt>
                <c:pt idx="603">
                  <c:v>1.5208138</c:v>
                </c:pt>
                <c:pt idx="604">
                  <c:v>1.5076963000000001</c:v>
                </c:pt>
                <c:pt idx="605">
                  <c:v>1.5196062999999995</c:v>
                </c:pt>
                <c:pt idx="606">
                  <c:v>1.5012594999999997</c:v>
                </c:pt>
                <c:pt idx="607">
                  <c:v>1.5205989999999989</c:v>
                </c:pt>
                <c:pt idx="608">
                  <c:v>1.5685026999999989</c:v>
                </c:pt>
                <c:pt idx="609">
                  <c:v>1.5819325999999991</c:v>
                </c:pt>
                <c:pt idx="610">
                  <c:v>1.579221599999999</c:v>
                </c:pt>
                <c:pt idx="611">
                  <c:v>1.5960710999999992</c:v>
                </c:pt>
                <c:pt idx="612">
                  <c:v>1.6294787999999989</c:v>
                </c:pt>
                <c:pt idx="613">
                  <c:v>1.6079971999999989</c:v>
                </c:pt>
                <c:pt idx="614">
                  <c:v>1.6143520999999992</c:v>
                </c:pt>
                <c:pt idx="615">
                  <c:v>1.4984472999999991</c:v>
                </c:pt>
                <c:pt idx="616">
                  <c:v>1.489562799999999</c:v>
                </c:pt>
                <c:pt idx="617">
                  <c:v>1.4695715999999992</c:v>
                </c:pt>
                <c:pt idx="618">
                  <c:v>1.4599875999999989</c:v>
                </c:pt>
                <c:pt idx="619">
                  <c:v>1.4065293999999993</c:v>
                </c:pt>
                <c:pt idx="620">
                  <c:v>1.4630400999999993</c:v>
                </c:pt>
                <c:pt idx="621">
                  <c:v>1.478731199999999</c:v>
                </c:pt>
                <c:pt idx="622">
                  <c:v>1.5056310999999991</c:v>
                </c:pt>
                <c:pt idx="623">
                  <c:v>1.5266031999999989</c:v>
                </c:pt>
                <c:pt idx="624">
                  <c:v>1.5446330999999991</c:v>
                </c:pt>
                <c:pt idx="625">
                  <c:v>1.5020565999999991</c:v>
                </c:pt>
                <c:pt idx="626">
                  <c:v>1.4786056999999992</c:v>
                </c:pt>
                <c:pt idx="627">
                  <c:v>1.5047640999999992</c:v>
                </c:pt>
                <c:pt idx="628">
                  <c:v>1.4930484999999991</c:v>
                </c:pt>
                <c:pt idx="629">
                  <c:v>1.5126927999999991</c:v>
                </c:pt>
                <c:pt idx="630">
                  <c:v>1.544462999999999</c:v>
                </c:pt>
                <c:pt idx="631">
                  <c:v>1.5854901999999989</c:v>
                </c:pt>
                <c:pt idx="632">
                  <c:v>1.6172818999999983</c:v>
                </c:pt>
                <c:pt idx="633">
                  <c:v>1.6161765999999984</c:v>
                </c:pt>
                <c:pt idx="634">
                  <c:v>1.6176307999999984</c:v>
                </c:pt>
                <c:pt idx="635">
                  <c:v>1.6182886999999977</c:v>
                </c:pt>
                <c:pt idx="636">
                  <c:v>1.587850399999998</c:v>
                </c:pt>
                <c:pt idx="637">
                  <c:v>1.616218099999998</c:v>
                </c:pt>
                <c:pt idx="638">
                  <c:v>1.6420288999999979</c:v>
                </c:pt>
                <c:pt idx="639">
                  <c:v>1.6445533999999982</c:v>
                </c:pt>
                <c:pt idx="640">
                  <c:v>1.6878903999999979</c:v>
                </c:pt>
                <c:pt idx="641">
                  <c:v>1.6992569999999976</c:v>
                </c:pt>
                <c:pt idx="642">
                  <c:v>1.7031299999999976</c:v>
                </c:pt>
                <c:pt idx="643">
                  <c:v>1.7209267999999973</c:v>
                </c:pt>
                <c:pt idx="644">
                  <c:v>1.7210268999999969</c:v>
                </c:pt>
                <c:pt idx="645">
                  <c:v>1.7153910999999971</c:v>
                </c:pt>
                <c:pt idx="646">
                  <c:v>1.7111379999999969</c:v>
                </c:pt>
                <c:pt idx="647">
                  <c:v>1.7366662999999969</c:v>
                </c:pt>
                <c:pt idx="648">
                  <c:v>1.7844489999999964</c:v>
                </c:pt>
                <c:pt idx="649">
                  <c:v>1.7979839999999965</c:v>
                </c:pt>
                <c:pt idx="650">
                  <c:v>1.8083885999999962</c:v>
                </c:pt>
                <c:pt idx="651">
                  <c:v>1.7936958999999963</c:v>
                </c:pt>
                <c:pt idx="652">
                  <c:v>1.8214238999999961</c:v>
                </c:pt>
                <c:pt idx="653">
                  <c:v>1.8221248999999964</c:v>
                </c:pt>
                <c:pt idx="654">
                  <c:v>1.8085013999999964</c:v>
                </c:pt>
                <c:pt idx="655">
                  <c:v>1.8485613999999964</c:v>
                </c:pt>
                <c:pt idx="656">
                  <c:v>1.8456357999999966</c:v>
                </c:pt>
                <c:pt idx="657">
                  <c:v>1.8249084999999963</c:v>
                </c:pt>
                <c:pt idx="658">
                  <c:v>1.860007999999997</c:v>
                </c:pt>
                <c:pt idx="659">
                  <c:v>1.8735664999999968</c:v>
                </c:pt>
                <c:pt idx="660">
                  <c:v>1.9010587999999968</c:v>
                </c:pt>
                <c:pt idx="661">
                  <c:v>1.9318870999999964</c:v>
                </c:pt>
                <c:pt idx="662">
                  <c:v>1.9328679999999965</c:v>
                </c:pt>
                <c:pt idx="663">
                  <c:v>1.9114615999999964</c:v>
                </c:pt>
                <c:pt idx="664">
                  <c:v>1.9511132999999963</c:v>
                </c:pt>
                <c:pt idx="665">
                  <c:v>1.9568439999999963</c:v>
                </c:pt>
                <c:pt idx="666">
                  <c:v>1.962448299999997</c:v>
                </c:pt>
                <c:pt idx="667">
                  <c:v>1.9436995999999969</c:v>
                </c:pt>
                <c:pt idx="668">
                  <c:v>1.9590711999999968</c:v>
                </c:pt>
                <c:pt idx="669">
                  <c:v>1.9807202999999975</c:v>
                </c:pt>
                <c:pt idx="670">
                  <c:v>2.0126158999999979</c:v>
                </c:pt>
                <c:pt idx="671">
                  <c:v>2.0134747999999982</c:v>
                </c:pt>
                <c:pt idx="672">
                  <c:v>2.039334799999998</c:v>
                </c:pt>
                <c:pt idx="673">
                  <c:v>2.0269757999999984</c:v>
                </c:pt>
                <c:pt idx="674">
                  <c:v>2.0299771999999976</c:v>
                </c:pt>
                <c:pt idx="675">
                  <c:v>1.974062399999998</c:v>
                </c:pt>
                <c:pt idx="676">
                  <c:v>1.9941506999999978</c:v>
                </c:pt>
                <c:pt idx="677">
                  <c:v>2.036551299999998</c:v>
                </c:pt>
                <c:pt idx="678">
                  <c:v>2.0291169999999976</c:v>
                </c:pt>
                <c:pt idx="679">
                  <c:v>2.0195706999999978</c:v>
                </c:pt>
                <c:pt idx="680">
                  <c:v>2.0475725999999983</c:v>
                </c:pt>
                <c:pt idx="681">
                  <c:v>2.0804547999999978</c:v>
                </c:pt>
                <c:pt idx="682">
                  <c:v>2.0948699999999976</c:v>
                </c:pt>
                <c:pt idx="683">
                  <c:v>2.0850984999999977</c:v>
                </c:pt>
                <c:pt idx="684">
                  <c:v>2.0429998999999976</c:v>
                </c:pt>
                <c:pt idx="685">
                  <c:v>2.0184321999999977</c:v>
                </c:pt>
                <c:pt idx="686">
                  <c:v>2.0678331999999973</c:v>
                </c:pt>
                <c:pt idx="687">
                  <c:v>2.0380537999999975</c:v>
                </c:pt>
                <c:pt idx="688">
                  <c:v>2.0625709999999975</c:v>
                </c:pt>
                <c:pt idx="689">
                  <c:v>2.1111154999999973</c:v>
                </c:pt>
                <c:pt idx="690">
                  <c:v>2.1572212999999971</c:v>
                </c:pt>
                <c:pt idx="691">
                  <c:v>2.1645184999999976</c:v>
                </c:pt>
                <c:pt idx="692">
                  <c:v>2.1607058999999977</c:v>
                </c:pt>
                <c:pt idx="693">
                  <c:v>2.1428041999999978</c:v>
                </c:pt>
                <c:pt idx="694">
                  <c:v>2.1510309999999979</c:v>
                </c:pt>
                <c:pt idx="695">
                  <c:v>2.1481821999999977</c:v>
                </c:pt>
                <c:pt idx="696">
                  <c:v>2.1307052999999976</c:v>
                </c:pt>
                <c:pt idx="697">
                  <c:v>2.1412370999999979</c:v>
                </c:pt>
                <c:pt idx="698">
                  <c:v>2.1282083999999979</c:v>
                </c:pt>
                <c:pt idx="699">
                  <c:v>2.1616797999999973</c:v>
                </c:pt>
                <c:pt idx="700">
                  <c:v>2.1722632999999973</c:v>
                </c:pt>
                <c:pt idx="701">
                  <c:v>2.2018802999999978</c:v>
                </c:pt>
                <c:pt idx="702">
                  <c:v>2.2331312999999984</c:v>
                </c:pt>
                <c:pt idx="703">
                  <c:v>2.2561005999999977</c:v>
                </c:pt>
                <c:pt idx="704">
                  <c:v>2.2413281999999977</c:v>
                </c:pt>
                <c:pt idx="705">
                  <c:v>2.2829504999999979</c:v>
                </c:pt>
                <c:pt idx="706">
                  <c:v>2.2828702999999977</c:v>
                </c:pt>
                <c:pt idx="707">
                  <c:v>2.2779886999999976</c:v>
                </c:pt>
                <c:pt idx="708">
                  <c:v>2.2793549999999976</c:v>
                </c:pt>
                <c:pt idx="709">
                  <c:v>2.3218023999999979</c:v>
                </c:pt>
                <c:pt idx="710">
                  <c:v>2.3415810999999978</c:v>
                </c:pt>
                <c:pt idx="711">
                  <c:v>2.328899599999998</c:v>
                </c:pt>
                <c:pt idx="712">
                  <c:v>2.3415090999999983</c:v>
                </c:pt>
                <c:pt idx="713">
                  <c:v>2.3297824999999981</c:v>
                </c:pt>
                <c:pt idx="714">
                  <c:v>2.3869709999999982</c:v>
                </c:pt>
                <c:pt idx="715">
                  <c:v>2.3726459999999983</c:v>
                </c:pt>
                <c:pt idx="716">
                  <c:v>2.3907637999999984</c:v>
                </c:pt>
                <c:pt idx="717">
                  <c:v>2.3465629999999984</c:v>
                </c:pt>
                <c:pt idx="718">
                  <c:v>2.2772160999999982</c:v>
                </c:pt>
                <c:pt idx="719">
                  <c:v>2.1766232999999984</c:v>
                </c:pt>
                <c:pt idx="720">
                  <c:v>2.1693371999999984</c:v>
                </c:pt>
                <c:pt idx="721">
                  <c:v>2.1856031999999979</c:v>
                </c:pt>
                <c:pt idx="722">
                  <c:v>2.2339000999999974</c:v>
                </c:pt>
                <c:pt idx="723">
                  <c:v>2.1708355999999975</c:v>
                </c:pt>
                <c:pt idx="724">
                  <c:v>2.2051883999999973</c:v>
                </c:pt>
                <c:pt idx="725">
                  <c:v>2.1769410999999974</c:v>
                </c:pt>
                <c:pt idx="726">
                  <c:v>2.1140473999999974</c:v>
                </c:pt>
                <c:pt idx="727">
                  <c:v>2.1704872999999969</c:v>
                </c:pt>
                <c:pt idx="728">
                  <c:v>2.2637247999999968</c:v>
                </c:pt>
                <c:pt idx="729">
                  <c:v>2.1883816999999968</c:v>
                </c:pt>
                <c:pt idx="730">
                  <c:v>2.1164568999999971</c:v>
                </c:pt>
                <c:pt idx="731">
                  <c:v>2.155158799999997</c:v>
                </c:pt>
                <c:pt idx="732">
                  <c:v>2.0930593999999969</c:v>
                </c:pt>
                <c:pt idx="733">
                  <c:v>2.003284899999997</c:v>
                </c:pt>
                <c:pt idx="734">
                  <c:v>1.8106705999999968</c:v>
                </c:pt>
                <c:pt idx="735">
                  <c:v>1.8753057999999965</c:v>
                </c:pt>
                <c:pt idx="736">
                  <c:v>1.9381068999999966</c:v>
                </c:pt>
                <c:pt idx="737">
                  <c:v>1.9777280999999962</c:v>
                </c:pt>
                <c:pt idx="738">
                  <c:v>2.0664159999999958</c:v>
                </c:pt>
                <c:pt idx="739">
                  <c:v>2.0961244999999957</c:v>
                </c:pt>
                <c:pt idx="740">
                  <c:v>2.1472836999999956</c:v>
                </c:pt>
                <c:pt idx="741">
                  <c:v>2.1820875999999956</c:v>
                </c:pt>
                <c:pt idx="742">
                  <c:v>2.1262650999999955</c:v>
                </c:pt>
                <c:pt idx="743">
                  <c:v>2.1518201999999951</c:v>
                </c:pt>
                <c:pt idx="744">
                  <c:v>2.172211799999995</c:v>
                </c:pt>
                <c:pt idx="745">
                  <c:v>2.2418030999999949</c:v>
                </c:pt>
                <c:pt idx="746">
                  <c:v>2.2609947999999949</c:v>
                </c:pt>
                <c:pt idx="747">
                  <c:v>2.2878201999999948</c:v>
                </c:pt>
                <c:pt idx="748">
                  <c:v>2.2484795999999947</c:v>
                </c:pt>
                <c:pt idx="749">
                  <c:v>2.2629542999999948</c:v>
                </c:pt>
                <c:pt idx="750">
                  <c:v>2.1633625999999953</c:v>
                </c:pt>
                <c:pt idx="751">
                  <c:v>2.1989512999999952</c:v>
                </c:pt>
                <c:pt idx="752">
                  <c:v>2.2167833999999953</c:v>
                </c:pt>
                <c:pt idx="753">
                  <c:v>2.2278295999999953</c:v>
                </c:pt>
                <c:pt idx="754">
                  <c:v>2.2286145999999949</c:v>
                </c:pt>
                <c:pt idx="755">
                  <c:v>2.1935554999999951</c:v>
                </c:pt>
                <c:pt idx="756">
                  <c:v>2.2613132999999945</c:v>
                </c:pt>
                <c:pt idx="757">
                  <c:v>2.3326815999999946</c:v>
                </c:pt>
                <c:pt idx="758">
                  <c:v>2.3087616999999945</c:v>
                </c:pt>
                <c:pt idx="759">
                  <c:v>2.3237550999999947</c:v>
                </c:pt>
                <c:pt idx="760">
                  <c:v>2.3605697999999942</c:v>
                </c:pt>
                <c:pt idx="761">
                  <c:v>2.3590774999999944</c:v>
                </c:pt>
                <c:pt idx="762">
                  <c:v>2.4094628999999936</c:v>
                </c:pt>
                <c:pt idx="763">
                  <c:v>2.4468617999999944</c:v>
                </c:pt>
                <c:pt idx="764">
                  <c:v>2.4483013999999943</c:v>
                </c:pt>
                <c:pt idx="765">
                  <c:v>2.5054638999999943</c:v>
                </c:pt>
                <c:pt idx="766">
                  <c:v>2.5146417999999944</c:v>
                </c:pt>
                <c:pt idx="767">
                  <c:v>2.4829244999999944</c:v>
                </c:pt>
                <c:pt idx="768">
                  <c:v>2.4830738999999946</c:v>
                </c:pt>
                <c:pt idx="769">
                  <c:v>2.5554255999999942</c:v>
                </c:pt>
                <c:pt idx="770">
                  <c:v>2.5757029999999941</c:v>
                </c:pt>
                <c:pt idx="771">
                  <c:v>2.6089250999999947</c:v>
                </c:pt>
                <c:pt idx="772">
                  <c:v>2.5925573999999947</c:v>
                </c:pt>
                <c:pt idx="773">
                  <c:v>2.5912786999999948</c:v>
                </c:pt>
                <c:pt idx="774">
                  <c:v>2.5669632999999945</c:v>
                </c:pt>
                <c:pt idx="775">
                  <c:v>2.5186393999999948</c:v>
                </c:pt>
                <c:pt idx="776">
                  <c:v>2.5371033999999946</c:v>
                </c:pt>
                <c:pt idx="777">
                  <c:v>2.547222399999995</c:v>
                </c:pt>
                <c:pt idx="778">
                  <c:v>2.5154016999999951</c:v>
                </c:pt>
                <c:pt idx="779">
                  <c:v>2.4566375999999956</c:v>
                </c:pt>
                <c:pt idx="780">
                  <c:v>2.5342161999999955</c:v>
                </c:pt>
                <c:pt idx="781">
                  <c:v>2.5309802999999955</c:v>
                </c:pt>
                <c:pt idx="782">
                  <c:v>2.5459599999999956</c:v>
                </c:pt>
                <c:pt idx="783">
                  <c:v>2.6016988999999957</c:v>
                </c:pt>
                <c:pt idx="784">
                  <c:v>2.6582760999999957</c:v>
                </c:pt>
                <c:pt idx="785">
                  <c:v>2.6401368999999955</c:v>
                </c:pt>
                <c:pt idx="786">
                  <c:v>2.6525074999999956</c:v>
                </c:pt>
                <c:pt idx="787">
                  <c:v>2.6271782999999957</c:v>
                </c:pt>
                <c:pt idx="788">
                  <c:v>2.6179402999999954</c:v>
                </c:pt>
                <c:pt idx="789">
                  <c:v>2.6624612999999955</c:v>
                </c:pt>
                <c:pt idx="790">
                  <c:v>2.6357567999999953</c:v>
                </c:pt>
                <c:pt idx="791">
                  <c:v>2.6374978999999956</c:v>
                </c:pt>
                <c:pt idx="792">
                  <c:v>2.5792561999999957</c:v>
                </c:pt>
                <c:pt idx="793">
                  <c:v>2.5277105999999958</c:v>
                </c:pt>
                <c:pt idx="794">
                  <c:v>2.507251599999996</c:v>
                </c:pt>
                <c:pt idx="795">
                  <c:v>2.5963277999999956</c:v>
                </c:pt>
                <c:pt idx="796">
                  <c:v>2.5998102999999952</c:v>
                </c:pt>
                <c:pt idx="797">
                  <c:v>2.533683799999995</c:v>
                </c:pt>
                <c:pt idx="798">
                  <c:v>2.5335210999999953</c:v>
                </c:pt>
                <c:pt idx="799">
                  <c:v>2.4205677999999953</c:v>
                </c:pt>
                <c:pt idx="800">
                  <c:v>2.4224445999999951</c:v>
                </c:pt>
                <c:pt idx="801">
                  <c:v>2.4362733999999957</c:v>
                </c:pt>
                <c:pt idx="802">
                  <c:v>2.4151701999999955</c:v>
                </c:pt>
                <c:pt idx="803">
                  <c:v>2.3467277999999956</c:v>
                </c:pt>
                <c:pt idx="804">
                  <c:v>2.4596226999999957</c:v>
                </c:pt>
                <c:pt idx="805">
                  <c:v>2.5075838999999953</c:v>
                </c:pt>
                <c:pt idx="806">
                  <c:v>2.580547699999995</c:v>
                </c:pt>
                <c:pt idx="807">
                  <c:v>2.5702568999999951</c:v>
                </c:pt>
                <c:pt idx="808">
                  <c:v>2.5552010999999952</c:v>
                </c:pt>
                <c:pt idx="809">
                  <c:v>2.620937899999995</c:v>
                </c:pt>
                <c:pt idx="810">
                  <c:v>2.6463178999999952</c:v>
                </c:pt>
                <c:pt idx="811">
                  <c:v>2.6712132999999949</c:v>
                </c:pt>
                <c:pt idx="812">
                  <c:v>2.6800706999999955</c:v>
                </c:pt>
                <c:pt idx="813">
                  <c:v>2.7029535999999954</c:v>
                </c:pt>
                <c:pt idx="814">
                  <c:v>2.6888824999999956</c:v>
                </c:pt>
                <c:pt idx="815">
                  <c:v>2.569864199999996</c:v>
                </c:pt>
                <c:pt idx="816">
                  <c:v>2.5668709999999959</c:v>
                </c:pt>
                <c:pt idx="817">
                  <c:v>2.463224999999996</c:v>
                </c:pt>
                <c:pt idx="818">
                  <c:v>2.446974799999996</c:v>
                </c:pt>
                <c:pt idx="819">
                  <c:v>2.4859673999999954</c:v>
                </c:pt>
                <c:pt idx="820">
                  <c:v>2.4919863999999952</c:v>
                </c:pt>
                <c:pt idx="821">
                  <c:v>2.5630764999999949</c:v>
                </c:pt>
                <c:pt idx="822">
                  <c:v>2.5629241999999945</c:v>
                </c:pt>
                <c:pt idx="823">
                  <c:v>2.6139241999999943</c:v>
                </c:pt>
                <c:pt idx="824">
                  <c:v>2.6235425999999937</c:v>
                </c:pt>
                <c:pt idx="825">
                  <c:v>2.6261160999999937</c:v>
                </c:pt>
                <c:pt idx="826">
                  <c:v>2.6259446999999936</c:v>
                </c:pt>
                <c:pt idx="827">
                  <c:v>2.579554099999994</c:v>
                </c:pt>
                <c:pt idx="828">
                  <c:v>2.574755499999994</c:v>
                </c:pt>
                <c:pt idx="829">
                  <c:v>2.5018647999999937</c:v>
                </c:pt>
                <c:pt idx="830">
                  <c:v>2.4689175999999939</c:v>
                </c:pt>
                <c:pt idx="831">
                  <c:v>2.5234538999999931</c:v>
                </c:pt>
                <c:pt idx="832">
                  <c:v>2.4993207999999933</c:v>
                </c:pt>
                <c:pt idx="833">
                  <c:v>2.535682999999993</c:v>
                </c:pt>
                <c:pt idx="834">
                  <c:v>2.5156917999999928</c:v>
                </c:pt>
                <c:pt idx="835">
                  <c:v>2.4953239999999934</c:v>
                </c:pt>
                <c:pt idx="836">
                  <c:v>2.4151151999999931</c:v>
                </c:pt>
                <c:pt idx="837">
                  <c:v>2.3107495999999932</c:v>
                </c:pt>
                <c:pt idx="838">
                  <c:v>2.2609840999999933</c:v>
                </c:pt>
                <c:pt idx="839">
                  <c:v>2.2275178999999934</c:v>
                </c:pt>
                <c:pt idx="840">
                  <c:v>2.0613124999999939</c:v>
                </c:pt>
                <c:pt idx="841">
                  <c:v>2.1415344999999935</c:v>
                </c:pt>
                <c:pt idx="842">
                  <c:v>2.081124399999994</c:v>
                </c:pt>
                <c:pt idx="843">
                  <c:v>2.2255342999999934</c:v>
                </c:pt>
                <c:pt idx="844">
                  <c:v>2.2253760999999934</c:v>
                </c:pt>
                <c:pt idx="845">
                  <c:v>2.253756199999994</c:v>
                </c:pt>
                <c:pt idx="846">
                  <c:v>2.3329464999999932</c:v>
                </c:pt>
                <c:pt idx="847">
                  <c:v>2.3355865999999934</c:v>
                </c:pt>
                <c:pt idx="848">
                  <c:v>2.3066153999999934</c:v>
                </c:pt>
                <c:pt idx="849">
                  <c:v>2.3914179999999932</c:v>
                </c:pt>
                <c:pt idx="850">
                  <c:v>2.3463712999999933</c:v>
                </c:pt>
                <c:pt idx="851">
                  <c:v>2.3268760999999931</c:v>
                </c:pt>
                <c:pt idx="852">
                  <c:v>2.3371003999999935</c:v>
                </c:pt>
                <c:pt idx="853">
                  <c:v>2.3874185999999931</c:v>
                </c:pt>
                <c:pt idx="854">
                  <c:v>2.4597242999999929</c:v>
                </c:pt>
                <c:pt idx="855">
                  <c:v>2.4674093999999931</c:v>
                </c:pt>
                <c:pt idx="856">
                  <c:v>2.4755675999999931</c:v>
                </c:pt>
                <c:pt idx="857">
                  <c:v>2.4190236999999928</c:v>
                </c:pt>
                <c:pt idx="858">
                  <c:v>2.4892625999999924</c:v>
                </c:pt>
                <c:pt idx="859">
                  <c:v>2.516834699999992</c:v>
                </c:pt>
                <c:pt idx="860">
                  <c:v>2.5213001999999922</c:v>
                </c:pt>
                <c:pt idx="861">
                  <c:v>2.5855059999999921</c:v>
                </c:pt>
                <c:pt idx="862">
                  <c:v>2.5667413999999926</c:v>
                </c:pt>
                <c:pt idx="863">
                  <c:v>2.5979687999999923</c:v>
                </c:pt>
                <c:pt idx="864">
                  <c:v>2.6251713999999926</c:v>
                </c:pt>
                <c:pt idx="865">
                  <c:v>2.6677863999999922</c:v>
                </c:pt>
                <c:pt idx="866">
                  <c:v>2.689207899999992</c:v>
                </c:pt>
                <c:pt idx="867">
                  <c:v>2.6220733999999926</c:v>
                </c:pt>
                <c:pt idx="868">
                  <c:v>2.6221517999999926</c:v>
                </c:pt>
                <c:pt idx="869">
                  <c:v>2.5685343999999923</c:v>
                </c:pt>
                <c:pt idx="870">
                  <c:v>2.6169159999999918</c:v>
                </c:pt>
                <c:pt idx="871">
                  <c:v>2.597065399999992</c:v>
                </c:pt>
                <c:pt idx="872">
                  <c:v>2.5230268999999921</c:v>
                </c:pt>
                <c:pt idx="873">
                  <c:v>2.4534730999999925</c:v>
                </c:pt>
                <c:pt idx="874">
                  <c:v>2.4779686999999928</c:v>
                </c:pt>
                <c:pt idx="875">
                  <c:v>2.5385958999999927</c:v>
                </c:pt>
                <c:pt idx="876">
                  <c:v>2.4858361999999929</c:v>
                </c:pt>
                <c:pt idx="877">
                  <c:v>2.4936037999999923</c:v>
                </c:pt>
                <c:pt idx="878">
                  <c:v>2.4078621999999923</c:v>
                </c:pt>
                <c:pt idx="879">
                  <c:v>2.4726920999999926</c:v>
                </c:pt>
                <c:pt idx="880">
                  <c:v>2.4189546999999925</c:v>
                </c:pt>
                <c:pt idx="881">
                  <c:v>2.3414525999999927</c:v>
                </c:pt>
                <c:pt idx="882">
                  <c:v>2.4390356999999923</c:v>
                </c:pt>
                <c:pt idx="883">
                  <c:v>2.4634709999999926</c:v>
                </c:pt>
                <c:pt idx="884">
                  <c:v>2.4743541999999925</c:v>
                </c:pt>
                <c:pt idx="885">
                  <c:v>2.4729456999999924</c:v>
                </c:pt>
                <c:pt idx="886">
                  <c:v>2.4475342999999925</c:v>
                </c:pt>
                <c:pt idx="887">
                  <c:v>2.4586479999999926</c:v>
                </c:pt>
                <c:pt idx="888">
                  <c:v>2.5284564999999919</c:v>
                </c:pt>
                <c:pt idx="889">
                  <c:v>2.587098599999992</c:v>
                </c:pt>
                <c:pt idx="890">
                  <c:v>2.6271379999999915</c:v>
                </c:pt>
                <c:pt idx="891">
                  <c:v>2.6524975999999909</c:v>
                </c:pt>
                <c:pt idx="892">
                  <c:v>2.6745899999999905</c:v>
                </c:pt>
                <c:pt idx="893">
                  <c:v>2.6498591999999905</c:v>
                </c:pt>
                <c:pt idx="894">
                  <c:v>2.6182096999999906</c:v>
                </c:pt>
                <c:pt idx="895">
                  <c:v>2.5986752999999907</c:v>
                </c:pt>
                <c:pt idx="896">
                  <c:v>2.5832156999999905</c:v>
                </c:pt>
                <c:pt idx="897">
                  <c:v>2.5609151999999908</c:v>
                </c:pt>
                <c:pt idx="898">
                  <c:v>2.5861067999999907</c:v>
                </c:pt>
                <c:pt idx="899">
                  <c:v>2.6398793999999901</c:v>
                </c:pt>
                <c:pt idx="900">
                  <c:v>2.6634869999999902</c:v>
                </c:pt>
                <c:pt idx="901">
                  <c:v>2.6868355999999904</c:v>
                </c:pt>
                <c:pt idx="902">
                  <c:v>2.7176852999999901</c:v>
                </c:pt>
                <c:pt idx="903">
                  <c:v>2.7059253999999902</c:v>
                </c:pt>
                <c:pt idx="904">
                  <c:v>2.6806434999999902</c:v>
                </c:pt>
                <c:pt idx="905">
                  <c:v>2.6758064999999904</c:v>
                </c:pt>
                <c:pt idx="906">
                  <c:v>2.7030601999999901</c:v>
                </c:pt>
                <c:pt idx="907">
                  <c:v>2.6411411999999901</c:v>
                </c:pt>
                <c:pt idx="908">
                  <c:v>2.70138659999999</c:v>
                </c:pt>
                <c:pt idx="909">
                  <c:v>2.8067337999999893</c:v>
                </c:pt>
                <c:pt idx="910">
                  <c:v>2.8647158999999895</c:v>
                </c:pt>
                <c:pt idx="911">
                  <c:v>2.8956601999999889</c:v>
                </c:pt>
                <c:pt idx="912">
                  <c:v>2.8572744999999888</c:v>
                </c:pt>
                <c:pt idx="913">
                  <c:v>2.9008287999999887</c:v>
                </c:pt>
                <c:pt idx="914">
                  <c:v>2.9214313999999884</c:v>
                </c:pt>
                <c:pt idx="915">
                  <c:v>2.9801007999999882</c:v>
                </c:pt>
                <c:pt idx="916">
                  <c:v>2.9849472999999884</c:v>
                </c:pt>
                <c:pt idx="917">
                  <c:v>2.9619001999999885</c:v>
                </c:pt>
                <c:pt idx="918">
                  <c:v>3.0168057999999878</c:v>
                </c:pt>
                <c:pt idx="919">
                  <c:v>3.0957306999999865</c:v>
                </c:pt>
                <c:pt idx="920">
                  <c:v>3.1154980999999866</c:v>
                </c:pt>
                <c:pt idx="921">
                  <c:v>3.1113695999999864</c:v>
                </c:pt>
                <c:pt idx="922">
                  <c:v>3.0675196999999867</c:v>
                </c:pt>
                <c:pt idx="923">
                  <c:v>3.045853699999987</c:v>
                </c:pt>
                <c:pt idx="924">
                  <c:v>3.062901399999987</c:v>
                </c:pt>
                <c:pt idx="925">
                  <c:v>3.0393652999999867</c:v>
                </c:pt>
                <c:pt idx="926">
                  <c:v>3.1441382999999865</c:v>
                </c:pt>
                <c:pt idx="927">
                  <c:v>3.0588335999999865</c:v>
                </c:pt>
                <c:pt idx="928">
                  <c:v>3.1214923999999868</c:v>
                </c:pt>
                <c:pt idx="929">
                  <c:v>3.0885272999999867</c:v>
                </c:pt>
                <c:pt idx="930">
                  <c:v>3.0170355999999865</c:v>
                </c:pt>
                <c:pt idx="931">
                  <c:v>2.9828588999999868</c:v>
                </c:pt>
                <c:pt idx="932">
                  <c:v>3.1140687999999868</c:v>
                </c:pt>
                <c:pt idx="933">
                  <c:v>3.0624686999999868</c:v>
                </c:pt>
                <c:pt idx="934">
                  <c:v>3.057100699999987</c:v>
                </c:pt>
                <c:pt idx="935">
                  <c:v>2.9759006999999866</c:v>
                </c:pt>
                <c:pt idx="936">
                  <c:v>2.9418129999999869</c:v>
                </c:pt>
                <c:pt idx="937">
                  <c:v>2.9595559999999872</c:v>
                </c:pt>
                <c:pt idx="938">
                  <c:v>2.9434583999999875</c:v>
                </c:pt>
                <c:pt idx="939">
                  <c:v>2.9486298999999874</c:v>
                </c:pt>
                <c:pt idx="940">
                  <c:v>3.010736599999988</c:v>
                </c:pt>
                <c:pt idx="941">
                  <c:v>2.9413334999999878</c:v>
                </c:pt>
                <c:pt idx="942">
                  <c:v>2.9387352999999878</c:v>
                </c:pt>
                <c:pt idx="943">
                  <c:v>2.8272435999999885</c:v>
                </c:pt>
                <c:pt idx="944">
                  <c:v>2.8214814999999884</c:v>
                </c:pt>
                <c:pt idx="945">
                  <c:v>2.7919654999999883</c:v>
                </c:pt>
                <c:pt idx="946">
                  <c:v>2.8716062999999883</c:v>
                </c:pt>
                <c:pt idx="947">
                  <c:v>2.7963113999999885</c:v>
                </c:pt>
                <c:pt idx="948">
                  <c:v>2.8094283999999883</c:v>
                </c:pt>
                <c:pt idx="949">
                  <c:v>2.8676126999999885</c:v>
                </c:pt>
                <c:pt idx="950">
                  <c:v>2.7873660999999883</c:v>
                </c:pt>
                <c:pt idx="951">
                  <c:v>2.657324199999989</c:v>
                </c:pt>
                <c:pt idx="952">
                  <c:v>2.572346499999989</c:v>
                </c:pt>
                <c:pt idx="953">
                  <c:v>2.5487046999999889</c:v>
                </c:pt>
                <c:pt idx="954">
                  <c:v>2.538317299999989</c:v>
                </c:pt>
                <c:pt idx="955">
                  <c:v>2.5346731999999887</c:v>
                </c:pt>
                <c:pt idx="956">
                  <c:v>2.5344672999999891</c:v>
                </c:pt>
                <c:pt idx="957">
                  <c:v>2.5730839999999895</c:v>
                </c:pt>
                <c:pt idx="958">
                  <c:v>2.5736609999999893</c:v>
                </c:pt>
                <c:pt idx="959">
                  <c:v>2.5992672999999895</c:v>
                </c:pt>
                <c:pt idx="960">
                  <c:v>2.6059593999999895</c:v>
                </c:pt>
                <c:pt idx="961">
                  <c:v>2.6605294999999893</c:v>
                </c:pt>
                <c:pt idx="962">
                  <c:v>2.5659497999999896</c:v>
                </c:pt>
                <c:pt idx="963">
                  <c:v>2.5400599999999902</c:v>
                </c:pt>
                <c:pt idx="964">
                  <c:v>2.6131551999999898</c:v>
                </c:pt>
                <c:pt idx="965">
                  <c:v>2.5666344999999904</c:v>
                </c:pt>
                <c:pt idx="966">
                  <c:v>2.5410463999999902</c:v>
                </c:pt>
                <c:pt idx="967">
                  <c:v>2.4495724999999906</c:v>
                </c:pt>
                <c:pt idx="968">
                  <c:v>2.4208217999999908</c:v>
                </c:pt>
                <c:pt idx="969">
                  <c:v>2.4145513999999908</c:v>
                </c:pt>
                <c:pt idx="970">
                  <c:v>2.4764359999999908</c:v>
                </c:pt>
                <c:pt idx="971">
                  <c:v>2.5527076999999907</c:v>
                </c:pt>
                <c:pt idx="972">
                  <c:v>2.5400561999999907</c:v>
                </c:pt>
                <c:pt idx="973">
                  <c:v>2.4693633999999909</c:v>
                </c:pt>
                <c:pt idx="974">
                  <c:v>2.3641295999999912</c:v>
                </c:pt>
                <c:pt idx="975">
                  <c:v>2.4046020999999911</c:v>
                </c:pt>
                <c:pt idx="976">
                  <c:v>2.461478399999991</c:v>
                </c:pt>
                <c:pt idx="977">
                  <c:v>2.433247699999991</c:v>
                </c:pt>
                <c:pt idx="978">
                  <c:v>2.3962994999999911</c:v>
                </c:pt>
                <c:pt idx="979">
                  <c:v>2.297264999999991</c:v>
                </c:pt>
                <c:pt idx="980">
                  <c:v>2.268015699999991</c:v>
                </c:pt>
                <c:pt idx="981">
                  <c:v>2.287297399999991</c:v>
                </c:pt>
                <c:pt idx="982">
                  <c:v>2.3292860999999911</c:v>
                </c:pt>
                <c:pt idx="983">
                  <c:v>2.2830475999999917</c:v>
                </c:pt>
                <c:pt idx="984">
                  <c:v>2.2454277999999914</c:v>
                </c:pt>
                <c:pt idx="985">
                  <c:v>2.2626462999999917</c:v>
                </c:pt>
                <c:pt idx="986">
                  <c:v>2.3356416999999916</c:v>
                </c:pt>
                <c:pt idx="987">
                  <c:v>2.3529564999999919</c:v>
                </c:pt>
                <c:pt idx="988">
                  <c:v>2.3471067999999922</c:v>
                </c:pt>
                <c:pt idx="989">
                  <c:v>2.2906052999999922</c:v>
                </c:pt>
                <c:pt idx="990">
                  <c:v>2.278150099999992</c:v>
                </c:pt>
                <c:pt idx="991">
                  <c:v>2.3131777999999925</c:v>
                </c:pt>
                <c:pt idx="992">
                  <c:v>2.3536428999999925</c:v>
                </c:pt>
                <c:pt idx="993">
                  <c:v>2.3239755999999923</c:v>
                </c:pt>
                <c:pt idx="994">
                  <c:v>2.2914352999999923</c:v>
                </c:pt>
                <c:pt idx="995">
                  <c:v>2.2474251999999924</c:v>
                </c:pt>
                <c:pt idx="996">
                  <c:v>2.2000369999999925</c:v>
                </c:pt>
                <c:pt idx="997">
                  <c:v>2.0951029999999924</c:v>
                </c:pt>
                <c:pt idx="998">
                  <c:v>2.1230029999999926</c:v>
                </c:pt>
                <c:pt idx="999">
                  <c:v>2.0828101999999924</c:v>
                </c:pt>
                <c:pt idx="1000">
                  <c:v>1.9643514999999927</c:v>
                </c:pt>
                <c:pt idx="1001">
                  <c:v>2.0047160999999929</c:v>
                </c:pt>
                <c:pt idx="1002">
                  <c:v>2.068050199999993</c:v>
                </c:pt>
                <c:pt idx="1003">
                  <c:v>2.1118807999999922</c:v>
                </c:pt>
                <c:pt idx="1004">
                  <c:v>1.944846799999993</c:v>
                </c:pt>
                <c:pt idx="1005">
                  <c:v>1.9478885999999931</c:v>
                </c:pt>
                <c:pt idx="1006">
                  <c:v>1.7824602999999932</c:v>
                </c:pt>
                <c:pt idx="1007">
                  <c:v>1.8828474999999933</c:v>
                </c:pt>
                <c:pt idx="1008">
                  <c:v>2.1047338999999927</c:v>
                </c:pt>
                <c:pt idx="1009">
                  <c:v>2.0482412999999933</c:v>
                </c:pt>
                <c:pt idx="1010">
                  <c:v>1.9765640999999934</c:v>
                </c:pt>
                <c:pt idx="1011">
                  <c:v>1.9585942999999935</c:v>
                </c:pt>
                <c:pt idx="1012">
                  <c:v>2.0445085999999932</c:v>
                </c:pt>
                <c:pt idx="1013">
                  <c:v>2.0018785999999933</c:v>
                </c:pt>
                <c:pt idx="1014">
                  <c:v>1.7947839999999937</c:v>
                </c:pt>
                <c:pt idx="1015">
                  <c:v>1.9582254999999935</c:v>
                </c:pt>
                <c:pt idx="1016">
                  <c:v>1.9725212999999933</c:v>
                </c:pt>
                <c:pt idx="1017">
                  <c:v>1.8603422999999939</c:v>
                </c:pt>
                <c:pt idx="1018">
                  <c:v>1.8203132999999938</c:v>
                </c:pt>
                <c:pt idx="1019">
                  <c:v>1.7111417999999943</c:v>
                </c:pt>
                <c:pt idx="1020">
                  <c:v>1.614504499999994</c:v>
                </c:pt>
                <c:pt idx="1021">
                  <c:v>1.5140600999999942</c:v>
                </c:pt>
                <c:pt idx="1022">
                  <c:v>1.4312819999999946</c:v>
                </c:pt>
                <c:pt idx="1023">
                  <c:v>1.331625799999995</c:v>
                </c:pt>
                <c:pt idx="1024">
                  <c:v>1.6306511999999946</c:v>
                </c:pt>
                <c:pt idx="1025">
                  <c:v>1.6727616999999948</c:v>
                </c:pt>
                <c:pt idx="1026">
                  <c:v>1.4853595999999949</c:v>
                </c:pt>
                <c:pt idx="1027">
                  <c:v>1.474483199999995</c:v>
                </c:pt>
                <c:pt idx="1028">
                  <c:v>1.4694865999999953</c:v>
                </c:pt>
                <c:pt idx="1029">
                  <c:v>1.6067821999999947</c:v>
                </c:pt>
                <c:pt idx="1030">
                  <c:v>1.5874895999999947</c:v>
                </c:pt>
                <c:pt idx="1031">
                  <c:v>1.3987218999999951</c:v>
                </c:pt>
                <c:pt idx="1032">
                  <c:v>1.3263994999999955</c:v>
                </c:pt>
                <c:pt idx="1033">
                  <c:v>1.1784344999999958</c:v>
                </c:pt>
                <c:pt idx="1034">
                  <c:v>1.0871380999999967</c:v>
                </c:pt>
                <c:pt idx="1035">
                  <c:v>1.2605674999999961</c:v>
                </c:pt>
                <c:pt idx="1036">
                  <c:v>1.3230749999999953</c:v>
                </c:pt>
                <c:pt idx="1037">
                  <c:v>1.433992599999995</c:v>
                </c:pt>
                <c:pt idx="1038">
                  <c:v>1.4558577999999951</c:v>
                </c:pt>
                <c:pt idx="1039">
                  <c:v>1.5046625999999952</c:v>
                </c:pt>
                <c:pt idx="1040">
                  <c:v>1.5881128999999947</c:v>
                </c:pt>
                <c:pt idx="1041">
                  <c:v>1.4712863999999946</c:v>
                </c:pt>
                <c:pt idx="1042">
                  <c:v>1.4383746999999945</c:v>
                </c:pt>
                <c:pt idx="1043">
                  <c:v>1.4888665999999944</c:v>
                </c:pt>
                <c:pt idx="1044">
                  <c:v>1.4876903999999942</c:v>
                </c:pt>
                <c:pt idx="1045">
                  <c:v>1.5273850999999943</c:v>
                </c:pt>
                <c:pt idx="1046">
                  <c:v>1.4087444999999947</c:v>
                </c:pt>
                <c:pt idx="1047">
                  <c:v>1.5362640999999946</c:v>
                </c:pt>
                <c:pt idx="1048">
                  <c:v>1.5211152999999946</c:v>
                </c:pt>
                <c:pt idx="1049">
                  <c:v>1.5309848999999942</c:v>
                </c:pt>
                <c:pt idx="1050">
                  <c:v>1.4734233999999944</c:v>
                </c:pt>
                <c:pt idx="1051">
                  <c:v>1.4648050999999942</c:v>
                </c:pt>
                <c:pt idx="1052">
                  <c:v>1.4647451999999941</c:v>
                </c:pt>
                <c:pt idx="1053">
                  <c:v>1.3860013999999943</c:v>
                </c:pt>
                <c:pt idx="1054">
                  <c:v>1.5063130999999941</c:v>
                </c:pt>
                <c:pt idx="1055">
                  <c:v>1.5222785999999942</c:v>
                </c:pt>
                <c:pt idx="1056">
                  <c:v>1.5794688999999944</c:v>
                </c:pt>
                <c:pt idx="1057">
                  <c:v>1.578065699999994</c:v>
                </c:pt>
                <c:pt idx="1058">
                  <c:v>1.6086805999999942</c:v>
                </c:pt>
                <c:pt idx="1059">
                  <c:v>1.4917386999999946</c:v>
                </c:pt>
                <c:pt idx="1060">
                  <c:v>1.5330747999999943</c:v>
                </c:pt>
                <c:pt idx="1061">
                  <c:v>1.5602635999999941</c:v>
                </c:pt>
                <c:pt idx="1062">
                  <c:v>1.5649637999999944</c:v>
                </c:pt>
                <c:pt idx="1063">
                  <c:v>1.5846620999999943</c:v>
                </c:pt>
                <c:pt idx="1064">
                  <c:v>1.6855017999999937</c:v>
                </c:pt>
                <c:pt idx="1065">
                  <c:v>1.6635180999999939</c:v>
                </c:pt>
                <c:pt idx="1066">
                  <c:v>1.6639547999999933</c:v>
                </c:pt>
                <c:pt idx="1067">
                  <c:v>1.6374718999999933</c:v>
                </c:pt>
                <c:pt idx="1068">
                  <c:v>1.6882302999999932</c:v>
                </c:pt>
                <c:pt idx="1069">
                  <c:v>1.6315887999999932</c:v>
                </c:pt>
                <c:pt idx="1070">
                  <c:v>1.7068993999999935</c:v>
                </c:pt>
                <c:pt idx="1071">
                  <c:v>1.6878734999999931</c:v>
                </c:pt>
                <c:pt idx="1072">
                  <c:v>1.7136202999999934</c:v>
                </c:pt>
                <c:pt idx="1073">
                  <c:v>1.7079714999999935</c:v>
                </c:pt>
                <c:pt idx="1074">
                  <c:v>1.6228239999999938</c:v>
                </c:pt>
                <c:pt idx="1075">
                  <c:v>1.5933957999999939</c:v>
                </c:pt>
                <c:pt idx="1076">
                  <c:v>1.5933008999999938</c:v>
                </c:pt>
                <c:pt idx="1077">
                  <c:v>1.5973686999999939</c:v>
                </c:pt>
                <c:pt idx="1078">
                  <c:v>1.5970508999999939</c:v>
                </c:pt>
                <c:pt idx="1079">
                  <c:v>1.6298241999999936</c:v>
                </c:pt>
                <c:pt idx="1080">
                  <c:v>1.6297187999999938</c:v>
                </c:pt>
                <c:pt idx="1081">
                  <c:v>1.7259096999999932</c:v>
                </c:pt>
                <c:pt idx="1082">
                  <c:v>1.7326187999999938</c:v>
                </c:pt>
                <c:pt idx="1083">
                  <c:v>1.7247813999999937</c:v>
                </c:pt>
                <c:pt idx="1084">
                  <c:v>1.6738876999999937</c:v>
                </c:pt>
                <c:pt idx="1085">
                  <c:v>1.7031657999999936</c:v>
                </c:pt>
                <c:pt idx="1086">
                  <c:v>1.7039764999999942</c:v>
                </c:pt>
                <c:pt idx="1087">
                  <c:v>1.6226374999999944</c:v>
                </c:pt>
                <c:pt idx="1088">
                  <c:v>1.6341805999999943</c:v>
                </c:pt>
                <c:pt idx="1089">
                  <c:v>1.5601325999999944</c:v>
                </c:pt>
                <c:pt idx="1090">
                  <c:v>1.6037291999999939</c:v>
                </c:pt>
                <c:pt idx="1091">
                  <c:v>1.6049355999999939</c:v>
                </c:pt>
                <c:pt idx="1092">
                  <c:v>1.5927798999999938</c:v>
                </c:pt>
                <c:pt idx="1093">
                  <c:v>1.5255435999999944</c:v>
                </c:pt>
                <c:pt idx="1094">
                  <c:v>1.5791193999999944</c:v>
                </c:pt>
                <c:pt idx="1095">
                  <c:v>1.5724397999999944</c:v>
                </c:pt>
                <c:pt idx="1096">
                  <c:v>1.5901795999999941</c:v>
                </c:pt>
                <c:pt idx="1097">
                  <c:v>1.6000195999999942</c:v>
                </c:pt>
                <c:pt idx="1098">
                  <c:v>1.5900608999999943</c:v>
                </c:pt>
                <c:pt idx="1099">
                  <c:v>1.647973599999994</c:v>
                </c:pt>
                <c:pt idx="1100">
                  <c:v>1.6154524999999942</c:v>
                </c:pt>
                <c:pt idx="1101">
                  <c:v>1.5976006999999943</c:v>
                </c:pt>
                <c:pt idx="1102">
                  <c:v>1.5832129999999944</c:v>
                </c:pt>
                <c:pt idx="1103">
                  <c:v>1.619135399999994</c:v>
                </c:pt>
                <c:pt idx="1104">
                  <c:v>1.6269776999999941</c:v>
                </c:pt>
                <c:pt idx="1105">
                  <c:v>1.6679249999999941</c:v>
                </c:pt>
                <c:pt idx="1106">
                  <c:v>1.7408348999999941</c:v>
                </c:pt>
                <c:pt idx="1107">
                  <c:v>1.7247072999999942</c:v>
                </c:pt>
                <c:pt idx="1108">
                  <c:v>1.7005801999999943</c:v>
                </c:pt>
                <c:pt idx="1109">
                  <c:v>1.6924374999999943</c:v>
                </c:pt>
                <c:pt idx="1110">
                  <c:v>1.6784625999999943</c:v>
                </c:pt>
                <c:pt idx="1111">
                  <c:v>1.7178172999999943</c:v>
                </c:pt>
                <c:pt idx="1112">
                  <c:v>1.7160971999999943</c:v>
                </c:pt>
                <c:pt idx="1113">
                  <c:v>1.6487890999999943</c:v>
                </c:pt>
                <c:pt idx="1114">
                  <c:v>1.6513139999999944</c:v>
                </c:pt>
                <c:pt idx="1115">
                  <c:v>1.6724659999999942</c:v>
                </c:pt>
                <c:pt idx="1116">
                  <c:v>1.6231402999999944</c:v>
                </c:pt>
                <c:pt idx="1117">
                  <c:v>1.6090438999999943</c:v>
                </c:pt>
                <c:pt idx="1118">
                  <c:v>1.6183247999999946</c:v>
                </c:pt>
                <c:pt idx="1119">
                  <c:v>1.6328397999999948</c:v>
                </c:pt>
                <c:pt idx="1120">
                  <c:v>1.5361024999999948</c:v>
                </c:pt>
                <c:pt idx="1121">
                  <c:v>1.5362551999999945</c:v>
                </c:pt>
                <c:pt idx="1122">
                  <c:v>1.6114612999999944</c:v>
                </c:pt>
                <c:pt idx="1123">
                  <c:v>1.569947099999994</c:v>
                </c:pt>
                <c:pt idx="1124">
                  <c:v>1.5751593999999942</c:v>
                </c:pt>
                <c:pt idx="1125">
                  <c:v>1.5609102999999944</c:v>
                </c:pt>
                <c:pt idx="1126">
                  <c:v>1.6609898999999939</c:v>
                </c:pt>
                <c:pt idx="1127">
                  <c:v>1.649416699999994</c:v>
                </c:pt>
                <c:pt idx="1128">
                  <c:v>1.6639835999999932</c:v>
                </c:pt>
                <c:pt idx="1129">
                  <c:v>1.6529294999999933</c:v>
                </c:pt>
                <c:pt idx="1130">
                  <c:v>1.6234326999999933</c:v>
                </c:pt>
                <c:pt idx="1131">
                  <c:v>1.6632812999999933</c:v>
                </c:pt>
                <c:pt idx="1132">
                  <c:v>1.7052084999999932</c:v>
                </c:pt>
                <c:pt idx="1133">
                  <c:v>1.7088911999999934</c:v>
                </c:pt>
                <c:pt idx="1134">
                  <c:v>1.6982808999999932</c:v>
                </c:pt>
                <c:pt idx="1135">
                  <c:v>1.8003355999999933</c:v>
                </c:pt>
                <c:pt idx="1136">
                  <c:v>1.7565443999999935</c:v>
                </c:pt>
                <c:pt idx="1137">
                  <c:v>1.7600304999999934</c:v>
                </c:pt>
                <c:pt idx="1138">
                  <c:v>1.8023485999999935</c:v>
                </c:pt>
                <c:pt idx="1139">
                  <c:v>1.7810567999999933</c:v>
                </c:pt>
                <c:pt idx="1140">
                  <c:v>1.7236010999999936</c:v>
                </c:pt>
                <c:pt idx="1141">
                  <c:v>1.7521355999999928</c:v>
                </c:pt>
                <c:pt idx="1142">
                  <c:v>1.7938476999999931</c:v>
                </c:pt>
                <c:pt idx="1143">
                  <c:v>1.8526422999999923</c:v>
                </c:pt>
                <c:pt idx="1144">
                  <c:v>1.8889781999999924</c:v>
                </c:pt>
                <c:pt idx="1145">
                  <c:v>1.8969919999999925</c:v>
                </c:pt>
                <c:pt idx="1146">
                  <c:v>1.8771732999999924</c:v>
                </c:pt>
                <c:pt idx="1147">
                  <c:v>1.8699456999999926</c:v>
                </c:pt>
                <c:pt idx="1148">
                  <c:v>1.9183795999999926</c:v>
                </c:pt>
                <c:pt idx="1149">
                  <c:v>1.9209775999999921</c:v>
                </c:pt>
                <c:pt idx="1150">
                  <c:v>1.8990222999999919</c:v>
                </c:pt>
                <c:pt idx="1151">
                  <c:v>1.9005482999999916</c:v>
                </c:pt>
                <c:pt idx="1152">
                  <c:v>1.9367481999999909</c:v>
                </c:pt>
                <c:pt idx="1153">
                  <c:v>1.9406152999999913</c:v>
                </c:pt>
                <c:pt idx="1154">
                  <c:v>1.8908817999999914</c:v>
                </c:pt>
                <c:pt idx="1155">
                  <c:v>1.9199786999999917</c:v>
                </c:pt>
                <c:pt idx="1156">
                  <c:v>1.9747121999999915</c:v>
                </c:pt>
                <c:pt idx="1157">
                  <c:v>2.0219225999999915</c:v>
                </c:pt>
                <c:pt idx="1158">
                  <c:v>1.9837420999999917</c:v>
                </c:pt>
                <c:pt idx="1159">
                  <c:v>2.0080028999999917</c:v>
                </c:pt>
                <c:pt idx="1160">
                  <c:v>2.0824624999999917</c:v>
                </c:pt>
                <c:pt idx="1161">
                  <c:v>2.0774766999999916</c:v>
                </c:pt>
                <c:pt idx="1162">
                  <c:v>2.1643511999999911</c:v>
                </c:pt>
                <c:pt idx="1163">
                  <c:v>2.1869243999999912</c:v>
                </c:pt>
                <c:pt idx="1164">
                  <c:v>2.2203747999999912</c:v>
                </c:pt>
                <c:pt idx="1165">
                  <c:v>2.1604981999999913</c:v>
                </c:pt>
                <c:pt idx="1166">
                  <c:v>2.2311508999999909</c:v>
                </c:pt>
                <c:pt idx="1167">
                  <c:v>2.201061999999991</c:v>
                </c:pt>
                <c:pt idx="1168">
                  <c:v>2.1603707999999915</c:v>
                </c:pt>
                <c:pt idx="1169">
                  <c:v>2.0968572999999915</c:v>
                </c:pt>
                <c:pt idx="1170">
                  <c:v>2.1327871999999921</c:v>
                </c:pt>
                <c:pt idx="1171">
                  <c:v>2.133965999999992</c:v>
                </c:pt>
                <c:pt idx="1172">
                  <c:v>2.2293323999999921</c:v>
                </c:pt>
                <c:pt idx="1173">
                  <c:v>2.2298969999999918</c:v>
                </c:pt>
                <c:pt idx="1174">
                  <c:v>2.233183199999992</c:v>
                </c:pt>
                <c:pt idx="1175">
                  <c:v>2.1973987999999922</c:v>
                </c:pt>
                <c:pt idx="1176">
                  <c:v>2.2136518999999923</c:v>
                </c:pt>
                <c:pt idx="1177">
                  <c:v>2.2297051999999926</c:v>
                </c:pt>
                <c:pt idx="1178">
                  <c:v>2.2671364999999923</c:v>
                </c:pt>
                <c:pt idx="1179">
                  <c:v>2.2732030999999919</c:v>
                </c:pt>
                <c:pt idx="1180">
                  <c:v>2.3205897999999916</c:v>
                </c:pt>
                <c:pt idx="1181">
                  <c:v>2.322536499999992</c:v>
                </c:pt>
                <c:pt idx="1182">
                  <c:v>2.3589542999999917</c:v>
                </c:pt>
                <c:pt idx="1183">
                  <c:v>2.3337021999999914</c:v>
                </c:pt>
                <c:pt idx="1184">
                  <c:v>2.2593722999999919</c:v>
                </c:pt>
                <c:pt idx="1185">
                  <c:v>2.2990055999999921</c:v>
                </c:pt>
                <c:pt idx="1186">
                  <c:v>2.2948719999999918</c:v>
                </c:pt>
                <c:pt idx="1187">
                  <c:v>2.3037053999999921</c:v>
                </c:pt>
                <c:pt idx="1188">
                  <c:v>2.2826823999999921</c:v>
                </c:pt>
                <c:pt idx="1189">
                  <c:v>2.2951774999999923</c:v>
                </c:pt>
                <c:pt idx="1190">
                  <c:v>2.317151799999992</c:v>
                </c:pt>
                <c:pt idx="1191">
                  <c:v>2.2497651999999926</c:v>
                </c:pt>
                <c:pt idx="1192">
                  <c:v>2.2135065999999926</c:v>
                </c:pt>
                <c:pt idx="1193">
                  <c:v>2.2038551999999925</c:v>
                </c:pt>
                <c:pt idx="1194">
                  <c:v>2.1891424999999924</c:v>
                </c:pt>
                <c:pt idx="1195">
                  <c:v>2.2293181999999918</c:v>
                </c:pt>
                <c:pt idx="1196">
                  <c:v>2.1643034999999919</c:v>
                </c:pt>
                <c:pt idx="1197">
                  <c:v>2.1787819999999924</c:v>
                </c:pt>
                <c:pt idx="1198">
                  <c:v>2.1719703999999926</c:v>
                </c:pt>
                <c:pt idx="1199">
                  <c:v>2.2348762999999923</c:v>
                </c:pt>
                <c:pt idx="1200">
                  <c:v>2.2418784999999919</c:v>
                </c:pt>
                <c:pt idx="1201">
                  <c:v>2.2735200999999923</c:v>
                </c:pt>
                <c:pt idx="1202">
                  <c:v>2.2663733999999924</c:v>
                </c:pt>
                <c:pt idx="1203">
                  <c:v>2.2771207999999921</c:v>
                </c:pt>
                <c:pt idx="1204">
                  <c:v>2.2562205999999918</c:v>
                </c:pt>
                <c:pt idx="1205">
                  <c:v>2.2605230999999919</c:v>
                </c:pt>
                <c:pt idx="1206">
                  <c:v>2.2425509999999922</c:v>
                </c:pt>
                <c:pt idx="1207">
                  <c:v>2.1914897999999918</c:v>
                </c:pt>
                <c:pt idx="1208">
                  <c:v>2.1839617999999921</c:v>
                </c:pt>
                <c:pt idx="1209">
                  <c:v>2.1837987999999919</c:v>
                </c:pt>
                <c:pt idx="1210">
                  <c:v>2.193771199999992</c:v>
                </c:pt>
                <c:pt idx="1211">
                  <c:v>2.1939057999999925</c:v>
                </c:pt>
                <c:pt idx="1212">
                  <c:v>2.1606136999999923</c:v>
                </c:pt>
                <c:pt idx="1213">
                  <c:v>2.2509326999999923</c:v>
                </c:pt>
                <c:pt idx="1214">
                  <c:v>2.2845697999999923</c:v>
                </c:pt>
                <c:pt idx="1215">
                  <c:v>2.2898541999999926</c:v>
                </c:pt>
                <c:pt idx="1216">
                  <c:v>2.3414443999999919</c:v>
                </c:pt>
                <c:pt idx="1217">
                  <c:v>2.3380715999999921</c:v>
                </c:pt>
                <c:pt idx="1218">
                  <c:v>2.3099171999999921</c:v>
                </c:pt>
                <c:pt idx="1219">
                  <c:v>2.3560192999999923</c:v>
                </c:pt>
                <c:pt idx="1220">
                  <c:v>2.3580281999999926</c:v>
                </c:pt>
                <c:pt idx="1221">
                  <c:v>2.3597509999999922</c:v>
                </c:pt>
                <c:pt idx="1222">
                  <c:v>2.3519433999999921</c:v>
                </c:pt>
                <c:pt idx="1223">
                  <c:v>2.315547299999992</c:v>
                </c:pt>
                <c:pt idx="1224">
                  <c:v>2.3623645999999918</c:v>
                </c:pt>
                <c:pt idx="1225">
                  <c:v>2.3778109999999919</c:v>
                </c:pt>
                <c:pt idx="1226">
                  <c:v>2.4309171999999921</c:v>
                </c:pt>
                <c:pt idx="1227">
                  <c:v>2.4260758999999918</c:v>
                </c:pt>
                <c:pt idx="1228">
                  <c:v>2.4600136999999926</c:v>
                </c:pt>
                <c:pt idx="1229">
                  <c:v>2.4456076999999925</c:v>
                </c:pt>
                <c:pt idx="1230">
                  <c:v>2.4773242999999923</c:v>
                </c:pt>
                <c:pt idx="1231">
                  <c:v>2.4904807999999923</c:v>
                </c:pt>
                <c:pt idx="1232">
                  <c:v>2.4289127999999924</c:v>
                </c:pt>
                <c:pt idx="1233">
                  <c:v>2.4687851999999926</c:v>
                </c:pt>
                <c:pt idx="1234">
                  <c:v>2.4667774999999925</c:v>
                </c:pt>
                <c:pt idx="1235">
                  <c:v>2.4330979999999927</c:v>
                </c:pt>
                <c:pt idx="1236">
                  <c:v>2.3649299999999926</c:v>
                </c:pt>
                <c:pt idx="1237">
                  <c:v>2.3946499999999924</c:v>
                </c:pt>
                <c:pt idx="1238">
                  <c:v>2.4032493999999929</c:v>
                </c:pt>
                <c:pt idx="1239">
                  <c:v>2.4327326999999932</c:v>
                </c:pt>
                <c:pt idx="1240">
                  <c:v>2.4844659999999927</c:v>
                </c:pt>
                <c:pt idx="1241">
                  <c:v>2.5004715999999929</c:v>
                </c:pt>
                <c:pt idx="1242">
                  <c:v>2.4748513999999928</c:v>
                </c:pt>
                <c:pt idx="1243">
                  <c:v>2.4801566999999931</c:v>
                </c:pt>
                <c:pt idx="1244">
                  <c:v>2.4928807999999929</c:v>
                </c:pt>
                <c:pt idx="1245">
                  <c:v>2.4980316999999927</c:v>
                </c:pt>
                <c:pt idx="1246">
                  <c:v>2.4501852999999927</c:v>
                </c:pt>
                <c:pt idx="1247">
                  <c:v>2.414127299999993</c:v>
                </c:pt>
                <c:pt idx="1248">
                  <c:v>2.3962319999999928</c:v>
                </c:pt>
                <c:pt idx="1249">
                  <c:v>2.4062856999999935</c:v>
                </c:pt>
                <c:pt idx="1250">
                  <c:v>2.444079699999993</c:v>
                </c:pt>
                <c:pt idx="1251">
                  <c:v>2.5108427999999927</c:v>
                </c:pt>
                <c:pt idx="1252">
                  <c:v>2.5205472999999929</c:v>
                </c:pt>
                <c:pt idx="1253">
                  <c:v>2.5599049999999925</c:v>
                </c:pt>
                <c:pt idx="1254">
                  <c:v>2.560741599999993</c:v>
                </c:pt>
                <c:pt idx="1255">
                  <c:v>2.5900839999999929</c:v>
                </c:pt>
                <c:pt idx="1256">
                  <c:v>2.611307499999993</c:v>
                </c:pt>
                <c:pt idx="1257">
                  <c:v>2.669142399999993</c:v>
                </c:pt>
                <c:pt idx="1258">
                  <c:v>2.680785599999993</c:v>
                </c:pt>
                <c:pt idx="1259">
                  <c:v>2.7142762999999928</c:v>
                </c:pt>
                <c:pt idx="1260">
                  <c:v>2.720409799999993</c:v>
                </c:pt>
                <c:pt idx="1261">
                  <c:v>2.7340906999999928</c:v>
                </c:pt>
                <c:pt idx="1262">
                  <c:v>2.6783495999999936</c:v>
                </c:pt>
                <c:pt idx="1263">
                  <c:v>2.6647950999999934</c:v>
                </c:pt>
                <c:pt idx="1264">
                  <c:v>2.6718265999999931</c:v>
                </c:pt>
                <c:pt idx="1265">
                  <c:v>2.7058356999999926</c:v>
                </c:pt>
                <c:pt idx="1266">
                  <c:v>2.6993893999999923</c:v>
                </c:pt>
                <c:pt idx="1267">
                  <c:v>2.7325994999999921</c:v>
                </c:pt>
                <c:pt idx="1268">
                  <c:v>2.6746500999999925</c:v>
                </c:pt>
                <c:pt idx="1269">
                  <c:v>2.7075675999999924</c:v>
                </c:pt>
                <c:pt idx="1270">
                  <c:v>2.782001399999992</c:v>
                </c:pt>
                <c:pt idx="1271">
                  <c:v>2.8028353999999926</c:v>
                </c:pt>
                <c:pt idx="1272">
                  <c:v>2.7857017999999925</c:v>
                </c:pt>
                <c:pt idx="1273">
                  <c:v>2.8300998999999925</c:v>
                </c:pt>
                <c:pt idx="1274">
                  <c:v>2.8554328999999918</c:v>
                </c:pt>
                <c:pt idx="1275">
                  <c:v>2.8927050999999921</c:v>
                </c:pt>
                <c:pt idx="1276">
                  <c:v>2.980574199999992</c:v>
                </c:pt>
                <c:pt idx="1277">
                  <c:v>3.0109142999999916</c:v>
                </c:pt>
                <c:pt idx="1278">
                  <c:v>2.9939714999999918</c:v>
                </c:pt>
                <c:pt idx="1279">
                  <c:v>3.0548839999999924</c:v>
                </c:pt>
                <c:pt idx="1280">
                  <c:v>2.9386778999999925</c:v>
                </c:pt>
                <c:pt idx="1281">
                  <c:v>2.9488255999999922</c:v>
                </c:pt>
                <c:pt idx="1282">
                  <c:v>2.9755583999999926</c:v>
                </c:pt>
                <c:pt idx="1283">
                  <c:v>2.9224440999999923</c:v>
                </c:pt>
                <c:pt idx="1284">
                  <c:v>2.9205460999999926</c:v>
                </c:pt>
                <c:pt idx="1285">
                  <c:v>2.8220950999999923</c:v>
                </c:pt>
                <c:pt idx="1286">
                  <c:v>2.6760941999999925</c:v>
                </c:pt>
                <c:pt idx="1287">
                  <c:v>2.8455119999999918</c:v>
                </c:pt>
                <c:pt idx="1288">
                  <c:v>2.7401263999999923</c:v>
                </c:pt>
                <c:pt idx="1289">
                  <c:v>2.7908264999999925</c:v>
                </c:pt>
                <c:pt idx="1290">
                  <c:v>2.8584299999999918</c:v>
                </c:pt>
                <c:pt idx="1291">
                  <c:v>2.8890236999999921</c:v>
                </c:pt>
                <c:pt idx="1292">
                  <c:v>2.8660875999999922</c:v>
                </c:pt>
                <c:pt idx="1293">
                  <c:v>2.9606084999999918</c:v>
                </c:pt>
                <c:pt idx="1294">
                  <c:v>2.9595544999999914</c:v>
                </c:pt>
                <c:pt idx="1295">
                  <c:v>2.9665492999999916</c:v>
                </c:pt>
                <c:pt idx="1296">
                  <c:v>2.8699405999999916</c:v>
                </c:pt>
                <c:pt idx="1297">
                  <c:v>2.9310416999999913</c:v>
                </c:pt>
                <c:pt idx="1298">
                  <c:v>2.9805037999999913</c:v>
                </c:pt>
                <c:pt idx="1299">
                  <c:v>3.0098639999999914</c:v>
                </c:pt>
                <c:pt idx="1300">
                  <c:v>2.9673949999999909</c:v>
                </c:pt>
                <c:pt idx="1301">
                  <c:v>2.9479133999999911</c:v>
                </c:pt>
                <c:pt idx="1302">
                  <c:v>2.947705099999991</c:v>
                </c:pt>
                <c:pt idx="1303">
                  <c:v>2.9626245999999909</c:v>
                </c:pt>
                <c:pt idx="1304">
                  <c:v>2.9692950999999912</c:v>
                </c:pt>
                <c:pt idx="1305">
                  <c:v>2.9921146999999917</c:v>
                </c:pt>
                <c:pt idx="1306">
                  <c:v>2.9258812999999915</c:v>
                </c:pt>
                <c:pt idx="1307">
                  <c:v>2.9607624999999915</c:v>
                </c:pt>
                <c:pt idx="1308">
                  <c:v>2.9441512999999917</c:v>
                </c:pt>
                <c:pt idx="1309">
                  <c:v>3.0190670999999911</c:v>
                </c:pt>
                <c:pt idx="1310">
                  <c:v>3.047900499999991</c:v>
                </c:pt>
                <c:pt idx="1311">
                  <c:v>3.0285426999999912</c:v>
                </c:pt>
                <c:pt idx="1312">
                  <c:v>2.9971196999999909</c:v>
                </c:pt>
                <c:pt idx="1313">
                  <c:v>3.0464673999999912</c:v>
                </c:pt>
                <c:pt idx="1314">
                  <c:v>2.9936854999999918</c:v>
                </c:pt>
                <c:pt idx="1315">
                  <c:v>2.9965536999999918</c:v>
                </c:pt>
                <c:pt idx="1316">
                  <c:v>3.0435547999999919</c:v>
                </c:pt>
                <c:pt idx="1317">
                  <c:v>3.0637431999999922</c:v>
                </c:pt>
                <c:pt idx="1318">
                  <c:v>3.0609851999999922</c:v>
                </c:pt>
                <c:pt idx="1319">
                  <c:v>3.0682754999999924</c:v>
                </c:pt>
                <c:pt idx="1320">
                  <c:v>3.0273749999999922</c:v>
                </c:pt>
                <c:pt idx="1321">
                  <c:v>2.9594952999999919</c:v>
                </c:pt>
                <c:pt idx="1322">
                  <c:v>2.935085799999992</c:v>
                </c:pt>
                <c:pt idx="1323">
                  <c:v>2.8951400999999919</c:v>
                </c:pt>
                <c:pt idx="1324">
                  <c:v>2.9614988999999921</c:v>
                </c:pt>
                <c:pt idx="1325">
                  <c:v>2.9650791999999919</c:v>
                </c:pt>
                <c:pt idx="1326">
                  <c:v>2.9648795999999922</c:v>
                </c:pt>
                <c:pt idx="1327">
                  <c:v>2.9786630999999919</c:v>
                </c:pt>
                <c:pt idx="1328">
                  <c:v>2.9917978999999923</c:v>
                </c:pt>
                <c:pt idx="1329">
                  <c:v>3.0141692999999927</c:v>
                </c:pt>
                <c:pt idx="1330">
                  <c:v>3.0139673999999932</c:v>
                </c:pt>
                <c:pt idx="1331">
                  <c:v>3.0911192999999928</c:v>
                </c:pt>
                <c:pt idx="1332">
                  <c:v>3.107626099999993</c:v>
                </c:pt>
                <c:pt idx="1333">
                  <c:v>3.1391318999999926</c:v>
                </c:pt>
                <c:pt idx="1334">
                  <c:v>3.1289316999999928</c:v>
                </c:pt>
                <c:pt idx="1335">
                  <c:v>3.125389599999993</c:v>
                </c:pt>
                <c:pt idx="1336">
                  <c:v>3.1297821999999931</c:v>
                </c:pt>
                <c:pt idx="1337">
                  <c:v>3.1114681999999929</c:v>
                </c:pt>
                <c:pt idx="1338">
                  <c:v>3.1134133999999927</c:v>
                </c:pt>
                <c:pt idx="1339">
                  <c:v>3.1020931999999926</c:v>
                </c:pt>
                <c:pt idx="1340">
                  <c:v>3.0654625999999929</c:v>
                </c:pt>
                <c:pt idx="1341">
                  <c:v>3.0682295999999925</c:v>
                </c:pt>
                <c:pt idx="1342">
                  <c:v>3.1134015999999933</c:v>
                </c:pt>
                <c:pt idx="1343">
                  <c:v>3.043316699999993</c:v>
                </c:pt>
                <c:pt idx="1344">
                  <c:v>2.9512589999999932</c:v>
                </c:pt>
                <c:pt idx="1345">
                  <c:v>2.9500256999999932</c:v>
                </c:pt>
                <c:pt idx="1346">
                  <c:v>2.9498091999999931</c:v>
                </c:pt>
                <c:pt idx="1347">
                  <c:v>2.9118598999999934</c:v>
                </c:pt>
                <c:pt idx="1348">
                  <c:v>2.880160199999994</c:v>
                </c:pt>
                <c:pt idx="1349">
                  <c:v>2.9053650999999934</c:v>
                </c:pt>
                <c:pt idx="1350">
                  <c:v>2.9079920999999938</c:v>
                </c:pt>
                <c:pt idx="1351">
                  <c:v>2.9533593999999939</c:v>
                </c:pt>
                <c:pt idx="1352">
                  <c:v>2.9688409999999936</c:v>
                </c:pt>
                <c:pt idx="1353">
                  <c:v>2.9600500999999939</c:v>
                </c:pt>
                <c:pt idx="1354">
                  <c:v>2.8183434999999943</c:v>
                </c:pt>
                <c:pt idx="1355">
                  <c:v>2.7471689999999942</c:v>
                </c:pt>
                <c:pt idx="1356">
                  <c:v>2.7696070999999942</c:v>
                </c:pt>
                <c:pt idx="1357">
                  <c:v>2.8425675999999944</c:v>
                </c:pt>
                <c:pt idx="1358">
                  <c:v>2.8514397999999943</c:v>
                </c:pt>
                <c:pt idx="1359">
                  <c:v>2.9090645999999936</c:v>
                </c:pt>
                <c:pt idx="1360">
                  <c:v>2.889104499999994</c:v>
                </c:pt>
                <c:pt idx="1361">
                  <c:v>2.9540221999999936</c:v>
                </c:pt>
                <c:pt idx="1362">
                  <c:v>2.9742768999999933</c:v>
                </c:pt>
                <c:pt idx="1363">
                  <c:v>2.9570087999999934</c:v>
                </c:pt>
                <c:pt idx="1364">
                  <c:v>2.9384061999999935</c:v>
                </c:pt>
                <c:pt idx="1365">
                  <c:v>2.8888669999999932</c:v>
                </c:pt>
                <c:pt idx="1366">
                  <c:v>2.8748739999999935</c:v>
                </c:pt>
                <c:pt idx="1367">
                  <c:v>2.894959999999994</c:v>
                </c:pt>
                <c:pt idx="1368">
                  <c:v>2.9091411999999934</c:v>
                </c:pt>
                <c:pt idx="1369">
                  <c:v>2.9497917999999932</c:v>
                </c:pt>
                <c:pt idx="1370">
                  <c:v>2.9744815999999936</c:v>
                </c:pt>
                <c:pt idx="1371">
                  <c:v>2.9694564999999939</c:v>
                </c:pt>
                <c:pt idx="1372">
                  <c:v>2.9846468999999938</c:v>
                </c:pt>
                <c:pt idx="1373">
                  <c:v>3.0256930999999936</c:v>
                </c:pt>
                <c:pt idx="1374">
                  <c:v>3.0119617999999937</c:v>
                </c:pt>
                <c:pt idx="1375">
                  <c:v>3.0715795999999935</c:v>
                </c:pt>
                <c:pt idx="1376">
                  <c:v>3.0833352999999937</c:v>
                </c:pt>
                <c:pt idx="1377">
                  <c:v>3.0781770999999942</c:v>
                </c:pt>
                <c:pt idx="1378">
                  <c:v>3.0517583999999935</c:v>
                </c:pt>
                <c:pt idx="1379">
                  <c:v>3.0516753999999935</c:v>
                </c:pt>
                <c:pt idx="1380">
                  <c:v>3.0973453999999938</c:v>
                </c:pt>
                <c:pt idx="1381">
                  <c:v>3.0911300999999938</c:v>
                </c:pt>
                <c:pt idx="1382">
                  <c:v>3.1104221999999941</c:v>
                </c:pt>
                <c:pt idx="1383">
                  <c:v>3.0742058999999937</c:v>
                </c:pt>
                <c:pt idx="1384">
                  <c:v>3.0744430999999937</c:v>
                </c:pt>
                <c:pt idx="1385">
                  <c:v>3.0888084999999936</c:v>
                </c:pt>
                <c:pt idx="1386">
                  <c:v>3.0618252999999935</c:v>
                </c:pt>
                <c:pt idx="1387">
                  <c:v>3.0474921999999935</c:v>
                </c:pt>
                <c:pt idx="1388">
                  <c:v>3.063146199999994</c:v>
                </c:pt>
                <c:pt idx="1389">
                  <c:v>3.1149628999999939</c:v>
                </c:pt>
                <c:pt idx="1390">
                  <c:v>3.1213983999999941</c:v>
                </c:pt>
                <c:pt idx="1391">
                  <c:v>3.1358415999999938</c:v>
                </c:pt>
                <c:pt idx="1392">
                  <c:v>3.1723377999999931</c:v>
                </c:pt>
                <c:pt idx="1393">
                  <c:v>3.176515899999993</c:v>
                </c:pt>
                <c:pt idx="1394">
                  <c:v>3.1737146999999926</c:v>
                </c:pt>
                <c:pt idx="1395">
                  <c:v>3.1585705999999929</c:v>
                </c:pt>
                <c:pt idx="1396">
                  <c:v>3.1949035999999928</c:v>
                </c:pt>
                <c:pt idx="1397">
                  <c:v>3.1843407999999931</c:v>
                </c:pt>
                <c:pt idx="1398">
                  <c:v>3.1426645999999927</c:v>
                </c:pt>
                <c:pt idx="1399">
                  <c:v>3.1502710999999932</c:v>
                </c:pt>
                <c:pt idx="1400">
                  <c:v>3.1589217999999928</c:v>
                </c:pt>
                <c:pt idx="1401">
                  <c:v>3.1294783999999929</c:v>
                </c:pt>
                <c:pt idx="1402">
                  <c:v>3.0769965999999931</c:v>
                </c:pt>
                <c:pt idx="1403">
                  <c:v>3.0472530999999927</c:v>
                </c:pt>
                <c:pt idx="1404">
                  <c:v>3.0516262999999926</c:v>
                </c:pt>
                <c:pt idx="1405">
                  <c:v>3.064401299999993</c:v>
                </c:pt>
                <c:pt idx="1406">
                  <c:v>3.0759200999999932</c:v>
                </c:pt>
                <c:pt idx="1407">
                  <c:v>3.0508813999999926</c:v>
                </c:pt>
                <c:pt idx="1408">
                  <c:v>2.9335726999999929</c:v>
                </c:pt>
                <c:pt idx="1409">
                  <c:v>2.9358588999999924</c:v>
                </c:pt>
                <c:pt idx="1410">
                  <c:v>2.9949915999999925</c:v>
                </c:pt>
                <c:pt idx="1411">
                  <c:v>2.9827860999999927</c:v>
                </c:pt>
                <c:pt idx="1412">
                  <c:v>2.9447190999999924</c:v>
                </c:pt>
                <c:pt idx="1413">
                  <c:v>2.8406324999999923</c:v>
                </c:pt>
                <c:pt idx="1414">
                  <c:v>2.8429457999999928</c:v>
                </c:pt>
                <c:pt idx="1415">
                  <c:v>2.7996290999999935</c:v>
                </c:pt>
                <c:pt idx="1416">
                  <c:v>2.7870354999999933</c:v>
                </c:pt>
                <c:pt idx="1417">
                  <c:v>2.8788182999999927</c:v>
                </c:pt>
                <c:pt idx="1418">
                  <c:v>2.851322299999993</c:v>
                </c:pt>
                <c:pt idx="1419">
                  <c:v>2.8893257999999928</c:v>
                </c:pt>
                <c:pt idx="1420">
                  <c:v>2.8728661999999932</c:v>
                </c:pt>
                <c:pt idx="1421">
                  <c:v>2.8155216999999935</c:v>
                </c:pt>
                <c:pt idx="1422">
                  <c:v>2.8065741999999934</c:v>
                </c:pt>
                <c:pt idx="1423">
                  <c:v>2.7197362999999934</c:v>
                </c:pt>
                <c:pt idx="1424">
                  <c:v>2.6563033999999934</c:v>
                </c:pt>
                <c:pt idx="1425">
                  <c:v>2.5518087999999937</c:v>
                </c:pt>
                <c:pt idx="1426">
                  <c:v>2.6539627999999933</c:v>
                </c:pt>
                <c:pt idx="1427">
                  <c:v>2.6436932999999931</c:v>
                </c:pt>
                <c:pt idx="1428">
                  <c:v>2.5928673999999932</c:v>
                </c:pt>
                <c:pt idx="1429">
                  <c:v>2.6398665999999933</c:v>
                </c:pt>
                <c:pt idx="1430">
                  <c:v>2.7365137999999929</c:v>
                </c:pt>
                <c:pt idx="1431">
                  <c:v>2.7411856999999924</c:v>
                </c:pt>
                <c:pt idx="1432">
                  <c:v>2.799926899999992</c:v>
                </c:pt>
                <c:pt idx="1433">
                  <c:v>2.7430487999999924</c:v>
                </c:pt>
                <c:pt idx="1434">
                  <c:v>2.7904371999999924</c:v>
                </c:pt>
                <c:pt idx="1435">
                  <c:v>2.7398677999999927</c:v>
                </c:pt>
                <c:pt idx="1436">
                  <c:v>2.7142849999999927</c:v>
                </c:pt>
                <c:pt idx="1437">
                  <c:v>2.737895699999993</c:v>
                </c:pt>
                <c:pt idx="1438">
                  <c:v>2.7319361999999927</c:v>
                </c:pt>
                <c:pt idx="1439">
                  <c:v>2.8060236999999928</c:v>
                </c:pt>
                <c:pt idx="1440">
                  <c:v>2.8205550999999929</c:v>
                </c:pt>
                <c:pt idx="1441">
                  <c:v>2.822388799999993</c:v>
                </c:pt>
                <c:pt idx="1442">
                  <c:v>2.8531062999999928</c:v>
                </c:pt>
                <c:pt idx="1443">
                  <c:v>2.8673654999999934</c:v>
                </c:pt>
                <c:pt idx="1444">
                  <c:v>2.8623372999999934</c:v>
                </c:pt>
                <c:pt idx="1445">
                  <c:v>2.8595531999999935</c:v>
                </c:pt>
                <c:pt idx="1446">
                  <c:v>2.8831097999999935</c:v>
                </c:pt>
                <c:pt idx="1447">
                  <c:v>2.8754858999999935</c:v>
                </c:pt>
                <c:pt idx="1448">
                  <c:v>2.8816095999999933</c:v>
                </c:pt>
                <c:pt idx="1449">
                  <c:v>2.8275268999999934</c:v>
                </c:pt>
                <c:pt idx="1450">
                  <c:v>2.8802018999999932</c:v>
                </c:pt>
                <c:pt idx="1451">
                  <c:v>2.8684568999999933</c:v>
                </c:pt>
                <c:pt idx="1452">
                  <c:v>2.7723384999999934</c:v>
                </c:pt>
                <c:pt idx="1453">
                  <c:v>2.7329466999999932</c:v>
                </c:pt>
                <c:pt idx="1454">
                  <c:v>2.7529405999999939</c:v>
                </c:pt>
                <c:pt idx="1455">
                  <c:v>2.768652099999994</c:v>
                </c:pt>
                <c:pt idx="1456">
                  <c:v>2.735246199999994</c:v>
                </c:pt>
                <c:pt idx="1457">
                  <c:v>2.7938547999999934</c:v>
                </c:pt>
                <c:pt idx="1458">
                  <c:v>2.845577199999993</c:v>
                </c:pt>
                <c:pt idx="1459">
                  <c:v>2.8571284999999929</c:v>
                </c:pt>
                <c:pt idx="1460">
                  <c:v>2.8569274999999927</c:v>
                </c:pt>
                <c:pt idx="1461">
                  <c:v>2.835032199999993</c:v>
                </c:pt>
                <c:pt idx="1462">
                  <c:v>2.8794491999999927</c:v>
                </c:pt>
                <c:pt idx="1463">
                  <c:v>2.854407299999993</c:v>
                </c:pt>
                <c:pt idx="1464">
                  <c:v>2.8539750999999929</c:v>
                </c:pt>
                <c:pt idx="1465">
                  <c:v>2.813105299999993</c:v>
                </c:pt>
                <c:pt idx="1466">
                  <c:v>2.8574282999999925</c:v>
                </c:pt>
                <c:pt idx="1467">
                  <c:v>2.9036364999999926</c:v>
                </c:pt>
                <c:pt idx="1468">
                  <c:v>2.8979947999999927</c:v>
                </c:pt>
                <c:pt idx="1469">
                  <c:v>2.9513795999999921</c:v>
                </c:pt>
                <c:pt idx="1470">
                  <c:v>2.9679568999999923</c:v>
                </c:pt>
                <c:pt idx="1471">
                  <c:v>2.9764053999999924</c:v>
                </c:pt>
                <c:pt idx="1472">
                  <c:v>2.9978521999999921</c:v>
                </c:pt>
                <c:pt idx="1473">
                  <c:v>3.0083786999999917</c:v>
                </c:pt>
                <c:pt idx="1474">
                  <c:v>3.0229330999999924</c:v>
                </c:pt>
                <c:pt idx="1475">
                  <c:v>3.047441599999992</c:v>
                </c:pt>
                <c:pt idx="1476">
                  <c:v>3.0820127999999922</c:v>
                </c:pt>
                <c:pt idx="1477">
                  <c:v>3.062458199999992</c:v>
                </c:pt>
                <c:pt idx="1478">
                  <c:v>3.0698372999999917</c:v>
                </c:pt>
                <c:pt idx="1479">
                  <c:v>3.0736647999999924</c:v>
                </c:pt>
                <c:pt idx="1480">
                  <c:v>3.0635870999999923</c:v>
                </c:pt>
                <c:pt idx="1481">
                  <c:v>3.044457499999992</c:v>
                </c:pt>
                <c:pt idx="1482">
                  <c:v>3.0135208999999916</c:v>
                </c:pt>
                <c:pt idx="1483">
                  <c:v>2.9649304999999919</c:v>
                </c:pt>
                <c:pt idx="1484">
                  <c:v>2.9721027999999921</c:v>
                </c:pt>
                <c:pt idx="1485">
                  <c:v>2.9691719999999919</c:v>
                </c:pt>
                <c:pt idx="1486">
                  <c:v>3.0082864999999908</c:v>
                </c:pt>
                <c:pt idx="1487">
                  <c:v>3.0271278999999911</c:v>
                </c:pt>
                <c:pt idx="1488">
                  <c:v>3.0520193999999909</c:v>
                </c:pt>
                <c:pt idx="1489">
                  <c:v>3.0395449999999915</c:v>
                </c:pt>
                <c:pt idx="1490">
                  <c:v>3.0458508999999907</c:v>
                </c:pt>
                <c:pt idx="1491">
                  <c:v>3.0176333999999914</c:v>
                </c:pt>
                <c:pt idx="1492">
                  <c:v>2.992264099999991</c:v>
                </c:pt>
                <c:pt idx="1493">
                  <c:v>2.9637808999999913</c:v>
                </c:pt>
                <c:pt idx="1494">
                  <c:v>2.9325971999999911</c:v>
                </c:pt>
                <c:pt idx="1495">
                  <c:v>3.0200121999999903</c:v>
                </c:pt>
                <c:pt idx="1496">
                  <c:v>2.9709916999999901</c:v>
                </c:pt>
                <c:pt idx="1497">
                  <c:v>3.0015243999999903</c:v>
                </c:pt>
                <c:pt idx="1498">
                  <c:v>3.0738676999999903</c:v>
                </c:pt>
                <c:pt idx="1499">
                  <c:v>3.0508049999999907</c:v>
                </c:pt>
                <c:pt idx="1500">
                  <c:v>3.04889749999999</c:v>
                </c:pt>
                <c:pt idx="1501">
                  <c:v>3.0497557999999891</c:v>
                </c:pt>
                <c:pt idx="1502">
                  <c:v>3.026830399999989</c:v>
                </c:pt>
                <c:pt idx="1503">
                  <c:v>3.0339484999999895</c:v>
                </c:pt>
                <c:pt idx="1504">
                  <c:v>3.0505300999999889</c:v>
                </c:pt>
                <c:pt idx="1505">
                  <c:v>3.1152004999999887</c:v>
                </c:pt>
                <c:pt idx="1506">
                  <c:v>3.1238367999999888</c:v>
                </c:pt>
                <c:pt idx="1507">
                  <c:v>3.1416242999999886</c:v>
                </c:pt>
                <c:pt idx="1508">
                  <c:v>3.1210954999999885</c:v>
                </c:pt>
                <c:pt idx="1509">
                  <c:v>3.0969661999999882</c:v>
                </c:pt>
                <c:pt idx="1510">
                  <c:v>3.1364224999999886</c:v>
                </c:pt>
                <c:pt idx="1511">
                  <c:v>3.1295905999999887</c:v>
                </c:pt>
                <c:pt idx="1512">
                  <c:v>3.1477163999999886</c:v>
                </c:pt>
                <c:pt idx="1513">
                  <c:v>3.1551079999999887</c:v>
                </c:pt>
                <c:pt idx="1514">
                  <c:v>3.1329313999999888</c:v>
                </c:pt>
                <c:pt idx="1515">
                  <c:v>3.162182599999988</c:v>
                </c:pt>
                <c:pt idx="1516">
                  <c:v>3.1770366999999879</c:v>
                </c:pt>
                <c:pt idx="1517">
                  <c:v>3.1894651999999875</c:v>
                </c:pt>
                <c:pt idx="1518">
                  <c:v>3.205455199999987</c:v>
                </c:pt>
                <c:pt idx="1519">
                  <c:v>3.2586409999999866</c:v>
                </c:pt>
                <c:pt idx="1520">
                  <c:v>3.2834459999999863</c:v>
                </c:pt>
                <c:pt idx="1521">
                  <c:v>3.3331790999999864</c:v>
                </c:pt>
                <c:pt idx="1522">
                  <c:v>3.3133949999999865</c:v>
                </c:pt>
                <c:pt idx="1523">
                  <c:v>3.292127499999987</c:v>
                </c:pt>
                <c:pt idx="1524">
                  <c:v>3.3416270999999869</c:v>
                </c:pt>
                <c:pt idx="1525">
                  <c:v>3.363459199999987</c:v>
                </c:pt>
                <c:pt idx="1526">
                  <c:v>3.3900538999999865</c:v>
                </c:pt>
                <c:pt idx="1527">
                  <c:v>3.3703067999999865</c:v>
                </c:pt>
                <c:pt idx="1528">
                  <c:v>3.3697114999999869</c:v>
                </c:pt>
                <c:pt idx="1529">
                  <c:v>3.3717026999999868</c:v>
                </c:pt>
                <c:pt idx="1530">
                  <c:v>3.3177677999999871</c:v>
                </c:pt>
                <c:pt idx="1531">
                  <c:v>3.3443450999999866</c:v>
                </c:pt>
                <c:pt idx="1532">
                  <c:v>3.3417502999999869</c:v>
                </c:pt>
                <c:pt idx="1533">
                  <c:v>3.3161348999999865</c:v>
                </c:pt>
                <c:pt idx="1534">
                  <c:v>3.3362278999999866</c:v>
                </c:pt>
                <c:pt idx="1535">
                  <c:v>3.3785354999999866</c:v>
                </c:pt>
                <c:pt idx="1536">
                  <c:v>3.3382034999999863</c:v>
                </c:pt>
                <c:pt idx="1537">
                  <c:v>3.3360878999999866</c:v>
                </c:pt>
                <c:pt idx="1538">
                  <c:v>3.3623291999999863</c:v>
                </c:pt>
                <c:pt idx="1539">
                  <c:v>3.405100099999987</c:v>
                </c:pt>
                <c:pt idx="1540">
                  <c:v>3.4171145999999863</c:v>
                </c:pt>
                <c:pt idx="1541">
                  <c:v>3.4835133999999863</c:v>
                </c:pt>
                <c:pt idx="1542">
                  <c:v>3.4631123999999867</c:v>
                </c:pt>
                <c:pt idx="1543">
                  <c:v>3.481329199999986</c:v>
                </c:pt>
                <c:pt idx="1544">
                  <c:v>3.460676599999986</c:v>
                </c:pt>
                <c:pt idx="1545">
                  <c:v>3.4593738999999859</c:v>
                </c:pt>
                <c:pt idx="1546">
                  <c:v>3.423112499999986</c:v>
                </c:pt>
                <c:pt idx="1547">
                  <c:v>3.4096710999999855</c:v>
                </c:pt>
                <c:pt idx="1548">
                  <c:v>3.3648327999999861</c:v>
                </c:pt>
                <c:pt idx="1549">
                  <c:v>3.4013417999999849</c:v>
                </c:pt>
                <c:pt idx="1550">
                  <c:v>3.4656277999999849</c:v>
                </c:pt>
                <c:pt idx="1551">
                  <c:v>3.481617999999985</c:v>
                </c:pt>
                <c:pt idx="1552">
                  <c:v>3.4136666999999852</c:v>
                </c:pt>
                <c:pt idx="1553">
                  <c:v>3.3398948999999849</c:v>
                </c:pt>
                <c:pt idx="1554">
                  <c:v>3.421873399999984</c:v>
                </c:pt>
                <c:pt idx="1555">
                  <c:v>3.4171044999999838</c:v>
                </c:pt>
                <c:pt idx="1556">
                  <c:v>3.367325599999984</c:v>
                </c:pt>
                <c:pt idx="1557">
                  <c:v>3.3513366999999841</c:v>
                </c:pt>
                <c:pt idx="1558">
                  <c:v>3.3344936999999844</c:v>
                </c:pt>
                <c:pt idx="1559">
                  <c:v>3.4195607999999833</c:v>
                </c:pt>
                <c:pt idx="1560">
                  <c:v>3.4368530999999836</c:v>
                </c:pt>
                <c:pt idx="1561">
                  <c:v>3.4303269999999833</c:v>
                </c:pt>
                <c:pt idx="1562">
                  <c:v>3.4252218999999835</c:v>
                </c:pt>
                <c:pt idx="1563">
                  <c:v>3.4178849999999832</c:v>
                </c:pt>
                <c:pt idx="1564">
                  <c:v>3.3806478999999827</c:v>
                </c:pt>
                <c:pt idx="1565">
                  <c:v>3.3534756999999829</c:v>
                </c:pt>
                <c:pt idx="1566">
                  <c:v>3.3777038999999833</c:v>
                </c:pt>
                <c:pt idx="1567">
                  <c:v>3.4048363999999829</c:v>
                </c:pt>
                <c:pt idx="1568">
                  <c:v>3.3941129999999831</c:v>
                </c:pt>
                <c:pt idx="1569">
                  <c:v>3.3603957999999832</c:v>
                </c:pt>
                <c:pt idx="1570">
                  <c:v>3.3445270999999828</c:v>
                </c:pt>
                <c:pt idx="1571">
                  <c:v>3.3638832999999835</c:v>
                </c:pt>
                <c:pt idx="1572">
                  <c:v>3.3408865999999833</c:v>
                </c:pt>
                <c:pt idx="1573">
                  <c:v>3.390998999999983</c:v>
                </c:pt>
                <c:pt idx="1574">
                  <c:v>3.394632399999983</c:v>
                </c:pt>
                <c:pt idx="1575">
                  <c:v>3.4009721999999831</c:v>
                </c:pt>
                <c:pt idx="1576">
                  <c:v>3.400739699999983</c:v>
                </c:pt>
                <c:pt idx="1577">
                  <c:v>3.3587866999999827</c:v>
                </c:pt>
                <c:pt idx="1578">
                  <c:v>3.3643140999999828</c:v>
                </c:pt>
                <c:pt idx="1579">
                  <c:v>3.4133441999999832</c:v>
                </c:pt>
                <c:pt idx="1580">
                  <c:v>3.4360525999999831</c:v>
                </c:pt>
                <c:pt idx="1581">
                  <c:v>3.4358186999999827</c:v>
                </c:pt>
                <c:pt idx="1582">
                  <c:v>3.4818159999999834</c:v>
                </c:pt>
                <c:pt idx="1583">
                  <c:v>3.5087035999999827</c:v>
                </c:pt>
                <c:pt idx="1584">
                  <c:v>3.5470282999999831</c:v>
                </c:pt>
                <c:pt idx="1585">
                  <c:v>3.5079242999999831</c:v>
                </c:pt>
                <c:pt idx="1586">
                  <c:v>3.4735004999999832</c:v>
                </c:pt>
                <c:pt idx="1587">
                  <c:v>3.4772118999999826</c:v>
                </c:pt>
                <c:pt idx="1588">
                  <c:v>3.5008991999999823</c:v>
                </c:pt>
                <c:pt idx="1589">
                  <c:v>3.5453808999999818</c:v>
                </c:pt>
                <c:pt idx="1590">
                  <c:v>3.5224093999999821</c:v>
                </c:pt>
                <c:pt idx="1591">
                  <c:v>3.5398848999999819</c:v>
                </c:pt>
                <c:pt idx="1592">
                  <c:v>3.5253765999999827</c:v>
                </c:pt>
                <c:pt idx="1593">
                  <c:v>3.5304921999999825</c:v>
                </c:pt>
                <c:pt idx="1594">
                  <c:v>3.4887175999999824</c:v>
                </c:pt>
                <c:pt idx="1595">
                  <c:v>3.4756278999999823</c:v>
                </c:pt>
                <c:pt idx="1596">
                  <c:v>3.4671972999999818</c:v>
                </c:pt>
                <c:pt idx="1597">
                  <c:v>3.5039142999999813</c:v>
                </c:pt>
                <c:pt idx="1598">
                  <c:v>3.5036608999999812</c:v>
                </c:pt>
                <c:pt idx="1599">
                  <c:v>3.4683939999999813</c:v>
                </c:pt>
                <c:pt idx="1600">
                  <c:v>3.4250929999999817</c:v>
                </c:pt>
                <c:pt idx="1601">
                  <c:v>3.3426337999999811</c:v>
                </c:pt>
                <c:pt idx="1602">
                  <c:v>3.3391141999999814</c:v>
                </c:pt>
                <c:pt idx="1603">
                  <c:v>3.3947650999999812</c:v>
                </c:pt>
                <c:pt idx="1604">
                  <c:v>3.3426695999999811</c:v>
                </c:pt>
                <c:pt idx="1605">
                  <c:v>3.3296033999999812</c:v>
                </c:pt>
                <c:pt idx="1606">
                  <c:v>3.2516508999999809</c:v>
                </c:pt>
                <c:pt idx="1607">
                  <c:v>3.2805200999999817</c:v>
                </c:pt>
                <c:pt idx="1608">
                  <c:v>3.2875500999999812</c:v>
                </c:pt>
                <c:pt idx="1609">
                  <c:v>3.1929602999999815</c:v>
                </c:pt>
                <c:pt idx="1610">
                  <c:v>3.2086542999999814</c:v>
                </c:pt>
                <c:pt idx="1611">
                  <c:v>3.2602945999999813</c:v>
                </c:pt>
                <c:pt idx="1612">
                  <c:v>3.2792682999999814</c:v>
                </c:pt>
                <c:pt idx="1613">
                  <c:v>3.2857267999999813</c:v>
                </c:pt>
                <c:pt idx="1614">
                  <c:v>3.3610022999999813</c:v>
                </c:pt>
                <c:pt idx="1615">
                  <c:v>3.3763283999999816</c:v>
                </c:pt>
                <c:pt idx="1616">
                  <c:v>3.3861751999999816</c:v>
                </c:pt>
                <c:pt idx="1617">
                  <c:v>3.3465375999999809</c:v>
                </c:pt>
                <c:pt idx="1618">
                  <c:v>3.2986985999999812</c:v>
                </c:pt>
                <c:pt idx="1619">
                  <c:v>3.2994138999999816</c:v>
                </c:pt>
                <c:pt idx="1620">
                  <c:v>3.2894757999999813</c:v>
                </c:pt>
                <c:pt idx="1621">
                  <c:v>3.3017826999999818</c:v>
                </c:pt>
                <c:pt idx="1622">
                  <c:v>3.3393197999999815</c:v>
                </c:pt>
                <c:pt idx="1623">
                  <c:v>3.2930313999999816</c:v>
                </c:pt>
                <c:pt idx="1624">
                  <c:v>3.3300229999999811</c:v>
                </c:pt>
                <c:pt idx="1625">
                  <c:v>3.3764654999999806</c:v>
                </c:pt>
                <c:pt idx="1626">
                  <c:v>3.3703646999999801</c:v>
                </c:pt>
                <c:pt idx="1627">
                  <c:v>3.3464962999999806</c:v>
                </c:pt>
                <c:pt idx="1628">
                  <c:v>3.2885583999999808</c:v>
                </c:pt>
                <c:pt idx="1629">
                  <c:v>3.3302266999999803</c:v>
                </c:pt>
                <c:pt idx="1630">
                  <c:v>3.3608763999999809</c:v>
                </c:pt>
                <c:pt idx="1631">
                  <c:v>3.3522400999999808</c:v>
                </c:pt>
                <c:pt idx="1632">
                  <c:v>3.2760024999999802</c:v>
                </c:pt>
                <c:pt idx="1633">
                  <c:v>3.2787900999999806</c:v>
                </c:pt>
                <c:pt idx="1634">
                  <c:v>3.3096329999999794</c:v>
                </c:pt>
                <c:pt idx="1635">
                  <c:v>3.3109357999999798</c:v>
                </c:pt>
                <c:pt idx="1636">
                  <c:v>3.3677903999999792</c:v>
                </c:pt>
                <c:pt idx="1637">
                  <c:v>3.3866303999999792</c:v>
                </c:pt>
                <c:pt idx="1638">
                  <c:v>3.3886869999999796</c:v>
                </c:pt>
                <c:pt idx="1639">
                  <c:v>3.4058753999999789</c:v>
                </c:pt>
                <c:pt idx="1640">
                  <c:v>3.368869399999979</c:v>
                </c:pt>
                <c:pt idx="1641">
                  <c:v>3.3901119999999789</c:v>
                </c:pt>
                <c:pt idx="1642">
                  <c:v>3.422848399999979</c:v>
                </c:pt>
                <c:pt idx="1643">
                  <c:v>3.4740624999999774</c:v>
                </c:pt>
                <c:pt idx="1644">
                  <c:v>3.5232410999999777</c:v>
                </c:pt>
                <c:pt idx="1645">
                  <c:v>3.5357320999999775</c:v>
                </c:pt>
                <c:pt idx="1646">
                  <c:v>3.5435598999999778</c:v>
                </c:pt>
                <c:pt idx="1647">
                  <c:v>3.5089815999999781</c:v>
                </c:pt>
                <c:pt idx="1648">
                  <c:v>3.5059618999999778</c:v>
                </c:pt>
                <c:pt idx="1649">
                  <c:v>3.4655747999999775</c:v>
                </c:pt>
                <c:pt idx="1650">
                  <c:v>3.4625270999999778</c:v>
                </c:pt>
                <c:pt idx="1651">
                  <c:v>3.4102984999999775</c:v>
                </c:pt>
                <c:pt idx="1652">
                  <c:v>3.4032770999999782</c:v>
                </c:pt>
                <c:pt idx="1653">
                  <c:v>3.3884806999999775</c:v>
                </c:pt>
                <c:pt idx="1654">
                  <c:v>3.3926875999999782</c:v>
                </c:pt>
                <c:pt idx="1655">
                  <c:v>3.3931501999999778</c:v>
                </c:pt>
                <c:pt idx="1656">
                  <c:v>3.4122777999999778</c:v>
                </c:pt>
                <c:pt idx="1657">
                  <c:v>3.4486283999999774</c:v>
                </c:pt>
                <c:pt idx="1658">
                  <c:v>3.4577590999999774</c:v>
                </c:pt>
                <c:pt idx="1659">
                  <c:v>3.4730248999999773</c:v>
                </c:pt>
                <c:pt idx="1660">
                  <c:v>3.4338980999999773</c:v>
                </c:pt>
                <c:pt idx="1661">
                  <c:v>3.4245133999999773</c:v>
                </c:pt>
                <c:pt idx="1662">
                  <c:v>3.4403757999999769</c:v>
                </c:pt>
                <c:pt idx="1663">
                  <c:v>3.4230793999999767</c:v>
                </c:pt>
                <c:pt idx="1664">
                  <c:v>3.3647056999999769</c:v>
                </c:pt>
                <c:pt idx="1665">
                  <c:v>3.3234332999999765</c:v>
                </c:pt>
                <c:pt idx="1666">
                  <c:v>3.3417908999999772</c:v>
                </c:pt>
                <c:pt idx="1667">
                  <c:v>3.4070316999999761</c:v>
                </c:pt>
                <c:pt idx="1668">
                  <c:v>3.416290299999976</c:v>
                </c:pt>
                <c:pt idx="1669">
                  <c:v>3.4237548999999756</c:v>
                </c:pt>
                <c:pt idx="1670">
                  <c:v>3.3652460999999771</c:v>
                </c:pt>
                <c:pt idx="1671">
                  <c:v>3.3871908999999771</c:v>
                </c:pt>
                <c:pt idx="1672">
                  <c:v>3.346163099999977</c:v>
                </c:pt>
                <c:pt idx="1673">
                  <c:v>3.3514640999999772</c:v>
                </c:pt>
                <c:pt idx="1674">
                  <c:v>3.3769710999999756</c:v>
                </c:pt>
                <c:pt idx="1675">
                  <c:v>3.3596972999999757</c:v>
                </c:pt>
                <c:pt idx="1676">
                  <c:v>3.3498379999999761</c:v>
                </c:pt>
                <c:pt idx="1677">
                  <c:v>3.3510632999999759</c:v>
                </c:pt>
                <c:pt idx="1678">
                  <c:v>3.329604399999976</c:v>
                </c:pt>
                <c:pt idx="1679">
                  <c:v>3.3834997999999761</c:v>
                </c:pt>
                <c:pt idx="1680">
                  <c:v>3.390011199999976</c:v>
                </c:pt>
                <c:pt idx="1681">
                  <c:v>3.4120047999999761</c:v>
                </c:pt>
                <c:pt idx="1682">
                  <c:v>3.4225809999999752</c:v>
                </c:pt>
                <c:pt idx="1683">
                  <c:v>3.383080399999975</c:v>
                </c:pt>
                <c:pt idx="1684">
                  <c:v>3.4252415999999739</c:v>
                </c:pt>
                <c:pt idx="1685">
                  <c:v>3.3676603999999744</c:v>
                </c:pt>
                <c:pt idx="1686">
                  <c:v>3.4096777999999741</c:v>
                </c:pt>
                <c:pt idx="1687">
                  <c:v>3.3985268999999745</c:v>
                </c:pt>
                <c:pt idx="1688">
                  <c:v>3.352865699999974</c:v>
                </c:pt>
                <c:pt idx="1689">
                  <c:v>3.3560935999999746</c:v>
                </c:pt>
                <c:pt idx="1690">
                  <c:v>3.3425503999999746</c:v>
                </c:pt>
                <c:pt idx="1691">
                  <c:v>3.3331983999999739</c:v>
                </c:pt>
                <c:pt idx="1692">
                  <c:v>3.2957116999999743</c:v>
                </c:pt>
                <c:pt idx="1693">
                  <c:v>3.260936199999974</c:v>
                </c:pt>
                <c:pt idx="1694">
                  <c:v>3.279480099999974</c:v>
                </c:pt>
                <c:pt idx="1695">
                  <c:v>3.267797299999974</c:v>
                </c:pt>
                <c:pt idx="1696">
                  <c:v>3.2336585999999743</c:v>
                </c:pt>
                <c:pt idx="1697">
                  <c:v>3.243604399999974</c:v>
                </c:pt>
                <c:pt idx="1698">
                  <c:v>3.2717807999999744</c:v>
                </c:pt>
                <c:pt idx="1699">
                  <c:v>3.2997599999999743</c:v>
                </c:pt>
                <c:pt idx="1700">
                  <c:v>3.2879512999999738</c:v>
                </c:pt>
                <c:pt idx="1701">
                  <c:v>3.332208999999974</c:v>
                </c:pt>
                <c:pt idx="1702">
                  <c:v>3.3424533999999744</c:v>
                </c:pt>
                <c:pt idx="1703">
                  <c:v>3.3932810999999745</c:v>
                </c:pt>
                <c:pt idx="1704">
                  <c:v>3.3905660999999743</c:v>
                </c:pt>
                <c:pt idx="1705">
                  <c:v>3.3860822999999742</c:v>
                </c:pt>
                <c:pt idx="1706">
                  <c:v>3.4268016999999746</c:v>
                </c:pt>
                <c:pt idx="1707">
                  <c:v>3.4619554999999744</c:v>
                </c:pt>
                <c:pt idx="1708">
                  <c:v>3.4329009999999744</c:v>
                </c:pt>
                <c:pt idx="1709">
                  <c:v>3.4172510999999739</c:v>
                </c:pt>
                <c:pt idx="1710">
                  <c:v>3.3783576999999738</c:v>
                </c:pt>
                <c:pt idx="1711">
                  <c:v>3.3529101999999744</c:v>
                </c:pt>
                <c:pt idx="1712">
                  <c:v>3.3055663999999743</c:v>
                </c:pt>
                <c:pt idx="1713">
                  <c:v>3.2739422999999741</c:v>
                </c:pt>
                <c:pt idx="1714">
                  <c:v>3.3201043999999733</c:v>
                </c:pt>
                <c:pt idx="1715">
                  <c:v>3.2814271999999738</c:v>
                </c:pt>
                <c:pt idx="1716">
                  <c:v>3.249430099999973</c:v>
                </c:pt>
                <c:pt idx="1717">
                  <c:v>3.2373743999999736</c:v>
                </c:pt>
                <c:pt idx="1718">
                  <c:v>3.2535214999999731</c:v>
                </c:pt>
                <c:pt idx="1719">
                  <c:v>3.2416024999999733</c:v>
                </c:pt>
                <c:pt idx="1720">
                  <c:v>3.2628420999999728</c:v>
                </c:pt>
                <c:pt idx="1721">
                  <c:v>3.2577059999999722</c:v>
                </c:pt>
                <c:pt idx="1722">
                  <c:v>3.2399987999999729</c:v>
                </c:pt>
                <c:pt idx="1723">
                  <c:v>3.2392600999999726</c:v>
                </c:pt>
                <c:pt idx="1724">
                  <c:v>3.1864674999999725</c:v>
                </c:pt>
                <c:pt idx="1725">
                  <c:v>3.2311926999999727</c:v>
                </c:pt>
                <c:pt idx="1726">
                  <c:v>3.2486648999999721</c:v>
                </c:pt>
                <c:pt idx="1727">
                  <c:v>3.246255599999972</c:v>
                </c:pt>
                <c:pt idx="1728">
                  <c:v>3.1862460999999724</c:v>
                </c:pt>
                <c:pt idx="1729">
                  <c:v>3.1312605999999725</c:v>
                </c:pt>
                <c:pt idx="1730">
                  <c:v>2.9959205999999732</c:v>
                </c:pt>
                <c:pt idx="1731">
                  <c:v>2.9964891999999734</c:v>
                </c:pt>
                <c:pt idx="1732">
                  <c:v>2.7484111999999747</c:v>
                </c:pt>
                <c:pt idx="1733">
                  <c:v>2.8593339999999734</c:v>
                </c:pt>
                <c:pt idx="1734">
                  <c:v>2.862525599999973</c:v>
                </c:pt>
                <c:pt idx="1735">
                  <c:v>2.9399187999999725</c:v>
                </c:pt>
                <c:pt idx="1736">
                  <c:v>2.9316806999999723</c:v>
                </c:pt>
                <c:pt idx="1737">
                  <c:v>3.0212577999999723</c:v>
                </c:pt>
                <c:pt idx="1738">
                  <c:v>3.0247608999999729</c:v>
                </c:pt>
                <c:pt idx="1739">
                  <c:v>3.0630467999999729</c:v>
                </c:pt>
                <c:pt idx="1740">
                  <c:v>3.001563499999973</c:v>
                </c:pt>
                <c:pt idx="1741">
                  <c:v>2.9647418999999733</c:v>
                </c:pt>
                <c:pt idx="1742">
                  <c:v>2.9691542999999734</c:v>
                </c:pt>
                <c:pt idx="1743">
                  <c:v>3.0206018999999724</c:v>
                </c:pt>
                <c:pt idx="1744">
                  <c:v>3.0204001999999726</c:v>
                </c:pt>
                <c:pt idx="1745">
                  <c:v>2.992192899999973</c:v>
                </c:pt>
                <c:pt idx="1746">
                  <c:v>3.0116069999999722</c:v>
                </c:pt>
                <c:pt idx="1747">
                  <c:v>3.0975345999999728</c:v>
                </c:pt>
                <c:pt idx="1748">
                  <c:v>3.1173402999999729</c:v>
                </c:pt>
                <c:pt idx="1749">
                  <c:v>3.2092529999999728</c:v>
                </c:pt>
                <c:pt idx="1750">
                  <c:v>3.3032281999999729</c:v>
                </c:pt>
                <c:pt idx="1751">
                  <c:v>3.2338232999999725</c:v>
                </c:pt>
                <c:pt idx="1752">
                  <c:v>3.1386155999999721</c:v>
                </c:pt>
                <c:pt idx="1753">
                  <c:v>3.2130715999999726</c:v>
                </c:pt>
                <c:pt idx="1754">
                  <c:v>3.2724620999999718</c:v>
                </c:pt>
                <c:pt idx="1755">
                  <c:v>3.1804314999999725</c:v>
                </c:pt>
                <c:pt idx="1756">
                  <c:v>3.1684722999999728</c:v>
                </c:pt>
                <c:pt idx="1757">
                  <c:v>3.1573594999999726</c:v>
                </c:pt>
                <c:pt idx="1758">
                  <c:v>3.1931023999999724</c:v>
                </c:pt>
                <c:pt idx="1759">
                  <c:v>3.1920689999999725</c:v>
                </c:pt>
                <c:pt idx="1760">
                  <c:v>3.2575127999999713</c:v>
                </c:pt>
                <c:pt idx="1761">
                  <c:v>3.2569971999999714</c:v>
                </c:pt>
                <c:pt idx="1762">
                  <c:v>3.2626668999999717</c:v>
                </c:pt>
                <c:pt idx="1763">
                  <c:v>3.2542867999999716</c:v>
                </c:pt>
                <c:pt idx="1764">
                  <c:v>3.1119137999999724</c:v>
                </c:pt>
                <c:pt idx="1765">
                  <c:v>3.0712709999999728</c:v>
                </c:pt>
                <c:pt idx="1766">
                  <c:v>3.0829787999999727</c:v>
                </c:pt>
                <c:pt idx="1767">
                  <c:v>3.1261441999999722</c:v>
                </c:pt>
                <c:pt idx="1768">
                  <c:v>3.1081646999999721</c:v>
                </c:pt>
                <c:pt idx="1769">
                  <c:v>3.1305497999999714</c:v>
                </c:pt>
                <c:pt idx="1770">
                  <c:v>3.1315585999999715</c:v>
                </c:pt>
                <c:pt idx="1771">
                  <c:v>3.0967045999999714</c:v>
                </c:pt>
                <c:pt idx="1772">
                  <c:v>3.0710814999999716</c:v>
                </c:pt>
                <c:pt idx="1773">
                  <c:v>3.0852741999999713</c:v>
                </c:pt>
                <c:pt idx="1774">
                  <c:v>3.136585999999971</c:v>
                </c:pt>
                <c:pt idx="1775">
                  <c:v>3.1006908999999707</c:v>
                </c:pt>
                <c:pt idx="1776">
                  <c:v>3.1915625999999699</c:v>
                </c:pt>
                <c:pt idx="1777">
                  <c:v>3.1844032999999694</c:v>
                </c:pt>
                <c:pt idx="1778">
                  <c:v>3.2116549999999702</c:v>
                </c:pt>
                <c:pt idx="1779">
                  <c:v>3.2267800999999698</c:v>
                </c:pt>
                <c:pt idx="1780">
                  <c:v>3.2189281999999695</c:v>
                </c:pt>
                <c:pt idx="1781">
                  <c:v>3.290497599999969</c:v>
                </c:pt>
                <c:pt idx="1782">
                  <c:v>3.2965348999999691</c:v>
                </c:pt>
                <c:pt idx="1783">
                  <c:v>3.2392190999999686</c:v>
                </c:pt>
                <c:pt idx="1784">
                  <c:v>3.3029544999999692</c:v>
                </c:pt>
                <c:pt idx="1785">
                  <c:v>3.3355465999999687</c:v>
                </c:pt>
                <c:pt idx="1786">
                  <c:v>3.3049092999999692</c:v>
                </c:pt>
                <c:pt idx="1787">
                  <c:v>3.3303462999999693</c:v>
                </c:pt>
                <c:pt idx="1788">
                  <c:v>3.3431452999999687</c:v>
                </c:pt>
                <c:pt idx="1789">
                  <c:v>3.3487720999999686</c:v>
                </c:pt>
                <c:pt idx="1790">
                  <c:v>3.3357769999999691</c:v>
                </c:pt>
                <c:pt idx="1791">
                  <c:v>3.3118435999999694</c:v>
                </c:pt>
                <c:pt idx="1792">
                  <c:v>3.3535568999999681</c:v>
                </c:pt>
                <c:pt idx="1793">
                  <c:v>3.3534027999999676</c:v>
                </c:pt>
                <c:pt idx="1794">
                  <c:v>3.380920699999967</c:v>
                </c:pt>
                <c:pt idx="1795">
                  <c:v>3.3811802999999658</c:v>
                </c:pt>
                <c:pt idx="1796">
                  <c:v>3.330023999999967</c:v>
                </c:pt>
                <c:pt idx="1797">
                  <c:v>3.3112662999999669</c:v>
                </c:pt>
                <c:pt idx="1798">
                  <c:v>3.362614999999967</c:v>
                </c:pt>
                <c:pt idx="1799">
                  <c:v>3.3617565999999668</c:v>
                </c:pt>
                <c:pt idx="1800">
                  <c:v>3.3953984999999669</c:v>
                </c:pt>
                <c:pt idx="1801">
                  <c:v>3.3077105999999681</c:v>
                </c:pt>
                <c:pt idx="1802">
                  <c:v>3.2848068999999684</c:v>
                </c:pt>
                <c:pt idx="1803">
                  <c:v>3.2733431999999683</c:v>
                </c:pt>
                <c:pt idx="1804">
                  <c:v>3.2536416999999682</c:v>
                </c:pt>
                <c:pt idx="1805">
                  <c:v>3.2333828999999676</c:v>
                </c:pt>
                <c:pt idx="1806">
                  <c:v>3.2574511999999682</c:v>
                </c:pt>
                <c:pt idx="1807">
                  <c:v>3.2700565999999682</c:v>
                </c:pt>
                <c:pt idx="1808">
                  <c:v>3.3035185999999683</c:v>
                </c:pt>
                <c:pt idx="1809">
                  <c:v>3.2899599999999678</c:v>
                </c:pt>
                <c:pt idx="1810">
                  <c:v>3.3988201999999674</c:v>
                </c:pt>
                <c:pt idx="1811">
                  <c:v>3.4342994999999661</c:v>
                </c:pt>
                <c:pt idx="1812">
                  <c:v>3.3905767999999661</c:v>
                </c:pt>
                <c:pt idx="1813">
                  <c:v>3.4313098999999658</c:v>
                </c:pt>
                <c:pt idx="1814">
                  <c:v>3.490967099999966</c:v>
                </c:pt>
                <c:pt idx="1815">
                  <c:v>3.4598340999999664</c:v>
                </c:pt>
                <c:pt idx="1816">
                  <c:v>3.4341219999999666</c:v>
                </c:pt>
                <c:pt idx="1817">
                  <c:v>3.4452284999999661</c:v>
                </c:pt>
                <c:pt idx="1818">
                  <c:v>3.4210034999999666</c:v>
                </c:pt>
                <c:pt idx="1819">
                  <c:v>3.4344668999999666</c:v>
                </c:pt>
                <c:pt idx="1820">
                  <c:v>3.4060251999999664</c:v>
                </c:pt>
                <c:pt idx="1821">
                  <c:v>3.4250653999999665</c:v>
                </c:pt>
                <c:pt idx="1822">
                  <c:v>3.4424325999999663</c:v>
                </c:pt>
                <c:pt idx="1823">
                  <c:v>3.4411670999999666</c:v>
                </c:pt>
                <c:pt idx="1824">
                  <c:v>3.5098483999999655</c:v>
                </c:pt>
                <c:pt idx="1825">
                  <c:v>3.5027358999999656</c:v>
                </c:pt>
                <c:pt idx="1826">
                  <c:v>3.5248862999999657</c:v>
                </c:pt>
                <c:pt idx="1827">
                  <c:v>3.5505377999999652</c:v>
                </c:pt>
                <c:pt idx="1828">
                  <c:v>3.551355499999965</c:v>
                </c:pt>
                <c:pt idx="1829">
                  <c:v>3.5779849999999653</c:v>
                </c:pt>
                <c:pt idx="1830">
                  <c:v>3.5442224999999654</c:v>
                </c:pt>
                <c:pt idx="1831">
                  <c:v>3.5766261999999642</c:v>
                </c:pt>
                <c:pt idx="1832">
                  <c:v>3.5763743999999642</c:v>
                </c:pt>
                <c:pt idx="1833">
                  <c:v>3.5787518999999648</c:v>
                </c:pt>
                <c:pt idx="1834">
                  <c:v>3.6137729999999646</c:v>
                </c:pt>
                <c:pt idx="1835">
                  <c:v>3.6255412999999646</c:v>
                </c:pt>
                <c:pt idx="1836">
                  <c:v>3.5941049999999644</c:v>
                </c:pt>
                <c:pt idx="1837">
                  <c:v>3.5857529999999649</c:v>
                </c:pt>
                <c:pt idx="1838">
                  <c:v>3.6185491999999639</c:v>
                </c:pt>
                <c:pt idx="1839">
                  <c:v>3.6336290999999639</c:v>
                </c:pt>
                <c:pt idx="1840">
                  <c:v>3.6234375999999635</c:v>
                </c:pt>
                <c:pt idx="1841">
                  <c:v>3.6108308999999634</c:v>
                </c:pt>
                <c:pt idx="1842">
                  <c:v>3.5996309999999632</c:v>
                </c:pt>
                <c:pt idx="1843">
                  <c:v>3.6225584999999638</c:v>
                </c:pt>
                <c:pt idx="1844">
                  <c:v>3.6395488999999639</c:v>
                </c:pt>
                <c:pt idx="1845">
                  <c:v>3.6786050999999631</c:v>
                </c:pt>
                <c:pt idx="1846">
                  <c:v>3.6846138999999631</c:v>
                </c:pt>
                <c:pt idx="1847">
                  <c:v>3.6879597999999625</c:v>
                </c:pt>
                <c:pt idx="1848">
                  <c:v>3.6679053999999631</c:v>
                </c:pt>
                <c:pt idx="1849">
                  <c:v>3.669038899999963</c:v>
                </c:pt>
                <c:pt idx="1850">
                  <c:v>3.6687590999999626</c:v>
                </c:pt>
                <c:pt idx="1851">
                  <c:v>3.6771001999999626</c:v>
                </c:pt>
                <c:pt idx="1852">
                  <c:v>3.6529629999999624</c:v>
                </c:pt>
                <c:pt idx="1853">
                  <c:v>3.6526928999999626</c:v>
                </c:pt>
                <c:pt idx="1854">
                  <c:v>3.6664548999999624</c:v>
                </c:pt>
                <c:pt idx="1855">
                  <c:v>3.7182167999999631</c:v>
                </c:pt>
                <c:pt idx="1856">
                  <c:v>3.7386677999999627</c:v>
                </c:pt>
                <c:pt idx="1857">
                  <c:v>3.7476257999999616</c:v>
                </c:pt>
                <c:pt idx="1858">
                  <c:v>3.7436280999999614</c:v>
                </c:pt>
                <c:pt idx="1859">
                  <c:v>3.8080702999999607</c:v>
                </c:pt>
                <c:pt idx="1860">
                  <c:v>3.7985665999999609</c:v>
                </c:pt>
                <c:pt idx="1861">
                  <c:v>3.7954745999999613</c:v>
                </c:pt>
                <c:pt idx="1862">
                  <c:v>3.7680233999999606</c:v>
                </c:pt>
                <c:pt idx="1863">
                  <c:v>3.8179349999999603</c:v>
                </c:pt>
                <c:pt idx="1864">
                  <c:v>3.8157408999999598</c:v>
                </c:pt>
                <c:pt idx="1865">
                  <c:v>3.8692045999999598</c:v>
                </c:pt>
                <c:pt idx="1866">
                  <c:v>3.9302029999999588</c:v>
                </c:pt>
                <c:pt idx="1867">
                  <c:v>3.9611368999999588</c:v>
                </c:pt>
                <c:pt idx="1868">
                  <c:v>3.9803777999999594</c:v>
                </c:pt>
                <c:pt idx="1869">
                  <c:v>3.9500095999999587</c:v>
                </c:pt>
                <c:pt idx="1870">
                  <c:v>3.9796643999999581</c:v>
                </c:pt>
                <c:pt idx="1871">
                  <c:v>3.9603628999999581</c:v>
                </c:pt>
                <c:pt idx="1872">
                  <c:v>4.0109379999999586</c:v>
                </c:pt>
                <c:pt idx="1873">
                  <c:v>4.0448594999999585</c:v>
                </c:pt>
                <c:pt idx="1874">
                  <c:v>4.0974995999999573</c:v>
                </c:pt>
                <c:pt idx="1875">
                  <c:v>4.1373320999999574</c:v>
                </c:pt>
                <c:pt idx="1876">
                  <c:v>4.1161884999999572</c:v>
                </c:pt>
                <c:pt idx="1877">
                  <c:v>4.0709415999999576</c:v>
                </c:pt>
                <c:pt idx="1878">
                  <c:v>4.1143059999999574</c:v>
                </c:pt>
                <c:pt idx="1879">
                  <c:v>4.1760518999999565</c:v>
                </c:pt>
                <c:pt idx="1880">
                  <c:v>4.202114799999956</c:v>
                </c:pt>
                <c:pt idx="1881">
                  <c:v>4.1903763999999555</c:v>
                </c:pt>
                <c:pt idx="1882">
                  <c:v>4.2602011999999547</c:v>
                </c:pt>
                <c:pt idx="1883">
                  <c:v>4.2656701999999544</c:v>
                </c:pt>
                <c:pt idx="1884">
                  <c:v>4.2392409999999545</c:v>
                </c:pt>
                <c:pt idx="1885">
                  <c:v>4.2276193999999547</c:v>
                </c:pt>
                <c:pt idx="1886">
                  <c:v>4.2425726999999549</c:v>
                </c:pt>
                <c:pt idx="1887">
                  <c:v>4.2287405999999548</c:v>
                </c:pt>
                <c:pt idx="1888">
                  <c:v>4.2318509999999545</c:v>
                </c:pt>
                <c:pt idx="1889">
                  <c:v>4.2118750999999559</c:v>
                </c:pt>
                <c:pt idx="1890">
                  <c:v>4.208228099999956</c:v>
                </c:pt>
                <c:pt idx="1891">
                  <c:v>4.3075655999999549</c:v>
                </c:pt>
                <c:pt idx="1892">
                  <c:v>4.3220299999999545</c:v>
                </c:pt>
                <c:pt idx="1893">
                  <c:v>4.2697634999999545</c:v>
                </c:pt>
                <c:pt idx="1894">
                  <c:v>4.2598841999999548</c:v>
                </c:pt>
                <c:pt idx="1895">
                  <c:v>4.2716869999999547</c:v>
                </c:pt>
                <c:pt idx="1896">
                  <c:v>4.3406484999999542</c:v>
                </c:pt>
                <c:pt idx="1897">
                  <c:v>4.3086047999999542</c:v>
                </c:pt>
                <c:pt idx="1898">
                  <c:v>4.2719722999999536</c:v>
                </c:pt>
                <c:pt idx="1899">
                  <c:v>4.2847007999999533</c:v>
                </c:pt>
                <c:pt idx="1900">
                  <c:v>4.2290776999999533</c:v>
                </c:pt>
                <c:pt idx="1901">
                  <c:v>4.1965453999999527</c:v>
                </c:pt>
                <c:pt idx="1902">
                  <c:v>4.1850981999999526</c:v>
                </c:pt>
                <c:pt idx="1903">
                  <c:v>4.2588204999999517</c:v>
                </c:pt>
                <c:pt idx="1904">
                  <c:v>4.2117923999999523</c:v>
                </c:pt>
                <c:pt idx="1905">
                  <c:v>4.2038668999999524</c:v>
                </c:pt>
                <c:pt idx="1906">
                  <c:v>4.2456819999999524</c:v>
                </c:pt>
                <c:pt idx="1907">
                  <c:v>4.2680417999999518</c:v>
                </c:pt>
                <c:pt idx="1908">
                  <c:v>4.2731444999999519</c:v>
                </c:pt>
                <c:pt idx="1909">
                  <c:v>4.291519899999952</c:v>
                </c:pt>
                <c:pt idx="1910">
                  <c:v>4.2762341999999522</c:v>
                </c:pt>
                <c:pt idx="1911">
                  <c:v>4.2795875999999513</c:v>
                </c:pt>
                <c:pt idx="1912">
                  <c:v>4.2791027999999516</c:v>
                </c:pt>
                <c:pt idx="1913">
                  <c:v>4.3207774999999504</c:v>
                </c:pt>
                <c:pt idx="1914">
                  <c:v>4.3469862999999505</c:v>
                </c:pt>
                <c:pt idx="1915">
                  <c:v>4.3700120999999505</c:v>
                </c:pt>
                <c:pt idx="1916">
                  <c:v>4.3972432999999498</c:v>
                </c:pt>
                <c:pt idx="1917">
                  <c:v>4.3769413999999491</c:v>
                </c:pt>
                <c:pt idx="1918">
                  <c:v>4.3348325999999497</c:v>
                </c:pt>
                <c:pt idx="1919">
                  <c:v>4.3752101999999491</c:v>
                </c:pt>
                <c:pt idx="1920">
                  <c:v>4.3520328999999496</c:v>
                </c:pt>
                <c:pt idx="1921">
                  <c:v>4.3333866999999504</c:v>
                </c:pt>
                <c:pt idx="1922">
                  <c:v>4.3767611999999501</c:v>
                </c:pt>
                <c:pt idx="1923">
                  <c:v>4.3734724999999504</c:v>
                </c:pt>
                <c:pt idx="1924">
                  <c:v>4.2708984999999515</c:v>
                </c:pt>
                <c:pt idx="1925">
                  <c:v>4.2114750999999524</c:v>
                </c:pt>
                <c:pt idx="1926">
                  <c:v>4.216884499999952</c:v>
                </c:pt>
                <c:pt idx="1927">
                  <c:v>4.1073322999999533</c:v>
                </c:pt>
                <c:pt idx="1928">
                  <c:v>4.0962307999999528</c:v>
                </c:pt>
                <c:pt idx="1929">
                  <c:v>4.1788338999999528</c:v>
                </c:pt>
                <c:pt idx="1930">
                  <c:v>4.1429420999999529</c:v>
                </c:pt>
                <c:pt idx="1931">
                  <c:v>4.0656341999999537</c:v>
                </c:pt>
                <c:pt idx="1932">
                  <c:v>4.0051205999999535</c:v>
                </c:pt>
                <c:pt idx="1933">
                  <c:v>4.0287388999999525</c:v>
                </c:pt>
                <c:pt idx="1934">
                  <c:v>4.0996552999999523</c:v>
                </c:pt>
                <c:pt idx="1935">
                  <c:v>4.0758817999999524</c:v>
                </c:pt>
                <c:pt idx="1936">
                  <c:v>4.0638268999999516</c:v>
                </c:pt>
                <c:pt idx="1937">
                  <c:v>4.1408096999999513</c:v>
                </c:pt>
                <c:pt idx="1938">
                  <c:v>4.1013384999999518</c:v>
                </c:pt>
                <c:pt idx="1939">
                  <c:v>4.0964825999999519</c:v>
                </c:pt>
                <c:pt idx="1940">
                  <c:v>4.0563975999999524</c:v>
                </c:pt>
                <c:pt idx="1941">
                  <c:v>4.1601560999999512</c:v>
                </c:pt>
                <c:pt idx="1942">
                  <c:v>4.150264599999951</c:v>
                </c:pt>
                <c:pt idx="1943">
                  <c:v>4.1608814999999515</c:v>
                </c:pt>
                <c:pt idx="1944">
                  <c:v>4.2527705999999501</c:v>
                </c:pt>
                <c:pt idx="1945">
                  <c:v>4.2380641999999504</c:v>
                </c:pt>
                <c:pt idx="1946">
                  <c:v>4.2274463999999501</c:v>
                </c:pt>
                <c:pt idx="1947">
                  <c:v>4.2415221999999506</c:v>
                </c:pt>
                <c:pt idx="1948">
                  <c:v>4.28362939999995</c:v>
                </c:pt>
                <c:pt idx="1949">
                  <c:v>4.3581184999999492</c:v>
                </c:pt>
                <c:pt idx="1950">
                  <c:v>4.3531536999999494</c:v>
                </c:pt>
                <c:pt idx="1951">
                  <c:v>4.27477299999995</c:v>
                </c:pt>
                <c:pt idx="1952">
                  <c:v>4.2443574999999498</c:v>
                </c:pt>
                <c:pt idx="1953">
                  <c:v>4.1998699999999509</c:v>
                </c:pt>
                <c:pt idx="1954">
                  <c:v>4.2445776999999509</c:v>
                </c:pt>
                <c:pt idx="1955">
                  <c:v>4.2552024999999514</c:v>
                </c:pt>
                <c:pt idx="1956">
                  <c:v>4.2637132999999512</c:v>
                </c:pt>
                <c:pt idx="1957">
                  <c:v>4.3308542999999506</c:v>
                </c:pt>
                <c:pt idx="1958">
                  <c:v>4.3387075999999505</c:v>
                </c:pt>
                <c:pt idx="1959">
                  <c:v>4.38866189999995</c:v>
                </c:pt>
                <c:pt idx="1960">
                  <c:v>4.40791329999995</c:v>
                </c:pt>
                <c:pt idx="1961">
                  <c:v>4.42673969999995</c:v>
                </c:pt>
                <c:pt idx="1962">
                  <c:v>4.3788745999999508</c:v>
                </c:pt>
                <c:pt idx="1963">
                  <c:v>4.3786030999999515</c:v>
                </c:pt>
                <c:pt idx="1964">
                  <c:v>4.3032091999999524</c:v>
                </c:pt>
                <c:pt idx="1965">
                  <c:v>4.2956838999999523</c:v>
                </c:pt>
                <c:pt idx="1966">
                  <c:v>4.273952499999953</c:v>
                </c:pt>
                <c:pt idx="1967">
                  <c:v>4.3015641999999525</c:v>
                </c:pt>
                <c:pt idx="1968">
                  <c:v>4.2727380999999536</c:v>
                </c:pt>
                <c:pt idx="1969">
                  <c:v>4.294668499999954</c:v>
                </c:pt>
                <c:pt idx="1970">
                  <c:v>4.3111240999999536</c:v>
                </c:pt>
                <c:pt idx="1971">
                  <c:v>4.3353248999999536</c:v>
                </c:pt>
                <c:pt idx="1972">
                  <c:v>4.3043721999999542</c:v>
                </c:pt>
                <c:pt idx="1973">
                  <c:v>4.2607629999999537</c:v>
                </c:pt>
                <c:pt idx="1974">
                  <c:v>4.2561499999999537</c:v>
                </c:pt>
                <c:pt idx="1975">
                  <c:v>4.2872102999999537</c:v>
                </c:pt>
                <c:pt idx="1976">
                  <c:v>4.3825399999999526</c:v>
                </c:pt>
                <c:pt idx="1977">
                  <c:v>4.505281599999952</c:v>
                </c:pt>
                <c:pt idx="1978">
                  <c:v>4.5257394999999514</c:v>
                </c:pt>
                <c:pt idx="1979">
                  <c:v>4.4606906999999518</c:v>
                </c:pt>
                <c:pt idx="1980">
                  <c:v>4.4505657999999517</c:v>
                </c:pt>
                <c:pt idx="1981">
                  <c:v>4.4323087999999524</c:v>
                </c:pt>
                <c:pt idx="1982">
                  <c:v>4.5012177999999521</c:v>
                </c:pt>
                <c:pt idx="1983">
                  <c:v>4.5526422999999507</c:v>
                </c:pt>
                <c:pt idx="1984">
                  <c:v>4.5006586999999509</c:v>
                </c:pt>
                <c:pt idx="1985">
                  <c:v>4.537199199999951</c:v>
                </c:pt>
                <c:pt idx="1986">
                  <c:v>4.515696199999951</c:v>
                </c:pt>
                <c:pt idx="1987">
                  <c:v>4.5620232999999502</c:v>
                </c:pt>
                <c:pt idx="1988">
                  <c:v>4.5364411999999499</c:v>
                </c:pt>
                <c:pt idx="1989">
                  <c:v>4.4897009999999513</c:v>
                </c:pt>
                <c:pt idx="1990">
                  <c:v>4.502537499999951</c:v>
                </c:pt>
                <c:pt idx="1991">
                  <c:v>4.5419373999999513</c:v>
                </c:pt>
                <c:pt idx="1992">
                  <c:v>4.4967981999999509</c:v>
                </c:pt>
                <c:pt idx="1993">
                  <c:v>4.4815830999999511</c:v>
                </c:pt>
                <c:pt idx="1994">
                  <c:v>4.4413447999999516</c:v>
                </c:pt>
                <c:pt idx="1995">
                  <c:v>4.4834731999999509</c:v>
                </c:pt>
                <c:pt idx="1996">
                  <c:v>4.4418090999999515</c:v>
                </c:pt>
                <c:pt idx="1997">
                  <c:v>4.4446297999999524</c:v>
                </c:pt>
                <c:pt idx="1998">
                  <c:v>4.4393886999999523</c:v>
                </c:pt>
                <c:pt idx="1999">
                  <c:v>4.4282689999999523</c:v>
                </c:pt>
                <c:pt idx="2000">
                  <c:v>4.3734594999999521</c:v>
                </c:pt>
                <c:pt idx="2001">
                  <c:v>4.3561595999999518</c:v>
                </c:pt>
                <c:pt idx="2002">
                  <c:v>4.3134868999999521</c:v>
                </c:pt>
                <c:pt idx="2003">
                  <c:v>4.3415878999999524</c:v>
                </c:pt>
                <c:pt idx="2004">
                  <c:v>4.3023156999999523</c:v>
                </c:pt>
                <c:pt idx="2005">
                  <c:v>4.3600322999999523</c:v>
                </c:pt>
                <c:pt idx="2006">
                  <c:v>4.4444298999999523</c:v>
                </c:pt>
                <c:pt idx="2007">
                  <c:v>4.4365438999999522</c:v>
                </c:pt>
                <c:pt idx="2008">
                  <c:v>4.4463335999999511</c:v>
                </c:pt>
                <c:pt idx="2009">
                  <c:v>4.3928858999999507</c:v>
                </c:pt>
                <c:pt idx="2010">
                  <c:v>4.4898386999999502</c:v>
                </c:pt>
                <c:pt idx="2011">
                  <c:v>4.5017555999999503</c:v>
                </c:pt>
                <c:pt idx="2012">
                  <c:v>4.5100298999999504</c:v>
                </c:pt>
                <c:pt idx="2013">
                  <c:v>4.4832917999999502</c:v>
                </c:pt>
                <c:pt idx="2014">
                  <c:v>4.4832584999999501</c:v>
                </c:pt>
                <c:pt idx="2015">
                  <c:v>4.4891405999999492</c:v>
                </c:pt>
                <c:pt idx="2016">
                  <c:v>4.4817224999999494</c:v>
                </c:pt>
                <c:pt idx="2017">
                  <c:v>4.4993045999999497</c:v>
                </c:pt>
                <c:pt idx="2018">
                  <c:v>4.3775285999999509</c:v>
                </c:pt>
                <c:pt idx="2019">
                  <c:v>4.3897973999999511</c:v>
                </c:pt>
                <c:pt idx="2020">
                  <c:v>4.3725329999999509</c:v>
                </c:pt>
                <c:pt idx="2021">
                  <c:v>4.3414607999999513</c:v>
                </c:pt>
                <c:pt idx="2022">
                  <c:v>4.3729950999999501</c:v>
                </c:pt>
                <c:pt idx="2023">
                  <c:v>4.401673599999949</c:v>
                </c:pt>
                <c:pt idx="2024">
                  <c:v>4.358661299999949</c:v>
                </c:pt>
                <c:pt idx="2025">
                  <c:v>4.3881811999999494</c:v>
                </c:pt>
                <c:pt idx="2026">
                  <c:v>4.4072184999999493</c:v>
                </c:pt>
                <c:pt idx="2027">
                  <c:v>4.4381499999999487</c:v>
                </c:pt>
                <c:pt idx="2028">
                  <c:v>4.394643699999949</c:v>
                </c:pt>
                <c:pt idx="2029">
                  <c:v>4.3681793999999492</c:v>
                </c:pt>
                <c:pt idx="2030">
                  <c:v>4.4156736999999486</c:v>
                </c:pt>
                <c:pt idx="2031">
                  <c:v>4.4248942999999477</c:v>
                </c:pt>
                <c:pt idx="2032">
                  <c:v>4.4525264999999479</c:v>
                </c:pt>
                <c:pt idx="2033">
                  <c:v>4.4814443999999467</c:v>
                </c:pt>
                <c:pt idx="2034">
                  <c:v>4.4506407999999471</c:v>
                </c:pt>
                <c:pt idx="2035">
                  <c:v>4.4057742999999467</c:v>
                </c:pt>
                <c:pt idx="2036">
                  <c:v>4.3896813999999464</c:v>
                </c:pt>
                <c:pt idx="2037">
                  <c:v>4.3074822999999478</c:v>
                </c:pt>
                <c:pt idx="2038">
                  <c:v>4.3167685999999472</c:v>
                </c:pt>
                <c:pt idx="2039">
                  <c:v>4.3556203999999479</c:v>
                </c:pt>
                <c:pt idx="2040">
                  <c:v>4.3560335999999475</c:v>
                </c:pt>
                <c:pt idx="2041">
                  <c:v>4.3788516999999469</c:v>
                </c:pt>
                <c:pt idx="2042">
                  <c:v>4.4051370999999468</c:v>
                </c:pt>
                <c:pt idx="2043">
                  <c:v>4.3789716999999468</c:v>
                </c:pt>
                <c:pt idx="2044">
                  <c:v>4.4790076999999462</c:v>
                </c:pt>
                <c:pt idx="2045">
                  <c:v>4.4842021999999453</c:v>
                </c:pt>
                <c:pt idx="2046">
                  <c:v>4.533771699999944</c:v>
                </c:pt>
                <c:pt idx="2047">
                  <c:v>4.4949577999999448</c:v>
                </c:pt>
                <c:pt idx="2048">
                  <c:v>4.426675899999946</c:v>
                </c:pt>
                <c:pt idx="2049">
                  <c:v>4.4006449999999457</c:v>
                </c:pt>
                <c:pt idx="2050">
                  <c:v>4.391667399999946</c:v>
                </c:pt>
                <c:pt idx="2051">
                  <c:v>4.4018272999999457</c:v>
                </c:pt>
                <c:pt idx="2052">
                  <c:v>4.3595108999999459</c:v>
                </c:pt>
                <c:pt idx="2053">
                  <c:v>4.3671889999999456</c:v>
                </c:pt>
                <c:pt idx="2054">
                  <c:v>4.4226985999999453</c:v>
                </c:pt>
                <c:pt idx="2055">
                  <c:v>4.4223966999999451</c:v>
                </c:pt>
                <c:pt idx="2056">
                  <c:v>4.4345510999999451</c:v>
                </c:pt>
                <c:pt idx="2057">
                  <c:v>4.434188099999945</c:v>
                </c:pt>
                <c:pt idx="2058">
                  <c:v>4.509989899999943</c:v>
                </c:pt>
                <c:pt idx="2059">
                  <c:v>4.4822296999999436</c:v>
                </c:pt>
                <c:pt idx="2060">
                  <c:v>4.4493869999999429</c:v>
                </c:pt>
                <c:pt idx="2061">
                  <c:v>4.4884071999999433</c:v>
                </c:pt>
                <c:pt idx="2062">
                  <c:v>4.5419102999999419</c:v>
                </c:pt>
                <c:pt idx="2063">
                  <c:v>4.5494937999999419</c:v>
                </c:pt>
                <c:pt idx="2064">
                  <c:v>4.565070399999942</c:v>
                </c:pt>
                <c:pt idx="2065">
                  <c:v>4.5430290999999432</c:v>
                </c:pt>
                <c:pt idx="2066">
                  <c:v>4.5429273999999431</c:v>
                </c:pt>
                <c:pt idx="2067">
                  <c:v>4.5522896999999434</c:v>
                </c:pt>
                <c:pt idx="2068">
                  <c:v>4.5814036999999423</c:v>
                </c:pt>
                <c:pt idx="2069">
                  <c:v>4.6493255999999414</c:v>
                </c:pt>
                <c:pt idx="2070">
                  <c:v>4.6962292999999402</c:v>
                </c:pt>
                <c:pt idx="2071">
                  <c:v>4.6929307999999406</c:v>
                </c:pt>
                <c:pt idx="2072">
                  <c:v>4.6584061999999413</c:v>
                </c:pt>
                <c:pt idx="2073">
                  <c:v>4.673694099999941</c:v>
                </c:pt>
                <c:pt idx="2074">
                  <c:v>4.7016487999999406</c:v>
                </c:pt>
                <c:pt idx="2075">
                  <c:v>4.7372393999999405</c:v>
                </c:pt>
                <c:pt idx="2076">
                  <c:v>4.7670394999999406</c:v>
                </c:pt>
                <c:pt idx="2077">
                  <c:v>4.7689282999999403</c:v>
                </c:pt>
                <c:pt idx="2078">
                  <c:v>4.7531631999999409</c:v>
                </c:pt>
                <c:pt idx="2079">
                  <c:v>4.7528595999999403</c:v>
                </c:pt>
                <c:pt idx="2080">
                  <c:v>4.7504951999999401</c:v>
                </c:pt>
                <c:pt idx="2081">
                  <c:v>4.7538176999999413</c:v>
                </c:pt>
                <c:pt idx="2082">
                  <c:v>4.8160299999999401</c:v>
                </c:pt>
                <c:pt idx="2083">
                  <c:v>4.8159144999999404</c:v>
                </c:pt>
                <c:pt idx="2084">
                  <c:v>4.8944600999999404</c:v>
                </c:pt>
                <c:pt idx="2085">
                  <c:v>4.9345196999999406</c:v>
                </c:pt>
                <c:pt idx="2086">
                  <c:v>4.9054485999999411</c:v>
                </c:pt>
                <c:pt idx="2087">
                  <c:v>4.8762844999999411</c:v>
                </c:pt>
                <c:pt idx="2088">
                  <c:v>4.8285161999999424</c:v>
                </c:pt>
                <c:pt idx="2089">
                  <c:v>4.8447957999999423</c:v>
                </c:pt>
                <c:pt idx="2090">
                  <c:v>4.8543326999999419</c:v>
                </c:pt>
                <c:pt idx="2091">
                  <c:v>4.8187019999999423</c:v>
                </c:pt>
                <c:pt idx="2092">
                  <c:v>4.8368548999999419</c:v>
                </c:pt>
                <c:pt idx="2093">
                  <c:v>4.7860776999999421</c:v>
                </c:pt>
                <c:pt idx="2094">
                  <c:v>4.7992368999999426</c:v>
                </c:pt>
                <c:pt idx="2095">
                  <c:v>4.8325942999999425</c:v>
                </c:pt>
                <c:pt idx="2096">
                  <c:v>4.8176629999999419</c:v>
                </c:pt>
                <c:pt idx="2097">
                  <c:v>4.8385828999999418</c:v>
                </c:pt>
                <c:pt idx="2098">
                  <c:v>4.8411507999999435</c:v>
                </c:pt>
                <c:pt idx="2099">
                  <c:v>4.8409292999999431</c:v>
                </c:pt>
                <c:pt idx="2100">
                  <c:v>4.7820260999999435</c:v>
                </c:pt>
                <c:pt idx="2101">
                  <c:v>4.7817141999999428</c:v>
                </c:pt>
                <c:pt idx="2102">
                  <c:v>4.7068619999999441</c:v>
                </c:pt>
                <c:pt idx="2103">
                  <c:v>4.7506893999999438</c:v>
                </c:pt>
                <c:pt idx="2104">
                  <c:v>4.7138923999999438</c:v>
                </c:pt>
                <c:pt idx="2105">
                  <c:v>4.7789341999999442</c:v>
                </c:pt>
                <c:pt idx="2106">
                  <c:v>4.810507499999944</c:v>
                </c:pt>
                <c:pt idx="2107">
                  <c:v>4.7856565999999443</c:v>
                </c:pt>
                <c:pt idx="2108">
                  <c:v>4.7835215999999443</c:v>
                </c:pt>
                <c:pt idx="2109">
                  <c:v>4.7499965999999443</c:v>
                </c:pt>
                <c:pt idx="2110">
                  <c:v>4.7033743999999444</c:v>
                </c:pt>
                <c:pt idx="2111">
                  <c:v>4.701435299999944</c:v>
                </c:pt>
                <c:pt idx="2112">
                  <c:v>4.7024134999999427</c:v>
                </c:pt>
                <c:pt idx="2113">
                  <c:v>4.6871511999999429</c:v>
                </c:pt>
                <c:pt idx="2114">
                  <c:v>4.6833270999999428</c:v>
                </c:pt>
                <c:pt idx="2115">
                  <c:v>4.6628431999999433</c:v>
                </c:pt>
                <c:pt idx="2116">
                  <c:v>4.6614367999999429</c:v>
                </c:pt>
                <c:pt idx="2117">
                  <c:v>4.6149620999999428</c:v>
                </c:pt>
                <c:pt idx="2118">
                  <c:v>4.6020484999999436</c:v>
                </c:pt>
                <c:pt idx="2119">
                  <c:v>4.6348402999999427</c:v>
                </c:pt>
                <c:pt idx="2120">
                  <c:v>4.6402262999999424</c:v>
                </c:pt>
                <c:pt idx="2121">
                  <c:v>4.6606428999999414</c:v>
                </c:pt>
                <c:pt idx="2122">
                  <c:v>4.6833279999999418</c:v>
                </c:pt>
                <c:pt idx="2123">
                  <c:v>4.7203719999999416</c:v>
                </c:pt>
                <c:pt idx="2124">
                  <c:v>4.7113991999999412</c:v>
                </c:pt>
                <c:pt idx="2125">
                  <c:v>4.6710711999999415</c:v>
                </c:pt>
                <c:pt idx="2126">
                  <c:v>4.6491788999999413</c:v>
                </c:pt>
                <c:pt idx="2127">
                  <c:v>4.7675111999999409</c:v>
                </c:pt>
                <c:pt idx="2128">
                  <c:v>4.7601191999999406</c:v>
                </c:pt>
                <c:pt idx="2129">
                  <c:v>4.7555197999999406</c:v>
                </c:pt>
                <c:pt idx="2130">
                  <c:v>4.7626563999999405</c:v>
                </c:pt>
                <c:pt idx="2131">
                  <c:v>4.7305620999999416</c:v>
                </c:pt>
                <c:pt idx="2132">
                  <c:v>4.6580461999999425</c:v>
                </c:pt>
                <c:pt idx="2133">
                  <c:v>4.6674271999999419</c:v>
                </c:pt>
                <c:pt idx="2134">
                  <c:v>4.6324032999999432</c:v>
                </c:pt>
                <c:pt idx="2135">
                  <c:v>4.6360167999999433</c:v>
                </c:pt>
                <c:pt idx="2136">
                  <c:v>4.6051367999999444</c:v>
                </c:pt>
                <c:pt idx="2137">
                  <c:v>4.5665626999999445</c:v>
                </c:pt>
                <c:pt idx="2138">
                  <c:v>4.5378867999999439</c:v>
                </c:pt>
                <c:pt idx="2139">
                  <c:v>4.529632199999944</c:v>
                </c:pt>
                <c:pt idx="2140">
                  <c:v>4.506986799999944</c:v>
                </c:pt>
                <c:pt idx="2141">
                  <c:v>4.5780237999999436</c:v>
                </c:pt>
                <c:pt idx="2142">
                  <c:v>4.6151752999999429</c:v>
                </c:pt>
                <c:pt idx="2143">
                  <c:v>4.6881684999999429</c:v>
                </c:pt>
                <c:pt idx="2144">
                  <c:v>4.6446060999999439</c:v>
                </c:pt>
                <c:pt idx="2145">
                  <c:v>4.6141005999999445</c:v>
                </c:pt>
                <c:pt idx="2146">
                  <c:v>4.6626691999999439</c:v>
                </c:pt>
                <c:pt idx="2147">
                  <c:v>4.5928505999999452</c:v>
                </c:pt>
                <c:pt idx="2148">
                  <c:v>4.6230582999999452</c:v>
                </c:pt>
                <c:pt idx="2149">
                  <c:v>4.6341756999999442</c:v>
                </c:pt>
                <c:pt idx="2150">
                  <c:v>4.7099440999999436</c:v>
                </c:pt>
                <c:pt idx="2151">
                  <c:v>4.7384193999999429</c:v>
                </c:pt>
                <c:pt idx="2152">
                  <c:v>4.6855958999999441</c:v>
                </c:pt>
                <c:pt idx="2153">
                  <c:v>4.6602820999999439</c:v>
                </c:pt>
                <c:pt idx="2154">
                  <c:v>4.5371338999999447</c:v>
                </c:pt>
                <c:pt idx="2155">
                  <c:v>4.6244775999999437</c:v>
                </c:pt>
                <c:pt idx="2156">
                  <c:v>4.5728095999999452</c:v>
                </c:pt>
                <c:pt idx="2157">
                  <c:v>4.5866873999999456</c:v>
                </c:pt>
                <c:pt idx="2158">
                  <c:v>4.6358453999999458</c:v>
                </c:pt>
                <c:pt idx="2159">
                  <c:v>4.6284653999999454</c:v>
                </c:pt>
                <c:pt idx="2160">
                  <c:v>4.6947523999999445</c:v>
                </c:pt>
                <c:pt idx="2161">
                  <c:v>4.6788138999999447</c:v>
                </c:pt>
                <c:pt idx="2162">
                  <c:v>4.6670829999999448</c:v>
                </c:pt>
                <c:pt idx="2163">
                  <c:v>4.5917476999999458</c:v>
                </c:pt>
                <c:pt idx="2164">
                  <c:v>4.5992611999999458</c:v>
                </c:pt>
                <c:pt idx="2165">
                  <c:v>4.7337067999999443</c:v>
                </c:pt>
                <c:pt idx="2166">
                  <c:v>4.7049067999999439</c:v>
                </c:pt>
                <c:pt idx="2167">
                  <c:v>4.722448299999944</c:v>
                </c:pt>
                <c:pt idx="2168">
                  <c:v>4.7133257999999438</c:v>
                </c:pt>
                <c:pt idx="2169">
                  <c:v>4.788737499999943</c:v>
                </c:pt>
                <c:pt idx="2170">
                  <c:v>4.7703041999999432</c:v>
                </c:pt>
                <c:pt idx="2171">
                  <c:v>4.7664938999999436</c:v>
                </c:pt>
                <c:pt idx="2172">
                  <c:v>4.7622251999999428</c:v>
                </c:pt>
                <c:pt idx="2173">
                  <c:v>4.7169122999999438</c:v>
                </c:pt>
                <c:pt idx="2174">
                  <c:v>4.7280124999999442</c:v>
                </c:pt>
                <c:pt idx="2175">
                  <c:v>4.746440399999944</c:v>
                </c:pt>
                <c:pt idx="2176">
                  <c:v>4.7353003999999439</c:v>
                </c:pt>
                <c:pt idx="2177">
                  <c:v>4.7586155999999429</c:v>
                </c:pt>
                <c:pt idx="2178">
                  <c:v>4.8016499999999436</c:v>
                </c:pt>
                <c:pt idx="2179">
                  <c:v>4.827175999999942</c:v>
                </c:pt>
                <c:pt idx="2180">
                  <c:v>4.8586227999999423</c:v>
                </c:pt>
                <c:pt idx="2181">
                  <c:v>4.8188105999999422</c:v>
                </c:pt>
                <c:pt idx="2182">
                  <c:v>4.8094174999999426</c:v>
                </c:pt>
                <c:pt idx="2183">
                  <c:v>4.812261099999942</c:v>
                </c:pt>
                <c:pt idx="2184">
                  <c:v>4.8202696999999413</c:v>
                </c:pt>
                <c:pt idx="2185">
                  <c:v>4.7324741999999427</c:v>
                </c:pt>
                <c:pt idx="2186">
                  <c:v>4.7087930999999434</c:v>
                </c:pt>
                <c:pt idx="2187">
                  <c:v>4.694023399999943</c:v>
                </c:pt>
                <c:pt idx="2188">
                  <c:v>4.6852898999999431</c:v>
                </c:pt>
                <c:pt idx="2189">
                  <c:v>4.5992907999999444</c:v>
                </c:pt>
                <c:pt idx="2190">
                  <c:v>4.5939739999999443</c:v>
                </c:pt>
                <c:pt idx="2191">
                  <c:v>4.523118899999945</c:v>
                </c:pt>
                <c:pt idx="2192">
                  <c:v>4.5195011999999446</c:v>
                </c:pt>
                <c:pt idx="2193">
                  <c:v>4.3978778999999468</c:v>
                </c:pt>
                <c:pt idx="2194">
                  <c:v>4.3487005999999466</c:v>
                </c:pt>
                <c:pt idx="2195">
                  <c:v>4.4077834999999466</c:v>
                </c:pt>
                <c:pt idx="2196">
                  <c:v>4.3556509999999475</c:v>
                </c:pt>
                <c:pt idx="2197">
                  <c:v>4.3924394999999468</c:v>
                </c:pt>
                <c:pt idx="2198">
                  <c:v>4.4052692999999463</c:v>
                </c:pt>
                <c:pt idx="2199">
                  <c:v>4.2930428999999473</c:v>
                </c:pt>
                <c:pt idx="2200">
                  <c:v>4.2382604999999485</c:v>
                </c:pt>
                <c:pt idx="2201">
                  <c:v>4.1888669999999495</c:v>
                </c:pt>
                <c:pt idx="2202">
                  <c:v>4.0747537999999501</c:v>
                </c:pt>
                <c:pt idx="2203">
                  <c:v>4.127656499999949</c:v>
                </c:pt>
                <c:pt idx="2204">
                  <c:v>4.1522776999999493</c:v>
                </c:pt>
                <c:pt idx="2205">
                  <c:v>4.2350243999999488</c:v>
                </c:pt>
                <c:pt idx="2206">
                  <c:v>4.2978038999999484</c:v>
                </c:pt>
                <c:pt idx="2207">
                  <c:v>4.3255645999999484</c:v>
                </c:pt>
                <c:pt idx="2208">
                  <c:v>4.1741759999999495</c:v>
                </c:pt>
                <c:pt idx="2209">
                  <c:v>4.1314124999999491</c:v>
                </c:pt>
                <c:pt idx="2210">
                  <c:v>4.1736545999999484</c:v>
                </c:pt>
                <c:pt idx="2211">
                  <c:v>4.1529173999999482</c:v>
                </c:pt>
                <c:pt idx="2212">
                  <c:v>4.1484883999999482</c:v>
                </c:pt>
                <c:pt idx="2213">
                  <c:v>4.1482547999999486</c:v>
                </c:pt>
                <c:pt idx="2214">
                  <c:v>4.1681033999999473</c:v>
                </c:pt>
                <c:pt idx="2215">
                  <c:v>4.2589135999999463</c:v>
                </c:pt>
                <c:pt idx="2216">
                  <c:v>4.1969167999999479</c:v>
                </c:pt>
                <c:pt idx="2217">
                  <c:v>4.250173399999948</c:v>
                </c:pt>
                <c:pt idx="2218">
                  <c:v>4.2638236999999473</c:v>
                </c:pt>
                <c:pt idx="2219">
                  <c:v>4.282781799999948</c:v>
                </c:pt>
                <c:pt idx="2220">
                  <c:v>4.3005224999999472</c:v>
                </c:pt>
                <c:pt idx="2221">
                  <c:v>4.2738188999999487</c:v>
                </c:pt>
                <c:pt idx="2222">
                  <c:v>4.3608904999999476</c:v>
                </c:pt>
                <c:pt idx="2223">
                  <c:v>4.3849643999999479</c:v>
                </c:pt>
                <c:pt idx="2224">
                  <c:v>4.3630196999999473</c:v>
                </c:pt>
                <c:pt idx="2225">
                  <c:v>4.3862884999999476</c:v>
                </c:pt>
                <c:pt idx="2226">
                  <c:v>4.402655699999948</c:v>
                </c:pt>
                <c:pt idx="2227">
                  <c:v>4.3842627999999477</c:v>
                </c:pt>
                <c:pt idx="2228">
                  <c:v>4.3740868999999476</c:v>
                </c:pt>
                <c:pt idx="2229">
                  <c:v>4.3697755999999472</c:v>
                </c:pt>
                <c:pt idx="2230">
                  <c:v>4.405208099999947</c:v>
                </c:pt>
                <c:pt idx="2231">
                  <c:v>4.3695074999999477</c:v>
                </c:pt>
                <c:pt idx="2232">
                  <c:v>4.3590107999999477</c:v>
                </c:pt>
                <c:pt idx="2233">
                  <c:v>4.2758870999999488</c:v>
                </c:pt>
                <c:pt idx="2234">
                  <c:v>4.2631093999999488</c:v>
                </c:pt>
                <c:pt idx="2235">
                  <c:v>4.3430376999999476</c:v>
                </c:pt>
                <c:pt idx="2236">
                  <c:v>4.3697376999999467</c:v>
                </c:pt>
                <c:pt idx="2237">
                  <c:v>4.3923849999999458</c:v>
                </c:pt>
                <c:pt idx="2238">
                  <c:v>4.4334473999999462</c:v>
                </c:pt>
                <c:pt idx="2239">
                  <c:v>4.3976002999999455</c:v>
                </c:pt>
                <c:pt idx="2240">
                  <c:v>4.3454103999999454</c:v>
                </c:pt>
                <c:pt idx="2241">
                  <c:v>4.361039999999945</c:v>
                </c:pt>
                <c:pt idx="2242">
                  <c:v>4.313073599999945</c:v>
                </c:pt>
                <c:pt idx="2243">
                  <c:v>4.2563094999999453</c:v>
                </c:pt>
                <c:pt idx="2244">
                  <c:v>4.245314799999945</c:v>
                </c:pt>
                <c:pt idx="2245">
                  <c:v>4.2878157999999438</c:v>
                </c:pt>
                <c:pt idx="2246">
                  <c:v>4.3489314999999431</c:v>
                </c:pt>
                <c:pt idx="2247">
                  <c:v>4.3005410999999434</c:v>
                </c:pt>
                <c:pt idx="2248">
                  <c:v>4.2209048999999439</c:v>
                </c:pt>
                <c:pt idx="2249">
                  <c:v>4.2062268999999439</c:v>
                </c:pt>
                <c:pt idx="2250">
                  <c:v>4.2336115999999429</c:v>
                </c:pt>
                <c:pt idx="2251">
                  <c:v>4.2807238999999422</c:v>
                </c:pt>
                <c:pt idx="2252">
                  <c:v>4.3432573999999411</c:v>
                </c:pt>
                <c:pt idx="2253">
                  <c:v>4.2940227999999419</c:v>
                </c:pt>
                <c:pt idx="2254">
                  <c:v>4.3182518999999413</c:v>
                </c:pt>
                <c:pt idx="2255">
                  <c:v>4.3655376999999405</c:v>
                </c:pt>
                <c:pt idx="2256">
                  <c:v>4.4229781999999398</c:v>
                </c:pt>
                <c:pt idx="2257">
                  <c:v>4.5232995999999375</c:v>
                </c:pt>
                <c:pt idx="2258">
                  <c:v>4.5572892999999377</c:v>
                </c:pt>
                <c:pt idx="2259">
                  <c:v>4.5398172999999389</c:v>
                </c:pt>
                <c:pt idx="2260">
                  <c:v>4.50132339999994</c:v>
                </c:pt>
                <c:pt idx="2261">
                  <c:v>4.5418334999999397</c:v>
                </c:pt>
                <c:pt idx="2262">
                  <c:v>4.5588847999999391</c:v>
                </c:pt>
                <c:pt idx="2263">
                  <c:v>4.5888033999999385</c:v>
                </c:pt>
                <c:pt idx="2264">
                  <c:v>4.6726751999999374</c:v>
                </c:pt>
                <c:pt idx="2265">
                  <c:v>4.6686328999999382</c:v>
                </c:pt>
                <c:pt idx="2266">
                  <c:v>4.5731534999999388</c:v>
                </c:pt>
                <c:pt idx="2267">
                  <c:v>4.615668299999939</c:v>
                </c:pt>
                <c:pt idx="2268">
                  <c:v>4.6300738999999389</c:v>
                </c:pt>
                <c:pt idx="2269">
                  <c:v>4.6176239999999389</c:v>
                </c:pt>
                <c:pt idx="2270">
                  <c:v>4.6230291999999382</c:v>
                </c:pt>
                <c:pt idx="2271">
                  <c:v>4.6622165999999368</c:v>
                </c:pt>
                <c:pt idx="2272">
                  <c:v>4.5630942999999391</c:v>
                </c:pt>
                <c:pt idx="2273">
                  <c:v>4.6396556999999374</c:v>
                </c:pt>
                <c:pt idx="2274">
                  <c:v>4.6259020999999381</c:v>
                </c:pt>
                <c:pt idx="2275">
                  <c:v>4.5883897999999386</c:v>
                </c:pt>
                <c:pt idx="2276">
                  <c:v>4.6145670999999382</c:v>
                </c:pt>
                <c:pt idx="2277">
                  <c:v>4.616036599999938</c:v>
                </c:pt>
                <c:pt idx="2278">
                  <c:v>4.6017945999999377</c:v>
                </c:pt>
                <c:pt idx="2279">
                  <c:v>4.6402546999999368</c:v>
                </c:pt>
                <c:pt idx="2280">
                  <c:v>4.680343399999936</c:v>
                </c:pt>
                <c:pt idx="2281">
                  <c:v>4.7074116999999358</c:v>
                </c:pt>
                <c:pt idx="2282">
                  <c:v>4.7652168999999365</c:v>
                </c:pt>
                <c:pt idx="2283">
                  <c:v>4.758121599999936</c:v>
                </c:pt>
                <c:pt idx="2284">
                  <c:v>4.7752765999999349</c:v>
                </c:pt>
                <c:pt idx="2285">
                  <c:v>4.7871681999999343</c:v>
                </c:pt>
                <c:pt idx="2286">
                  <c:v>4.8187653999999336</c:v>
                </c:pt>
                <c:pt idx="2287">
                  <c:v>4.8367093999999327</c:v>
                </c:pt>
                <c:pt idx="2288">
                  <c:v>4.8701110999999324</c:v>
                </c:pt>
                <c:pt idx="2289">
                  <c:v>4.807450099999933</c:v>
                </c:pt>
                <c:pt idx="2290">
                  <c:v>4.804320299999933</c:v>
                </c:pt>
                <c:pt idx="2291">
                  <c:v>4.794754099999933</c:v>
                </c:pt>
                <c:pt idx="2292">
                  <c:v>4.8265470999999334</c:v>
                </c:pt>
                <c:pt idx="2293">
                  <c:v>4.827746699999933</c:v>
                </c:pt>
                <c:pt idx="2294">
                  <c:v>4.8418341999999335</c:v>
                </c:pt>
                <c:pt idx="2295">
                  <c:v>4.8705120999999325</c:v>
                </c:pt>
                <c:pt idx="2296">
                  <c:v>4.8692416999999324</c:v>
                </c:pt>
                <c:pt idx="2297">
                  <c:v>4.905990099999932</c:v>
                </c:pt>
                <c:pt idx="2298">
                  <c:v>4.8511016999999317</c:v>
                </c:pt>
                <c:pt idx="2299">
                  <c:v>4.8101407999999326</c:v>
                </c:pt>
                <c:pt idx="2300">
                  <c:v>4.7468721999999337</c:v>
                </c:pt>
                <c:pt idx="2301">
                  <c:v>4.6790642999999346</c:v>
                </c:pt>
                <c:pt idx="2302">
                  <c:v>4.7109410999999346</c:v>
                </c:pt>
                <c:pt idx="2303">
                  <c:v>4.6324864999999349</c:v>
                </c:pt>
                <c:pt idx="2304">
                  <c:v>4.6694970999999352</c:v>
                </c:pt>
                <c:pt idx="2305">
                  <c:v>4.7570288999999342</c:v>
                </c:pt>
                <c:pt idx="2306">
                  <c:v>4.8045287999999342</c:v>
                </c:pt>
                <c:pt idx="2307">
                  <c:v>4.7264443999999353</c:v>
                </c:pt>
                <c:pt idx="2308">
                  <c:v>4.7261841999999348</c:v>
                </c:pt>
                <c:pt idx="2309">
                  <c:v>4.7005040999999359</c:v>
                </c:pt>
                <c:pt idx="2310">
                  <c:v>4.7005935999999373</c:v>
                </c:pt>
                <c:pt idx="2311">
                  <c:v>4.662367499999938</c:v>
                </c:pt>
                <c:pt idx="2312">
                  <c:v>4.6572816999999382</c:v>
                </c:pt>
                <c:pt idx="2313">
                  <c:v>4.6828604999999373</c:v>
                </c:pt>
                <c:pt idx="2314">
                  <c:v>4.7029813999999366</c:v>
                </c:pt>
                <c:pt idx="2315">
                  <c:v>4.7589939999999373</c:v>
                </c:pt>
                <c:pt idx="2316">
                  <c:v>4.664802399999938</c:v>
                </c:pt>
                <c:pt idx="2317">
                  <c:v>4.5756830999999387</c:v>
                </c:pt>
                <c:pt idx="2318">
                  <c:v>4.53320429999994</c:v>
                </c:pt>
                <c:pt idx="2319">
                  <c:v>4.5460718999999399</c:v>
                </c:pt>
                <c:pt idx="2320">
                  <c:v>4.5547142999999393</c:v>
                </c:pt>
                <c:pt idx="2321">
                  <c:v>4.5711437999999394</c:v>
                </c:pt>
                <c:pt idx="2322">
                  <c:v>4.5284606999999406</c:v>
                </c:pt>
                <c:pt idx="2323">
                  <c:v>4.4545859999999413</c:v>
                </c:pt>
                <c:pt idx="2324">
                  <c:v>4.459433599999941</c:v>
                </c:pt>
                <c:pt idx="2325">
                  <c:v>4.4525965999999411</c:v>
                </c:pt>
                <c:pt idx="2326">
                  <c:v>4.4562363999999404</c:v>
                </c:pt>
                <c:pt idx="2327">
                  <c:v>4.4738908999999403</c:v>
                </c:pt>
                <c:pt idx="2328">
                  <c:v>4.4720212999999402</c:v>
                </c:pt>
                <c:pt idx="2329">
                  <c:v>4.5421154999999409</c:v>
                </c:pt>
                <c:pt idx="2330">
                  <c:v>4.5394585999999402</c:v>
                </c:pt>
                <c:pt idx="2331">
                  <c:v>4.5371363999999401</c:v>
                </c:pt>
                <c:pt idx="2332">
                  <c:v>4.5368509999999409</c:v>
                </c:pt>
                <c:pt idx="2333">
                  <c:v>4.5195227999999403</c:v>
                </c:pt>
                <c:pt idx="2334">
                  <c:v>4.5510035999999392</c:v>
                </c:pt>
                <c:pt idx="2335">
                  <c:v>4.5908615999999398</c:v>
                </c:pt>
                <c:pt idx="2336">
                  <c:v>4.5905621999999395</c:v>
                </c:pt>
                <c:pt idx="2337">
                  <c:v>4.5092607999999403</c:v>
                </c:pt>
                <c:pt idx="2338">
                  <c:v>4.5021015999999401</c:v>
                </c:pt>
                <c:pt idx="2339">
                  <c:v>4.4771946999999406</c:v>
                </c:pt>
                <c:pt idx="2340">
                  <c:v>4.4441746999999401</c:v>
                </c:pt>
                <c:pt idx="2341">
                  <c:v>4.4590091999999402</c:v>
                </c:pt>
                <c:pt idx="2342">
                  <c:v>4.3389434999999414</c:v>
                </c:pt>
                <c:pt idx="2343">
                  <c:v>4.3662581999999404</c:v>
                </c:pt>
                <c:pt idx="2344">
                  <c:v>4.3357148999999415</c:v>
                </c:pt>
                <c:pt idx="2345">
                  <c:v>4.3634861999999401</c:v>
                </c:pt>
                <c:pt idx="2346">
                  <c:v>4.3931706999999403</c:v>
                </c:pt>
                <c:pt idx="2347">
                  <c:v>4.3891463999999401</c:v>
                </c:pt>
                <c:pt idx="2348">
                  <c:v>4.3322198999999415</c:v>
                </c:pt>
                <c:pt idx="2349">
                  <c:v>4.3076848999999413</c:v>
                </c:pt>
                <c:pt idx="2350">
                  <c:v>4.2780296999999425</c:v>
                </c:pt>
                <c:pt idx="2351">
                  <c:v>4.3300917999999413</c:v>
                </c:pt>
                <c:pt idx="2352">
                  <c:v>4.2255029999999421</c:v>
                </c:pt>
                <c:pt idx="2353">
                  <c:v>4.1749205999999432</c:v>
                </c:pt>
                <c:pt idx="2354">
                  <c:v>4.1567855999999432</c:v>
                </c:pt>
                <c:pt idx="2355">
                  <c:v>4.1754323999999432</c:v>
                </c:pt>
                <c:pt idx="2356">
                  <c:v>4.1549829999999437</c:v>
                </c:pt>
                <c:pt idx="2357">
                  <c:v>4.1237154999999452</c:v>
                </c:pt>
                <c:pt idx="2358">
                  <c:v>4.1730071999999439</c:v>
                </c:pt>
                <c:pt idx="2359">
                  <c:v>4.0348127999999459</c:v>
                </c:pt>
                <c:pt idx="2360">
                  <c:v>4.1000404999999454</c:v>
                </c:pt>
                <c:pt idx="2361">
                  <c:v>4.0708928999999445</c:v>
                </c:pt>
                <c:pt idx="2362">
                  <c:v>4.193510999999944</c:v>
                </c:pt>
                <c:pt idx="2363">
                  <c:v>4.2007434999999438</c:v>
                </c:pt>
                <c:pt idx="2364">
                  <c:v>4.1566200999999436</c:v>
                </c:pt>
                <c:pt idx="2365">
                  <c:v>4.2238314999999433</c:v>
                </c:pt>
                <c:pt idx="2366">
                  <c:v>4.1918198999999428</c:v>
                </c:pt>
                <c:pt idx="2367">
                  <c:v>4.1445472999999442</c:v>
                </c:pt>
                <c:pt idx="2368">
                  <c:v>4.1771304999999437</c:v>
                </c:pt>
                <c:pt idx="2369">
                  <c:v>4.1340516999999446</c:v>
                </c:pt>
                <c:pt idx="2370">
                  <c:v>4.0637420999999456</c:v>
                </c:pt>
                <c:pt idx="2371">
                  <c:v>4.1195621999999448</c:v>
                </c:pt>
                <c:pt idx="2372">
                  <c:v>4.1182455999999448</c:v>
                </c:pt>
                <c:pt idx="2373">
                  <c:v>4.1206092999999449</c:v>
                </c:pt>
                <c:pt idx="2374">
                  <c:v>4.0996440999999448</c:v>
                </c:pt>
                <c:pt idx="2375">
                  <c:v>4.0560246999999459</c:v>
                </c:pt>
                <c:pt idx="2376">
                  <c:v>4.0707452999999454</c:v>
                </c:pt>
                <c:pt idx="2377">
                  <c:v>4.1626278999999453</c:v>
                </c:pt>
                <c:pt idx="2378">
                  <c:v>4.1232144999999454</c:v>
                </c:pt>
                <c:pt idx="2379">
                  <c:v>4.0954247999999458</c:v>
                </c:pt>
                <c:pt idx="2380">
                  <c:v>4.1481657999999459</c:v>
                </c:pt>
                <c:pt idx="2381">
                  <c:v>4.0701723999999464</c:v>
                </c:pt>
                <c:pt idx="2382">
                  <c:v>4.0134231999999468</c:v>
                </c:pt>
                <c:pt idx="2383">
                  <c:v>4.0349569999999471</c:v>
                </c:pt>
                <c:pt idx="2384">
                  <c:v>4.0398852999999457</c:v>
                </c:pt>
                <c:pt idx="2385">
                  <c:v>4.010787499999946</c:v>
                </c:pt>
                <c:pt idx="2386">
                  <c:v>3.9760851999999467</c:v>
                </c:pt>
                <c:pt idx="2387">
                  <c:v>4.0156396999999462</c:v>
                </c:pt>
                <c:pt idx="2388">
                  <c:v>4.133899199999945</c:v>
                </c:pt>
                <c:pt idx="2389">
                  <c:v>4.1658967999999437</c:v>
                </c:pt>
                <c:pt idx="2390">
                  <c:v>4.2112200999999434</c:v>
                </c:pt>
                <c:pt idx="2391">
                  <c:v>4.2075121999999432</c:v>
                </c:pt>
                <c:pt idx="2392">
                  <c:v>4.2523521999999421</c:v>
                </c:pt>
                <c:pt idx="2393">
                  <c:v>4.2811766999999419</c:v>
                </c:pt>
                <c:pt idx="2394">
                  <c:v>4.2710259999999423</c:v>
                </c:pt>
                <c:pt idx="2395">
                  <c:v>4.3928168999999411</c:v>
                </c:pt>
                <c:pt idx="2396">
                  <c:v>4.3956905999999414</c:v>
                </c:pt>
                <c:pt idx="2397">
                  <c:v>4.4672417999999405</c:v>
                </c:pt>
                <c:pt idx="2398">
                  <c:v>4.4545031999999409</c:v>
                </c:pt>
                <c:pt idx="2399">
                  <c:v>4.5695258999999391</c:v>
                </c:pt>
                <c:pt idx="2400">
                  <c:v>4.5481794999999385</c:v>
                </c:pt>
                <c:pt idx="2401">
                  <c:v>4.5055476999999398</c:v>
                </c:pt>
                <c:pt idx="2402">
                  <c:v>4.5941046999999378</c:v>
                </c:pt>
                <c:pt idx="2403">
                  <c:v>4.540817499999938</c:v>
                </c:pt>
                <c:pt idx="2404">
                  <c:v>4.5240078999999378</c:v>
                </c:pt>
                <c:pt idx="2405">
                  <c:v>4.5263348999999371</c:v>
                </c:pt>
                <c:pt idx="2406">
                  <c:v>4.5911903999999373</c:v>
                </c:pt>
                <c:pt idx="2407">
                  <c:v>4.587511599999937</c:v>
                </c:pt>
                <c:pt idx="2408">
                  <c:v>4.5171062999999378</c:v>
                </c:pt>
                <c:pt idx="2409">
                  <c:v>4.5712311999999367</c:v>
                </c:pt>
                <c:pt idx="2410">
                  <c:v>4.6416626999999364</c:v>
                </c:pt>
                <c:pt idx="2411">
                  <c:v>4.6696025999999353</c:v>
                </c:pt>
                <c:pt idx="2412">
                  <c:v>4.621487199999935</c:v>
                </c:pt>
                <c:pt idx="2413">
                  <c:v>4.6392669999999345</c:v>
                </c:pt>
                <c:pt idx="2414">
                  <c:v>4.5695314999999352</c:v>
                </c:pt>
                <c:pt idx="2415">
                  <c:v>4.528617099999936</c:v>
                </c:pt>
                <c:pt idx="2416">
                  <c:v>4.5579016999999364</c:v>
                </c:pt>
                <c:pt idx="2417">
                  <c:v>4.5408495999999356</c:v>
                </c:pt>
                <c:pt idx="2418">
                  <c:v>4.6161952999999354</c:v>
                </c:pt>
                <c:pt idx="2419">
                  <c:v>4.6705455999999339</c:v>
                </c:pt>
                <c:pt idx="2420">
                  <c:v>4.7037371999999342</c:v>
                </c:pt>
                <c:pt idx="2421">
                  <c:v>4.7010195999999347</c:v>
                </c:pt>
                <c:pt idx="2422">
                  <c:v>4.6673842999999344</c:v>
                </c:pt>
                <c:pt idx="2423">
                  <c:v>4.659600799999934</c:v>
                </c:pt>
                <c:pt idx="2424">
                  <c:v>4.737561999999933</c:v>
                </c:pt>
                <c:pt idx="2425">
                  <c:v>4.7331427999999338</c:v>
                </c:pt>
                <c:pt idx="2426">
                  <c:v>4.7742175999999334</c:v>
                </c:pt>
                <c:pt idx="2427">
                  <c:v>4.7317233999999342</c:v>
                </c:pt>
                <c:pt idx="2428">
                  <c:v>4.7427088999999345</c:v>
                </c:pt>
                <c:pt idx="2429">
                  <c:v>4.687544599999935</c:v>
                </c:pt>
                <c:pt idx="2430">
                  <c:v>4.6067312999999359</c:v>
                </c:pt>
                <c:pt idx="2431">
                  <c:v>4.6007962999999359</c:v>
                </c:pt>
                <c:pt idx="2432">
                  <c:v>4.6535121999999349</c:v>
                </c:pt>
                <c:pt idx="2433">
                  <c:v>4.6546506999999355</c:v>
                </c:pt>
                <c:pt idx="2434">
                  <c:v>4.6872209999999344</c:v>
                </c:pt>
                <c:pt idx="2435">
                  <c:v>4.5954588999999348</c:v>
                </c:pt>
                <c:pt idx="2436">
                  <c:v>4.6285721999999341</c:v>
                </c:pt>
                <c:pt idx="2437">
                  <c:v>4.6170361999999345</c:v>
                </c:pt>
                <c:pt idx="2438">
                  <c:v>4.5288400999999352</c:v>
                </c:pt>
                <c:pt idx="2439">
                  <c:v>4.5706933999999348</c:v>
                </c:pt>
                <c:pt idx="2440">
                  <c:v>4.6264926999999343</c:v>
                </c:pt>
                <c:pt idx="2441">
                  <c:v>4.6149701999999344</c:v>
                </c:pt>
                <c:pt idx="2442">
                  <c:v>4.5975996999999351</c:v>
                </c:pt>
                <c:pt idx="2443">
                  <c:v>4.7185120999999333</c:v>
                </c:pt>
                <c:pt idx="2444">
                  <c:v>4.8102412999999329</c:v>
                </c:pt>
                <c:pt idx="2445">
                  <c:v>4.8534407999999321</c:v>
                </c:pt>
                <c:pt idx="2446">
                  <c:v>4.8997462999999311</c:v>
                </c:pt>
                <c:pt idx="2447">
                  <c:v>4.8995112999999311</c:v>
                </c:pt>
                <c:pt idx="2448">
                  <c:v>4.8851259999999312</c:v>
                </c:pt>
                <c:pt idx="2449">
                  <c:v>4.8785595999999316</c:v>
                </c:pt>
                <c:pt idx="2450">
                  <c:v>4.8413494999999314</c:v>
                </c:pt>
                <c:pt idx="2451">
                  <c:v>4.9279164999999301</c:v>
                </c:pt>
                <c:pt idx="2452">
                  <c:v>4.873098199999931</c:v>
                </c:pt>
                <c:pt idx="2453">
                  <c:v>4.8346550999999307</c:v>
                </c:pt>
                <c:pt idx="2454">
                  <c:v>4.868315099999931</c:v>
                </c:pt>
                <c:pt idx="2455">
                  <c:v>4.8059235999999315</c:v>
                </c:pt>
                <c:pt idx="2456">
                  <c:v>4.8185010999999314</c:v>
                </c:pt>
                <c:pt idx="2457">
                  <c:v>4.7837560999999322</c:v>
                </c:pt>
                <c:pt idx="2458">
                  <c:v>4.7880787999999317</c:v>
                </c:pt>
                <c:pt idx="2459">
                  <c:v>4.7965819999999315</c:v>
                </c:pt>
                <c:pt idx="2460">
                  <c:v>4.7622381999999313</c:v>
                </c:pt>
                <c:pt idx="2461">
                  <c:v>4.8364997999999311</c:v>
                </c:pt>
                <c:pt idx="2462">
                  <c:v>4.8604368999999306</c:v>
                </c:pt>
                <c:pt idx="2463">
                  <c:v>4.8520831999999308</c:v>
                </c:pt>
                <c:pt idx="2464">
                  <c:v>4.8606527999999312</c:v>
                </c:pt>
                <c:pt idx="2465">
                  <c:v>4.8604290999999309</c:v>
                </c:pt>
                <c:pt idx="2466">
                  <c:v>4.9455479999999294</c:v>
                </c:pt>
                <c:pt idx="2467">
                  <c:v>4.9482567999999301</c:v>
                </c:pt>
                <c:pt idx="2468">
                  <c:v>5.0270042999999287</c:v>
                </c:pt>
                <c:pt idx="2469">
                  <c:v>5.0308570999999294</c:v>
                </c:pt>
                <c:pt idx="2470">
                  <c:v>5.0023097999999289</c:v>
                </c:pt>
                <c:pt idx="2471">
                  <c:v>4.9877406999999288</c:v>
                </c:pt>
                <c:pt idx="2472">
                  <c:v>5.1009108999999269</c:v>
                </c:pt>
                <c:pt idx="2473">
                  <c:v>5.1960883999999252</c:v>
                </c:pt>
                <c:pt idx="2474">
                  <c:v>5.2518856999999244</c:v>
                </c:pt>
                <c:pt idx="2475">
                  <c:v>5.1952048999999256</c:v>
                </c:pt>
                <c:pt idx="2476">
                  <c:v>5.2376369999999257</c:v>
                </c:pt>
                <c:pt idx="2477">
                  <c:v>5.2310535999999255</c:v>
                </c:pt>
                <c:pt idx="2478">
                  <c:v>5.2115367999999256</c:v>
                </c:pt>
                <c:pt idx="2479">
                  <c:v>5.1281394999999259</c:v>
                </c:pt>
                <c:pt idx="2480">
                  <c:v>5.0868040999999264</c:v>
                </c:pt>
                <c:pt idx="2481">
                  <c:v>4.972388399999927</c:v>
                </c:pt>
                <c:pt idx="2482">
                  <c:v>4.9712184999999272</c:v>
                </c:pt>
                <c:pt idx="2483">
                  <c:v>5.0455395999999251</c:v>
                </c:pt>
                <c:pt idx="2484">
                  <c:v>4.9856158999999263</c:v>
                </c:pt>
                <c:pt idx="2485">
                  <c:v>5.0062441999999265</c:v>
                </c:pt>
                <c:pt idx="2486">
                  <c:v>4.9857925999999262</c:v>
                </c:pt>
                <c:pt idx="2487">
                  <c:v>4.932133099999926</c:v>
                </c:pt>
                <c:pt idx="2488">
                  <c:v>5.0385944999999257</c:v>
                </c:pt>
                <c:pt idx="2489">
                  <c:v>5.040855299999925</c:v>
                </c:pt>
                <c:pt idx="2490">
                  <c:v>4.966893299999926</c:v>
                </c:pt>
                <c:pt idx="2491">
                  <c:v>4.9852801999999263</c:v>
                </c:pt>
                <c:pt idx="2492">
                  <c:v>5.1098434999999256</c:v>
                </c:pt>
                <c:pt idx="2493">
                  <c:v>5.1655259999999243</c:v>
                </c:pt>
                <c:pt idx="2494">
                  <c:v>5.226115099999924</c:v>
                </c:pt>
                <c:pt idx="2495">
                  <c:v>5.2600493999999234</c:v>
                </c:pt>
                <c:pt idx="2496">
                  <c:v>5.2654624999999227</c:v>
                </c:pt>
                <c:pt idx="2497">
                  <c:v>5.2272144999999224</c:v>
                </c:pt>
                <c:pt idx="2498">
                  <c:v>5.3714426999999212</c:v>
                </c:pt>
                <c:pt idx="2499">
                  <c:v>5.3568788999999208</c:v>
                </c:pt>
                <c:pt idx="2500">
                  <c:v>5.4563309999999197</c:v>
                </c:pt>
                <c:pt idx="2501">
                  <c:v>5.4103068999999211</c:v>
                </c:pt>
                <c:pt idx="2502">
                  <c:v>5.5256794999999199</c:v>
                </c:pt>
                <c:pt idx="2503">
                  <c:v>5.5128913999999201</c:v>
                </c:pt>
                <c:pt idx="2504">
                  <c:v>5.5941991999999185</c:v>
                </c:pt>
                <c:pt idx="2505">
                  <c:v>5.5866709999999182</c:v>
                </c:pt>
                <c:pt idx="2506">
                  <c:v>5.4604936999999198</c:v>
                </c:pt>
                <c:pt idx="2507">
                  <c:v>5.4456260999999202</c:v>
                </c:pt>
                <c:pt idx="2508">
                  <c:v>5.2929495999999219</c:v>
                </c:pt>
                <c:pt idx="2509">
                  <c:v>5.2411176999999221</c:v>
                </c:pt>
                <c:pt idx="2510">
                  <c:v>5.1979252999999224</c:v>
                </c:pt>
                <c:pt idx="2511">
                  <c:v>5.2057819999999229</c:v>
                </c:pt>
                <c:pt idx="2512">
                  <c:v>5.0621910999999242</c:v>
                </c:pt>
                <c:pt idx="2513">
                  <c:v>5.1490971999999227</c:v>
                </c:pt>
                <c:pt idx="2514">
                  <c:v>5.2616257999999219</c:v>
                </c:pt>
                <c:pt idx="2515">
                  <c:v>5.2454786999999223</c:v>
                </c:pt>
                <c:pt idx="2516">
                  <c:v>5.1677069999999237</c:v>
                </c:pt>
                <c:pt idx="2517">
                  <c:v>5.1238825999999245</c:v>
                </c:pt>
                <c:pt idx="2518">
                  <c:v>5.0096339999999264</c:v>
                </c:pt>
                <c:pt idx="2519">
                  <c:v>4.9755688999999261</c:v>
                </c:pt>
                <c:pt idx="2520">
                  <c:v>4.9986501999999255</c:v>
                </c:pt>
                <c:pt idx="2521">
                  <c:v>4.9151128999999258</c:v>
                </c:pt>
                <c:pt idx="2522">
                  <c:v>5.0109816999999248</c:v>
                </c:pt>
                <c:pt idx="2523">
                  <c:v>4.7634207999999276</c:v>
                </c:pt>
                <c:pt idx="2524">
                  <c:v>4.7392384999999289</c:v>
                </c:pt>
                <c:pt idx="2525">
                  <c:v>4.5851407999999303</c:v>
                </c:pt>
                <c:pt idx="2526">
                  <c:v>4.6547886999999308</c:v>
                </c:pt>
                <c:pt idx="2527">
                  <c:v>4.7531810999999298</c:v>
                </c:pt>
                <c:pt idx="2528">
                  <c:v>4.9904808999999259</c:v>
                </c:pt>
                <c:pt idx="2529">
                  <c:v>5.0100416999999267</c:v>
                </c:pt>
                <c:pt idx="2530">
                  <c:v>4.9741099999999259</c:v>
                </c:pt>
                <c:pt idx="2531">
                  <c:v>4.9832449999999264</c:v>
                </c:pt>
                <c:pt idx="2532">
                  <c:v>4.8132740999999282</c:v>
                </c:pt>
                <c:pt idx="2533">
                  <c:v>5.0601680999999248</c:v>
                </c:pt>
                <c:pt idx="2534">
                  <c:v>5.0559665999999241</c:v>
                </c:pt>
                <c:pt idx="2535">
                  <c:v>4.8822860999999262</c:v>
                </c:pt>
                <c:pt idx="2536">
                  <c:v>4.717678199999928</c:v>
                </c:pt>
                <c:pt idx="2537">
                  <c:v>4.844973699999926</c:v>
                </c:pt>
                <c:pt idx="2538">
                  <c:v>4.7377252999999273</c:v>
                </c:pt>
                <c:pt idx="2539">
                  <c:v>4.5855255999999294</c:v>
                </c:pt>
                <c:pt idx="2540">
                  <c:v>4.579329499999929</c:v>
                </c:pt>
                <c:pt idx="2541">
                  <c:v>4.4181744999999308</c:v>
                </c:pt>
                <c:pt idx="2542">
                  <c:v>4.51534159999993</c:v>
                </c:pt>
                <c:pt idx="2543">
                  <c:v>4.4196947999999319</c:v>
                </c:pt>
                <c:pt idx="2544">
                  <c:v>4.5795992999999289</c:v>
                </c:pt>
                <c:pt idx="2545">
                  <c:v>4.473546499999931</c:v>
                </c:pt>
                <c:pt idx="2546">
                  <c:v>4.5791285999999296</c:v>
                </c:pt>
                <c:pt idx="2547">
                  <c:v>4.7752222999999283</c:v>
                </c:pt>
                <c:pt idx="2548">
                  <c:v>4.7188299999999286</c:v>
                </c:pt>
                <c:pt idx="2549">
                  <c:v>4.7449980999999291</c:v>
                </c:pt>
                <c:pt idx="2550">
                  <c:v>4.6506382999999296</c:v>
                </c:pt>
                <c:pt idx="2551">
                  <c:v>4.5370065999999305</c:v>
                </c:pt>
                <c:pt idx="2552">
                  <c:v>4.607044599999929</c:v>
                </c:pt>
                <c:pt idx="2553">
                  <c:v>4.5653759999999286</c:v>
                </c:pt>
                <c:pt idx="2554">
                  <c:v>4.5438991999999301</c:v>
                </c:pt>
                <c:pt idx="2555">
                  <c:v>4.5905087999999301</c:v>
                </c:pt>
                <c:pt idx="2556">
                  <c:v>4.5028804999999306</c:v>
                </c:pt>
                <c:pt idx="2557">
                  <c:v>4.4804387999999307</c:v>
                </c:pt>
                <c:pt idx="2558">
                  <c:v>4.4591708999999309</c:v>
                </c:pt>
                <c:pt idx="2559">
                  <c:v>4.5528744999999295</c:v>
                </c:pt>
                <c:pt idx="2560">
                  <c:v>4.6953169999999274</c:v>
                </c:pt>
                <c:pt idx="2561">
                  <c:v>4.6951902999999273</c:v>
                </c:pt>
                <c:pt idx="2562">
                  <c:v>4.9042995999999244</c:v>
                </c:pt>
                <c:pt idx="2563">
                  <c:v>4.8401232999999255</c:v>
                </c:pt>
                <c:pt idx="2564">
                  <c:v>4.8386042999999255</c:v>
                </c:pt>
                <c:pt idx="2565">
                  <c:v>4.8243739999999251</c:v>
                </c:pt>
                <c:pt idx="2566">
                  <c:v>4.8055928999999251</c:v>
                </c:pt>
                <c:pt idx="2567">
                  <c:v>4.794465899999925</c:v>
                </c:pt>
                <c:pt idx="2568">
                  <c:v>4.5707189999999294</c:v>
                </c:pt>
                <c:pt idx="2569">
                  <c:v>4.5136129999999302</c:v>
                </c:pt>
                <c:pt idx="2570">
                  <c:v>4.5526794999999289</c:v>
                </c:pt>
                <c:pt idx="2571">
                  <c:v>4.4976828999999299</c:v>
                </c:pt>
                <c:pt idx="2572">
                  <c:v>4.5402973999999299</c:v>
                </c:pt>
                <c:pt idx="2573">
                  <c:v>4.3911827999999318</c:v>
                </c:pt>
                <c:pt idx="2574">
                  <c:v>4.3592537999999328</c:v>
                </c:pt>
                <c:pt idx="2575">
                  <c:v>4.3344873999999329</c:v>
                </c:pt>
                <c:pt idx="2576">
                  <c:v>4.3602410999999321</c:v>
                </c:pt>
                <c:pt idx="2577">
                  <c:v>4.200636499999935</c:v>
                </c:pt>
                <c:pt idx="2578">
                  <c:v>4.1131390999999358</c:v>
                </c:pt>
                <c:pt idx="2579">
                  <c:v>4.0525232999999368</c:v>
                </c:pt>
                <c:pt idx="2580">
                  <c:v>4.2090743999999356</c:v>
                </c:pt>
                <c:pt idx="2581">
                  <c:v>4.1819055999999355</c:v>
                </c:pt>
                <c:pt idx="2582">
                  <c:v>4.2831385999999343</c:v>
                </c:pt>
                <c:pt idx="2583">
                  <c:v>4.3389858999999342</c:v>
                </c:pt>
                <c:pt idx="2584">
                  <c:v>4.3902208999999335</c:v>
                </c:pt>
                <c:pt idx="2585">
                  <c:v>4.3900573999999333</c:v>
                </c:pt>
                <c:pt idx="2586">
                  <c:v>4.3477824999999335</c:v>
                </c:pt>
                <c:pt idx="2587">
                  <c:v>4.3861369999999322</c:v>
                </c:pt>
                <c:pt idx="2588">
                  <c:v>4.3423388999999331</c:v>
                </c:pt>
                <c:pt idx="2589">
                  <c:v>4.3421260999999332</c:v>
                </c:pt>
                <c:pt idx="2590">
                  <c:v>4.2093522999999351</c:v>
                </c:pt>
                <c:pt idx="2591">
                  <c:v>4.1224885999999357</c:v>
                </c:pt>
                <c:pt idx="2592">
                  <c:v>4.1290072999999357</c:v>
                </c:pt>
                <c:pt idx="2593">
                  <c:v>4.247662199999934</c:v>
                </c:pt>
                <c:pt idx="2594">
                  <c:v>4.2931104999999334</c:v>
                </c:pt>
                <c:pt idx="2595">
                  <c:v>4.1958575999999352</c:v>
                </c:pt>
                <c:pt idx="2596">
                  <c:v>4.1739681999999352</c:v>
                </c:pt>
                <c:pt idx="2597">
                  <c:v>4.1796952999999348</c:v>
                </c:pt>
                <c:pt idx="2598">
                  <c:v>4.1911438999999353</c:v>
                </c:pt>
                <c:pt idx="2599">
                  <c:v>4.1884551999999351</c:v>
                </c:pt>
                <c:pt idx="2600">
                  <c:v>4.3009379999999338</c:v>
                </c:pt>
                <c:pt idx="2601">
                  <c:v>4.1879932999999347</c:v>
                </c:pt>
                <c:pt idx="2602">
                  <c:v>4.2047994999999352</c:v>
                </c:pt>
                <c:pt idx="2603">
                  <c:v>4.3111671999999333</c:v>
                </c:pt>
                <c:pt idx="2604">
                  <c:v>4.289326499999933</c:v>
                </c:pt>
                <c:pt idx="2605">
                  <c:v>4.2363740999999342</c:v>
                </c:pt>
                <c:pt idx="2606">
                  <c:v>4.2025536999999353</c:v>
                </c:pt>
                <c:pt idx="2607">
                  <c:v>4.2213865999999349</c:v>
                </c:pt>
                <c:pt idx="2608">
                  <c:v>4.1982080999999356</c:v>
                </c:pt>
                <c:pt idx="2609">
                  <c:v>4.2198776999999348</c:v>
                </c:pt>
                <c:pt idx="2610">
                  <c:v>4.103937899999937</c:v>
                </c:pt>
                <c:pt idx="2611">
                  <c:v>4.1558321999999359</c:v>
                </c:pt>
                <c:pt idx="2612">
                  <c:v>4.2245675999999364</c:v>
                </c:pt>
                <c:pt idx="2613">
                  <c:v>4.2431865999999356</c:v>
                </c:pt>
                <c:pt idx="2614">
                  <c:v>4.2694412999999365</c:v>
                </c:pt>
                <c:pt idx="2615">
                  <c:v>4.2350404999999371</c:v>
                </c:pt>
                <c:pt idx="2616">
                  <c:v>4.2739976999999358</c:v>
                </c:pt>
                <c:pt idx="2617">
                  <c:v>4.2243347999999372</c:v>
                </c:pt>
                <c:pt idx="2618">
                  <c:v>4.1629916999999379</c:v>
                </c:pt>
                <c:pt idx="2619">
                  <c:v>4.2467720999999372</c:v>
                </c:pt>
                <c:pt idx="2620">
                  <c:v>4.3383180999999365</c:v>
                </c:pt>
                <c:pt idx="2621">
                  <c:v>4.4003021999999348</c:v>
                </c:pt>
                <c:pt idx="2622">
                  <c:v>4.4130879999999353</c:v>
                </c:pt>
                <c:pt idx="2623">
                  <c:v>4.4138512999999353</c:v>
                </c:pt>
                <c:pt idx="2624">
                  <c:v>4.4462864999999354</c:v>
                </c:pt>
                <c:pt idx="2625">
                  <c:v>4.4946204999999342</c:v>
                </c:pt>
                <c:pt idx="2626">
                  <c:v>4.5131412999999334</c:v>
                </c:pt>
                <c:pt idx="2627">
                  <c:v>4.5317815999999338</c:v>
                </c:pt>
                <c:pt idx="2628">
                  <c:v>4.5129765999999343</c:v>
                </c:pt>
                <c:pt idx="2629">
                  <c:v>4.4744532999999356</c:v>
                </c:pt>
                <c:pt idx="2630">
                  <c:v>4.4789127999999341</c:v>
                </c:pt>
                <c:pt idx="2631">
                  <c:v>4.3934209999999352</c:v>
                </c:pt>
                <c:pt idx="2632">
                  <c:v>4.4011410999999354</c:v>
                </c:pt>
                <c:pt idx="2633">
                  <c:v>4.3380509999999362</c:v>
                </c:pt>
                <c:pt idx="2634">
                  <c:v>4.237170099999938</c:v>
                </c:pt>
                <c:pt idx="2635">
                  <c:v>4.221270499999938</c:v>
                </c:pt>
                <c:pt idx="2636">
                  <c:v>4.2880717999999369</c:v>
                </c:pt>
                <c:pt idx="2637">
                  <c:v>4.2927472999999372</c:v>
                </c:pt>
                <c:pt idx="2638">
                  <c:v>4.2521906999999368</c:v>
                </c:pt>
                <c:pt idx="2639">
                  <c:v>4.3029036999999368</c:v>
                </c:pt>
                <c:pt idx="2640">
                  <c:v>4.3983731999999351</c:v>
                </c:pt>
                <c:pt idx="2641">
                  <c:v>4.5146690999999333</c:v>
                </c:pt>
                <c:pt idx="2642">
                  <c:v>4.4698644999999342</c:v>
                </c:pt>
                <c:pt idx="2643">
                  <c:v>4.5123639999999341</c:v>
                </c:pt>
                <c:pt idx="2644">
                  <c:v>4.5011243999999344</c:v>
                </c:pt>
                <c:pt idx="2645">
                  <c:v>4.5023578999999341</c:v>
                </c:pt>
                <c:pt idx="2646">
                  <c:v>4.509121099999934</c:v>
                </c:pt>
                <c:pt idx="2647">
                  <c:v>4.412444999999936</c:v>
                </c:pt>
                <c:pt idx="2648">
                  <c:v>4.394575099999936</c:v>
                </c:pt>
                <c:pt idx="2649">
                  <c:v>4.5000161999999344</c:v>
                </c:pt>
                <c:pt idx="2650">
                  <c:v>4.5009298999999343</c:v>
                </c:pt>
                <c:pt idx="2651">
                  <c:v>4.6086490999999326</c:v>
                </c:pt>
                <c:pt idx="2652">
                  <c:v>4.6590016999999326</c:v>
                </c:pt>
                <c:pt idx="2653">
                  <c:v>4.744022699999932</c:v>
                </c:pt>
                <c:pt idx="2654">
                  <c:v>4.6920364999999329</c:v>
                </c:pt>
                <c:pt idx="2655">
                  <c:v>4.7087592999999313</c:v>
                </c:pt>
                <c:pt idx="2656">
                  <c:v>4.6945134999999318</c:v>
                </c:pt>
                <c:pt idx="2657">
                  <c:v>4.7401727999999315</c:v>
                </c:pt>
                <c:pt idx="2658">
                  <c:v>4.727327499999932</c:v>
                </c:pt>
                <c:pt idx="2659">
                  <c:v>4.6765991999999326</c:v>
                </c:pt>
                <c:pt idx="2660">
                  <c:v>4.7234260999999318</c:v>
                </c:pt>
                <c:pt idx="2661">
                  <c:v>4.7311046999999329</c:v>
                </c:pt>
                <c:pt idx="2662">
                  <c:v>4.668636099999933</c:v>
                </c:pt>
                <c:pt idx="2663">
                  <c:v>4.6541451999999337</c:v>
                </c:pt>
                <c:pt idx="2664">
                  <c:v>4.6994943999999323</c:v>
                </c:pt>
                <c:pt idx="2665">
                  <c:v>4.8002719999999313</c:v>
                </c:pt>
                <c:pt idx="2666">
                  <c:v>4.8533842999999308</c:v>
                </c:pt>
                <c:pt idx="2667">
                  <c:v>4.768590899999932</c:v>
                </c:pt>
                <c:pt idx="2668">
                  <c:v>4.813014799999932</c:v>
                </c:pt>
                <c:pt idx="2669">
                  <c:v>4.7695202999999324</c:v>
                </c:pt>
                <c:pt idx="2670">
                  <c:v>4.8283662999999315</c:v>
                </c:pt>
                <c:pt idx="2671">
                  <c:v>4.8883002999999317</c:v>
                </c:pt>
                <c:pt idx="2672">
                  <c:v>4.9008230999999309</c:v>
                </c:pt>
                <c:pt idx="2673">
                  <c:v>4.8878482999999306</c:v>
                </c:pt>
                <c:pt idx="2674">
                  <c:v>4.8818591999999308</c:v>
                </c:pt>
                <c:pt idx="2675">
                  <c:v>4.8835620999999305</c:v>
                </c:pt>
                <c:pt idx="2676">
                  <c:v>4.8557504999999308</c:v>
                </c:pt>
                <c:pt idx="2677">
                  <c:v>4.8440185999999308</c:v>
                </c:pt>
                <c:pt idx="2678">
                  <c:v>4.7893070999999319</c:v>
                </c:pt>
                <c:pt idx="2679">
                  <c:v>4.8372100999999317</c:v>
                </c:pt>
                <c:pt idx="2680">
                  <c:v>4.9029507999999309</c:v>
                </c:pt>
                <c:pt idx="2681">
                  <c:v>4.8302292999999317</c:v>
                </c:pt>
                <c:pt idx="2682">
                  <c:v>4.7884714999999316</c:v>
                </c:pt>
                <c:pt idx="2683">
                  <c:v>4.7407825999999318</c:v>
                </c:pt>
                <c:pt idx="2684">
                  <c:v>4.7442343999999324</c:v>
                </c:pt>
                <c:pt idx="2685">
                  <c:v>4.6879631999999338</c:v>
                </c:pt>
                <c:pt idx="2686">
                  <c:v>4.7208944999999325</c:v>
                </c:pt>
                <c:pt idx="2687">
                  <c:v>4.643656799999933</c:v>
                </c:pt>
                <c:pt idx="2688">
                  <c:v>4.6796006999999324</c:v>
                </c:pt>
                <c:pt idx="2689">
                  <c:v>4.6656094999999329</c:v>
                </c:pt>
                <c:pt idx="2690">
                  <c:v>4.5862312999999331</c:v>
                </c:pt>
                <c:pt idx="2691">
                  <c:v>4.6217984999999331</c:v>
                </c:pt>
                <c:pt idx="2692">
                  <c:v>4.7060800999999328</c:v>
                </c:pt>
                <c:pt idx="2693">
                  <c:v>4.6561385999999336</c:v>
                </c:pt>
                <c:pt idx="2694">
                  <c:v>4.6256660999999344</c:v>
                </c:pt>
                <c:pt idx="2695">
                  <c:v>4.6068589999999343</c:v>
                </c:pt>
                <c:pt idx="2696">
                  <c:v>4.572911699999934</c:v>
                </c:pt>
                <c:pt idx="2697">
                  <c:v>4.6450627999999332</c:v>
                </c:pt>
                <c:pt idx="2698">
                  <c:v>4.6354607999999331</c:v>
                </c:pt>
                <c:pt idx="2699">
                  <c:v>4.6063377999999338</c:v>
                </c:pt>
                <c:pt idx="2700">
                  <c:v>4.5868576999999338</c:v>
                </c:pt>
                <c:pt idx="2701">
                  <c:v>4.5996799999999336</c:v>
                </c:pt>
                <c:pt idx="2702">
                  <c:v>4.5673146999999332</c:v>
                </c:pt>
                <c:pt idx="2703">
                  <c:v>4.6461330999999317</c:v>
                </c:pt>
                <c:pt idx="2704">
                  <c:v>4.6160792999999325</c:v>
                </c:pt>
                <c:pt idx="2705">
                  <c:v>4.6246713999999329</c:v>
                </c:pt>
                <c:pt idx="2706">
                  <c:v>4.6152532999999325</c:v>
                </c:pt>
                <c:pt idx="2707">
                  <c:v>4.6116990999999325</c:v>
                </c:pt>
                <c:pt idx="2708">
                  <c:v>4.5937567999999329</c:v>
                </c:pt>
                <c:pt idx="2709">
                  <c:v>4.660350999999932</c:v>
                </c:pt>
                <c:pt idx="2710">
                  <c:v>4.5854193999999326</c:v>
                </c:pt>
                <c:pt idx="2711">
                  <c:v>4.5988289999999328</c:v>
                </c:pt>
                <c:pt idx="2712">
                  <c:v>4.6228208999999323</c:v>
                </c:pt>
                <c:pt idx="2713">
                  <c:v>4.6562790999999324</c:v>
                </c:pt>
                <c:pt idx="2714">
                  <c:v>4.618962899999933</c:v>
                </c:pt>
                <c:pt idx="2715">
                  <c:v>4.6024205999999337</c:v>
                </c:pt>
                <c:pt idx="2716">
                  <c:v>4.6090497999999336</c:v>
                </c:pt>
                <c:pt idx="2717">
                  <c:v>4.5488919999999347</c:v>
                </c:pt>
                <c:pt idx="2718">
                  <c:v>4.548629199999934</c:v>
                </c:pt>
                <c:pt idx="2719">
                  <c:v>4.6027789999999333</c:v>
                </c:pt>
                <c:pt idx="2720">
                  <c:v>4.6226575999999326</c:v>
                </c:pt>
                <c:pt idx="2721">
                  <c:v>4.6412941999999324</c:v>
                </c:pt>
                <c:pt idx="2722">
                  <c:v>4.6442208999999322</c:v>
                </c:pt>
                <c:pt idx="2723">
                  <c:v>4.6569300999999328</c:v>
                </c:pt>
                <c:pt idx="2724">
                  <c:v>4.5847285999999334</c:v>
                </c:pt>
                <c:pt idx="2725">
                  <c:v>4.5512039999999336</c:v>
                </c:pt>
                <c:pt idx="2726">
                  <c:v>4.5537108999999329</c:v>
                </c:pt>
                <c:pt idx="2727">
                  <c:v>4.4984575999999343</c:v>
                </c:pt>
                <c:pt idx="2728">
                  <c:v>4.3661825999999362</c:v>
                </c:pt>
                <c:pt idx="2729">
                  <c:v>4.3120089999999367</c:v>
                </c:pt>
                <c:pt idx="2730">
                  <c:v>4.306278399999937</c:v>
                </c:pt>
                <c:pt idx="2731">
                  <c:v>4.3324349999999372</c:v>
                </c:pt>
                <c:pt idx="2732">
                  <c:v>4.3742858999999363</c:v>
                </c:pt>
                <c:pt idx="2733">
                  <c:v>4.3771698999999362</c:v>
                </c:pt>
                <c:pt idx="2734">
                  <c:v>4.4678210999999353</c:v>
                </c:pt>
                <c:pt idx="2735">
                  <c:v>4.4282372999999362</c:v>
                </c:pt>
                <c:pt idx="2736">
                  <c:v>4.4446435999999352</c:v>
                </c:pt>
                <c:pt idx="2737">
                  <c:v>4.4378525999999354</c:v>
                </c:pt>
                <c:pt idx="2738">
                  <c:v>4.3888219999999363</c:v>
                </c:pt>
                <c:pt idx="2739">
                  <c:v>4.2923711999999377</c:v>
                </c:pt>
                <c:pt idx="2740">
                  <c:v>4.3475208999999371</c:v>
                </c:pt>
                <c:pt idx="2741">
                  <c:v>4.3234795999999367</c:v>
                </c:pt>
                <c:pt idx="2742">
                  <c:v>4.2576393999999382</c:v>
                </c:pt>
                <c:pt idx="2743">
                  <c:v>4.2538185999999376</c:v>
                </c:pt>
                <c:pt idx="2744">
                  <c:v>4.200599599999939</c:v>
                </c:pt>
                <c:pt idx="2745">
                  <c:v>4.1905883999999389</c:v>
                </c:pt>
                <c:pt idx="2746">
                  <c:v>4.2093449999999386</c:v>
                </c:pt>
                <c:pt idx="2747">
                  <c:v>4.1472335999999395</c:v>
                </c:pt>
                <c:pt idx="2748">
                  <c:v>4.1346996999999392</c:v>
                </c:pt>
                <c:pt idx="2749">
                  <c:v>4.0470415999999405</c:v>
                </c:pt>
                <c:pt idx="2750">
                  <c:v>3.9118441999999423</c:v>
                </c:pt>
                <c:pt idx="2751">
                  <c:v>3.923778399999942</c:v>
                </c:pt>
                <c:pt idx="2752">
                  <c:v>4.0489393999999406</c:v>
                </c:pt>
                <c:pt idx="2753">
                  <c:v>4.1320535999999386</c:v>
                </c:pt>
                <c:pt idx="2754">
                  <c:v>4.1156757999999387</c:v>
                </c:pt>
                <c:pt idx="2755">
                  <c:v>4.072176499999939</c:v>
                </c:pt>
                <c:pt idx="2756">
                  <c:v>3.9720043999999399</c:v>
                </c:pt>
                <c:pt idx="2757">
                  <c:v>4.0184766999999386</c:v>
                </c:pt>
                <c:pt idx="2758">
                  <c:v>4.1019662999999378</c:v>
                </c:pt>
                <c:pt idx="2759">
                  <c:v>4.0494521999999389</c:v>
                </c:pt>
                <c:pt idx="2760">
                  <c:v>4.0435954999999391</c:v>
                </c:pt>
                <c:pt idx="2761">
                  <c:v>4.0204283999999388</c:v>
                </c:pt>
                <c:pt idx="2762">
                  <c:v>4.0063454999999388</c:v>
                </c:pt>
                <c:pt idx="2763">
                  <c:v>3.9996362999999384</c:v>
                </c:pt>
                <c:pt idx="2764">
                  <c:v>4.0625818999999375</c:v>
                </c:pt>
                <c:pt idx="2765">
                  <c:v>4.0707372999999381</c:v>
                </c:pt>
                <c:pt idx="2766">
                  <c:v>4.1458263999999359</c:v>
                </c:pt>
                <c:pt idx="2767">
                  <c:v>4.1473192999999364</c:v>
                </c:pt>
                <c:pt idx="2768">
                  <c:v>4.0445631999999367</c:v>
                </c:pt>
                <c:pt idx="2769">
                  <c:v>3.9661137999999374</c:v>
                </c:pt>
                <c:pt idx="2770">
                  <c:v>3.9389902999999382</c:v>
                </c:pt>
                <c:pt idx="2771">
                  <c:v>3.8689352999999391</c:v>
                </c:pt>
                <c:pt idx="2772">
                  <c:v>3.846204999999939</c:v>
                </c:pt>
                <c:pt idx="2773">
                  <c:v>3.8170898999999396</c:v>
                </c:pt>
                <c:pt idx="2774">
                  <c:v>3.7609205999999409</c:v>
                </c:pt>
                <c:pt idx="2775">
                  <c:v>3.7781139999999409</c:v>
                </c:pt>
                <c:pt idx="2776">
                  <c:v>3.8346418999999399</c:v>
                </c:pt>
                <c:pt idx="2777">
                  <c:v>3.8870867999999383</c:v>
                </c:pt>
                <c:pt idx="2778">
                  <c:v>3.9845693999999376</c:v>
                </c:pt>
                <c:pt idx="2779">
                  <c:v>4.0158590999999371</c:v>
                </c:pt>
                <c:pt idx="2780">
                  <c:v>4.0029651999999372</c:v>
                </c:pt>
                <c:pt idx="2781">
                  <c:v>4.060676299999936</c:v>
                </c:pt>
                <c:pt idx="2782">
                  <c:v>4.0602595999999362</c:v>
                </c:pt>
                <c:pt idx="2783">
                  <c:v>4.0732637999999355</c:v>
                </c:pt>
                <c:pt idx="2784">
                  <c:v>3.9684349999999373</c:v>
                </c:pt>
                <c:pt idx="2785">
                  <c:v>3.9219857999999377</c:v>
                </c:pt>
                <c:pt idx="2786">
                  <c:v>3.9408426999999371</c:v>
                </c:pt>
                <c:pt idx="2787">
                  <c:v>3.9687114999999373</c:v>
                </c:pt>
                <c:pt idx="2788">
                  <c:v>3.9797267999999368</c:v>
                </c:pt>
                <c:pt idx="2789">
                  <c:v>3.944623699999938</c:v>
                </c:pt>
                <c:pt idx="2790">
                  <c:v>3.9487272999999377</c:v>
                </c:pt>
                <c:pt idx="2791">
                  <c:v>4.0012449999999378</c:v>
                </c:pt>
                <c:pt idx="2792">
                  <c:v>3.9994877999999376</c:v>
                </c:pt>
                <c:pt idx="2793">
                  <c:v>3.9834859999999379</c:v>
                </c:pt>
                <c:pt idx="2794">
                  <c:v>3.9766452999999382</c:v>
                </c:pt>
                <c:pt idx="2795">
                  <c:v>3.9425519999999379</c:v>
                </c:pt>
                <c:pt idx="2796">
                  <c:v>3.8709518999999384</c:v>
                </c:pt>
                <c:pt idx="2797">
                  <c:v>3.9016552999999385</c:v>
                </c:pt>
                <c:pt idx="2798">
                  <c:v>4.0431360999999368</c:v>
                </c:pt>
                <c:pt idx="2799">
                  <c:v>4.0471010999999359</c:v>
                </c:pt>
                <c:pt idx="2800">
                  <c:v>4.0415182999999359</c:v>
                </c:pt>
                <c:pt idx="2801">
                  <c:v>3.9984900999999367</c:v>
                </c:pt>
                <c:pt idx="2802">
                  <c:v>3.9441331999999374</c:v>
                </c:pt>
                <c:pt idx="2803">
                  <c:v>3.9567405999999368</c:v>
                </c:pt>
                <c:pt idx="2804">
                  <c:v>4.0260222999999371</c:v>
                </c:pt>
                <c:pt idx="2805">
                  <c:v>4.0294089999999363</c:v>
                </c:pt>
                <c:pt idx="2806">
                  <c:v>3.9966907999999357</c:v>
                </c:pt>
                <c:pt idx="2807">
                  <c:v>4.0125510999999356</c:v>
                </c:pt>
                <c:pt idx="2808">
                  <c:v>4.0450622999999357</c:v>
                </c:pt>
                <c:pt idx="2809">
                  <c:v>4.0638846999999352</c:v>
                </c:pt>
                <c:pt idx="2810">
                  <c:v>4.1005495999999342</c:v>
                </c:pt>
                <c:pt idx="2811">
                  <c:v>4.1003671999999343</c:v>
                </c:pt>
                <c:pt idx="2812">
                  <c:v>4.0897288999999342</c:v>
                </c:pt>
                <c:pt idx="2813">
                  <c:v>4.0787732999999342</c:v>
                </c:pt>
                <c:pt idx="2814">
                  <c:v>3.965062099999936</c:v>
                </c:pt>
                <c:pt idx="2815">
                  <c:v>4.025429299999935</c:v>
                </c:pt>
                <c:pt idx="2816">
                  <c:v>3.9332396999999366</c:v>
                </c:pt>
                <c:pt idx="2817">
                  <c:v>3.8766423999999375</c:v>
                </c:pt>
                <c:pt idx="2818">
                  <c:v>3.8776537999999379</c:v>
                </c:pt>
                <c:pt idx="2819">
                  <c:v>3.8621891999999383</c:v>
                </c:pt>
                <c:pt idx="2820">
                  <c:v>3.948088199999936</c:v>
                </c:pt>
                <c:pt idx="2821">
                  <c:v>3.8871596999999367</c:v>
                </c:pt>
                <c:pt idx="2822">
                  <c:v>3.906022299999937</c:v>
                </c:pt>
                <c:pt idx="2823">
                  <c:v>3.8268438999999379</c:v>
                </c:pt>
                <c:pt idx="2824">
                  <c:v>3.9328243999999373</c:v>
                </c:pt>
                <c:pt idx="2825">
                  <c:v>3.8935160999999381</c:v>
                </c:pt>
                <c:pt idx="2826">
                  <c:v>3.8753200999999375</c:v>
                </c:pt>
                <c:pt idx="2827">
                  <c:v>3.8207929999999388</c:v>
                </c:pt>
                <c:pt idx="2828">
                  <c:v>3.828726499999938</c:v>
                </c:pt>
                <c:pt idx="2829">
                  <c:v>3.8513247999999383</c:v>
                </c:pt>
                <c:pt idx="2830">
                  <c:v>3.879473699999938</c:v>
                </c:pt>
                <c:pt idx="2831">
                  <c:v>3.7686052999999395</c:v>
                </c:pt>
                <c:pt idx="2832">
                  <c:v>3.7204421999999404</c:v>
                </c:pt>
                <c:pt idx="2833">
                  <c:v>3.7425608999999405</c:v>
                </c:pt>
                <c:pt idx="2834">
                  <c:v>3.7910902999999392</c:v>
                </c:pt>
                <c:pt idx="2835">
                  <c:v>3.7909869999999399</c:v>
                </c:pt>
                <c:pt idx="2836">
                  <c:v>3.77455659999994</c:v>
                </c:pt>
                <c:pt idx="2837">
                  <c:v>3.7611465999999396</c:v>
                </c:pt>
                <c:pt idx="2838">
                  <c:v>3.7418429999999399</c:v>
                </c:pt>
                <c:pt idx="2839">
                  <c:v>3.7418847999999398</c:v>
                </c:pt>
                <c:pt idx="2840">
                  <c:v>3.6038922999999414</c:v>
                </c:pt>
                <c:pt idx="2841">
                  <c:v>3.6345462999999407</c:v>
                </c:pt>
                <c:pt idx="2842">
                  <c:v>3.6248042999999406</c:v>
                </c:pt>
                <c:pt idx="2843">
                  <c:v>3.5105167999999427</c:v>
                </c:pt>
                <c:pt idx="2844">
                  <c:v>3.5037373999999426</c:v>
                </c:pt>
                <c:pt idx="2845">
                  <c:v>3.4538916999999429</c:v>
                </c:pt>
                <c:pt idx="2846">
                  <c:v>3.4497010999999436</c:v>
                </c:pt>
                <c:pt idx="2847">
                  <c:v>3.4123096999999429</c:v>
                </c:pt>
                <c:pt idx="2848">
                  <c:v>3.4245132999999432</c:v>
                </c:pt>
                <c:pt idx="2849">
                  <c:v>3.3788603999999429</c:v>
                </c:pt>
                <c:pt idx="2850">
                  <c:v>3.3324968999999438</c:v>
                </c:pt>
                <c:pt idx="2851">
                  <c:v>3.3200471999999444</c:v>
                </c:pt>
                <c:pt idx="2852">
                  <c:v>3.2912369999999438</c:v>
                </c:pt>
                <c:pt idx="2853">
                  <c:v>3.3035923999999444</c:v>
                </c:pt>
                <c:pt idx="2854">
                  <c:v>3.339234799999943</c:v>
                </c:pt>
                <c:pt idx="2855">
                  <c:v>3.3394375999999433</c:v>
                </c:pt>
                <c:pt idx="2856">
                  <c:v>3.3010731999999443</c:v>
                </c:pt>
                <c:pt idx="2857">
                  <c:v>3.386927899999943</c:v>
                </c:pt>
                <c:pt idx="2858">
                  <c:v>3.4235521999999428</c:v>
                </c:pt>
                <c:pt idx="2859">
                  <c:v>3.5428164999999412</c:v>
                </c:pt>
                <c:pt idx="2860">
                  <c:v>3.5595807999999414</c:v>
                </c:pt>
                <c:pt idx="2861">
                  <c:v>3.4245346999999429</c:v>
                </c:pt>
                <c:pt idx="2862">
                  <c:v>3.4705361999999429</c:v>
                </c:pt>
                <c:pt idx="2863">
                  <c:v>3.5215064999999433</c:v>
                </c:pt>
                <c:pt idx="2864">
                  <c:v>3.5239160999999433</c:v>
                </c:pt>
                <c:pt idx="2865">
                  <c:v>3.4956641999999443</c:v>
                </c:pt>
                <c:pt idx="2866">
                  <c:v>3.4280223999999446</c:v>
                </c:pt>
                <c:pt idx="2867">
                  <c:v>3.4435986999999439</c:v>
                </c:pt>
                <c:pt idx="2868">
                  <c:v>3.4747475999999429</c:v>
                </c:pt>
                <c:pt idx="2869">
                  <c:v>3.5303983999999424</c:v>
                </c:pt>
                <c:pt idx="2870">
                  <c:v>3.5806393999999422</c:v>
                </c:pt>
                <c:pt idx="2871">
                  <c:v>3.614105399999942</c:v>
                </c:pt>
                <c:pt idx="2872">
                  <c:v>3.6048555999999419</c:v>
                </c:pt>
                <c:pt idx="2873">
                  <c:v>3.6991458999999418</c:v>
                </c:pt>
                <c:pt idx="2874">
                  <c:v>3.6650557999999416</c:v>
                </c:pt>
                <c:pt idx="2875">
                  <c:v>3.6178327999999427</c:v>
                </c:pt>
                <c:pt idx="2876">
                  <c:v>3.6388425999999425</c:v>
                </c:pt>
                <c:pt idx="2877">
                  <c:v>3.6230765999999424</c:v>
                </c:pt>
                <c:pt idx="2878">
                  <c:v>3.705849599999941</c:v>
                </c:pt>
                <c:pt idx="2879">
                  <c:v>3.7985382999999402</c:v>
                </c:pt>
                <c:pt idx="2880">
                  <c:v>3.8076788999999405</c:v>
                </c:pt>
                <c:pt idx="2881">
                  <c:v>3.9942347999999379</c:v>
                </c:pt>
                <c:pt idx="2882">
                  <c:v>4.1106718999999359</c:v>
                </c:pt>
                <c:pt idx="2883">
                  <c:v>4.0863255999999373</c:v>
                </c:pt>
                <c:pt idx="2884">
                  <c:v>4.171610199999936</c:v>
                </c:pt>
                <c:pt idx="2885">
                  <c:v>4.1664374999999358</c:v>
                </c:pt>
                <c:pt idx="2886">
                  <c:v>4.3132430999999336</c:v>
                </c:pt>
                <c:pt idx="2887">
                  <c:v>4.3877497999999324</c:v>
                </c:pt>
                <c:pt idx="2888">
                  <c:v>4.2893233999999341</c:v>
                </c:pt>
                <c:pt idx="2889">
                  <c:v>4.0298022999999379</c:v>
                </c:pt>
                <c:pt idx="2890">
                  <c:v>4.0519765999999375</c:v>
                </c:pt>
                <c:pt idx="2891">
                  <c:v>4.361144999999933</c:v>
                </c:pt>
                <c:pt idx="2892">
                  <c:v>4.363269599999934</c:v>
                </c:pt>
                <c:pt idx="2893">
                  <c:v>4.4179993999999345</c:v>
                </c:pt>
                <c:pt idx="2894">
                  <c:v>4.3861128999999339</c:v>
                </c:pt>
                <c:pt idx="2895">
                  <c:v>4.2760307999999361</c:v>
                </c:pt>
                <c:pt idx="2896">
                  <c:v>4.2510913999999369</c:v>
                </c:pt>
                <c:pt idx="2897">
                  <c:v>4.3614297999999359</c:v>
                </c:pt>
                <c:pt idx="2898">
                  <c:v>4.4100777999999359</c:v>
                </c:pt>
                <c:pt idx="2899">
                  <c:v>4.4192258999999359</c:v>
                </c:pt>
                <c:pt idx="2900">
                  <c:v>4.301403199999938</c:v>
                </c:pt>
                <c:pt idx="2901">
                  <c:v>4.3535215999999366</c:v>
                </c:pt>
                <c:pt idx="2902">
                  <c:v>4.1998597999999383</c:v>
                </c:pt>
                <c:pt idx="2903">
                  <c:v>4.211670799999939</c:v>
                </c:pt>
                <c:pt idx="2904">
                  <c:v>4.12406899999994</c:v>
                </c:pt>
                <c:pt idx="2905">
                  <c:v>4.1799466999999391</c:v>
                </c:pt>
                <c:pt idx="2906">
                  <c:v>4.3651384999999356</c:v>
                </c:pt>
                <c:pt idx="2907">
                  <c:v>4.3632745999999356</c:v>
                </c:pt>
                <c:pt idx="2908">
                  <c:v>4.4914192999999338</c:v>
                </c:pt>
                <c:pt idx="2909">
                  <c:v>4.5800671999999327</c:v>
                </c:pt>
                <c:pt idx="2910">
                  <c:v>4.5045353999999334</c:v>
                </c:pt>
                <c:pt idx="2911">
                  <c:v>4.5730981999999329</c:v>
                </c:pt>
                <c:pt idx="2912">
                  <c:v>4.5570548999999332</c:v>
                </c:pt>
                <c:pt idx="2913">
                  <c:v>4.6326079999999328</c:v>
                </c:pt>
                <c:pt idx="2914">
                  <c:v>4.6148793999999329</c:v>
                </c:pt>
                <c:pt idx="2915">
                  <c:v>4.5205755999999333</c:v>
                </c:pt>
                <c:pt idx="2916">
                  <c:v>4.4300286999999345</c:v>
                </c:pt>
                <c:pt idx="2917">
                  <c:v>4.5271597999999331</c:v>
                </c:pt>
                <c:pt idx="2918">
                  <c:v>4.6487394999999321</c:v>
                </c:pt>
                <c:pt idx="2919">
                  <c:v>4.6346279999999327</c:v>
                </c:pt>
                <c:pt idx="2920">
                  <c:v>4.5946225999999335</c:v>
                </c:pt>
                <c:pt idx="2921">
                  <c:v>4.5719087999999335</c:v>
                </c:pt>
                <c:pt idx="2922">
                  <c:v>4.4432931999999354</c:v>
                </c:pt>
                <c:pt idx="2923">
                  <c:v>4.4694245999999342</c:v>
                </c:pt>
                <c:pt idx="2924">
                  <c:v>4.3882000999999349</c:v>
                </c:pt>
                <c:pt idx="2925">
                  <c:v>4.4035635999999343</c:v>
                </c:pt>
                <c:pt idx="2926">
                  <c:v>4.3553467999999356</c:v>
                </c:pt>
                <c:pt idx="2927">
                  <c:v>4.5332685999999338</c:v>
                </c:pt>
                <c:pt idx="2928">
                  <c:v>4.5111689999999331</c:v>
                </c:pt>
                <c:pt idx="2929">
                  <c:v>4.5982716999999322</c:v>
                </c:pt>
                <c:pt idx="2930">
                  <c:v>4.482901799999933</c:v>
                </c:pt>
                <c:pt idx="2931">
                  <c:v>4.4487370999999341</c:v>
                </c:pt>
                <c:pt idx="2932">
                  <c:v>4.3506434999999355</c:v>
                </c:pt>
                <c:pt idx="2933">
                  <c:v>4.3209240999999352</c:v>
                </c:pt>
                <c:pt idx="2934">
                  <c:v>4.2961587999999349</c:v>
                </c:pt>
                <c:pt idx="2935">
                  <c:v>4.2828429999999349</c:v>
                </c:pt>
                <c:pt idx="2936">
                  <c:v>4.2352152999999353</c:v>
                </c:pt>
                <c:pt idx="2937">
                  <c:v>4.2439043999999342</c:v>
                </c:pt>
                <c:pt idx="2938">
                  <c:v>4.2190845999999347</c:v>
                </c:pt>
                <c:pt idx="2939">
                  <c:v>4.2153455999999343</c:v>
                </c:pt>
                <c:pt idx="2940">
                  <c:v>4.2067600999999346</c:v>
                </c:pt>
                <c:pt idx="2941">
                  <c:v>4.198168899999934</c:v>
                </c:pt>
                <c:pt idx="2942">
                  <c:v>4.2179705999999335</c:v>
                </c:pt>
                <c:pt idx="2943">
                  <c:v>4.2655533999999333</c:v>
                </c:pt>
                <c:pt idx="2944">
                  <c:v>4.3477046999999329</c:v>
                </c:pt>
                <c:pt idx="2945">
                  <c:v>4.3219785999999329</c:v>
                </c:pt>
                <c:pt idx="2946">
                  <c:v>4.3348980999999336</c:v>
                </c:pt>
                <c:pt idx="2947">
                  <c:v>4.4328431999999314</c:v>
                </c:pt>
                <c:pt idx="2948">
                  <c:v>4.4214201999999316</c:v>
                </c:pt>
                <c:pt idx="2949">
                  <c:v>4.2699873999999332</c:v>
                </c:pt>
                <c:pt idx="2950">
                  <c:v>4.2956023999999324</c:v>
                </c:pt>
                <c:pt idx="2951">
                  <c:v>4.2190129999999337</c:v>
                </c:pt>
                <c:pt idx="2952">
                  <c:v>4.2412161999999336</c:v>
                </c:pt>
                <c:pt idx="2953">
                  <c:v>4.2900292999999321</c:v>
                </c:pt>
                <c:pt idx="2954">
                  <c:v>4.269984499999933</c:v>
                </c:pt>
                <c:pt idx="2955">
                  <c:v>4.3679966999999316</c:v>
                </c:pt>
                <c:pt idx="2956">
                  <c:v>4.4016076999999312</c:v>
                </c:pt>
                <c:pt idx="2957">
                  <c:v>4.3717360999999313</c:v>
                </c:pt>
                <c:pt idx="2958">
                  <c:v>4.4905221999999299</c:v>
                </c:pt>
                <c:pt idx="2959">
                  <c:v>4.3540484999999318</c:v>
                </c:pt>
                <c:pt idx="2960">
                  <c:v>4.2882316999999324</c:v>
                </c:pt>
                <c:pt idx="2961">
                  <c:v>4.3833943999999319</c:v>
                </c:pt>
                <c:pt idx="2962">
                  <c:v>4.4561498999999305</c:v>
                </c:pt>
                <c:pt idx="2963">
                  <c:v>4.5253702999999295</c:v>
                </c:pt>
                <c:pt idx="2964">
                  <c:v>4.5489604999999287</c:v>
                </c:pt>
                <c:pt idx="2965">
                  <c:v>4.6016986999999281</c:v>
                </c:pt>
                <c:pt idx="2966">
                  <c:v>4.5671544999999281</c:v>
                </c:pt>
                <c:pt idx="2967">
                  <c:v>4.5439995999999283</c:v>
                </c:pt>
                <c:pt idx="2968">
                  <c:v>4.576857799999928</c:v>
                </c:pt>
                <c:pt idx="2969">
                  <c:v>4.678816099999926</c:v>
                </c:pt>
                <c:pt idx="2970">
                  <c:v>4.7781031999999257</c:v>
                </c:pt>
                <c:pt idx="2971">
                  <c:v>4.7704920999999256</c:v>
                </c:pt>
                <c:pt idx="2972">
                  <c:v>4.8088297999999252</c:v>
                </c:pt>
                <c:pt idx="2973">
                  <c:v>4.9083853999999238</c:v>
                </c:pt>
                <c:pt idx="2974">
                  <c:v>4.9120766999999237</c:v>
                </c:pt>
                <c:pt idx="2975">
                  <c:v>4.9974380999999228</c:v>
                </c:pt>
                <c:pt idx="2976">
                  <c:v>5.0071789999999226</c:v>
                </c:pt>
                <c:pt idx="2977">
                  <c:v>5.0008300999999227</c:v>
                </c:pt>
                <c:pt idx="2978">
                  <c:v>4.9964014999999229</c:v>
                </c:pt>
                <c:pt idx="2979">
                  <c:v>5.0190213999999225</c:v>
                </c:pt>
                <c:pt idx="2980">
                  <c:v>5.0086039999999228</c:v>
                </c:pt>
                <c:pt idx="2981">
                  <c:v>5.0199795999999228</c:v>
                </c:pt>
                <c:pt idx="2982">
                  <c:v>5.0442689999999217</c:v>
                </c:pt>
                <c:pt idx="2983">
                  <c:v>5.0020168999999228</c:v>
                </c:pt>
                <c:pt idx="2984">
                  <c:v>5.0752211999999215</c:v>
                </c:pt>
                <c:pt idx="2985">
                  <c:v>5.0368174999999225</c:v>
                </c:pt>
                <c:pt idx="2986">
                  <c:v>4.9657671999999238</c:v>
                </c:pt>
                <c:pt idx="2987">
                  <c:v>5.0563516999999223</c:v>
                </c:pt>
                <c:pt idx="2988">
                  <c:v>5.1177498999999216</c:v>
                </c:pt>
                <c:pt idx="2989">
                  <c:v>5.1325495999999218</c:v>
                </c:pt>
                <c:pt idx="2990">
                  <c:v>5.0766287999999227</c:v>
                </c:pt>
                <c:pt idx="2991">
                  <c:v>5.0599658999999226</c:v>
                </c:pt>
                <c:pt idx="2992">
                  <c:v>4.9995813999999239</c:v>
                </c:pt>
                <c:pt idx="2993">
                  <c:v>5.1371398999999229</c:v>
                </c:pt>
                <c:pt idx="2994">
                  <c:v>5.1297920999999231</c:v>
                </c:pt>
                <c:pt idx="2995">
                  <c:v>5.189722799999922</c:v>
                </c:pt>
                <c:pt idx="2996">
                  <c:v>5.1566229999999216</c:v>
                </c:pt>
                <c:pt idx="2997">
                  <c:v>5.2026092999999216</c:v>
                </c:pt>
                <c:pt idx="2998">
                  <c:v>5.1899186999999225</c:v>
                </c:pt>
                <c:pt idx="2999">
                  <c:v>5.180884799999923</c:v>
                </c:pt>
                <c:pt idx="3000">
                  <c:v>5.0438917999999244</c:v>
                </c:pt>
                <c:pt idx="3001">
                  <c:v>5.0564648999999235</c:v>
                </c:pt>
                <c:pt idx="3002">
                  <c:v>5.0385740999999236</c:v>
                </c:pt>
                <c:pt idx="3003">
                  <c:v>5.0592638999999231</c:v>
                </c:pt>
                <c:pt idx="3004">
                  <c:v>5.077598399999923</c:v>
                </c:pt>
                <c:pt idx="3005">
                  <c:v>5.163786999999922</c:v>
                </c:pt>
                <c:pt idx="3006">
                  <c:v>5.1763337999999219</c:v>
                </c:pt>
                <c:pt idx="3007">
                  <c:v>5.0957479999999231</c:v>
                </c:pt>
                <c:pt idx="3008">
                  <c:v>5.1422377999999229</c:v>
                </c:pt>
                <c:pt idx="3009">
                  <c:v>5.2761466999999209</c:v>
                </c:pt>
                <c:pt idx="3010">
                  <c:v>5.2569397999999214</c:v>
                </c:pt>
                <c:pt idx="3011">
                  <c:v>5.3294658999999198</c:v>
                </c:pt>
                <c:pt idx="3012">
                  <c:v>5.2935058999999205</c:v>
                </c:pt>
                <c:pt idx="3013">
                  <c:v>5.0493646999999235</c:v>
                </c:pt>
                <c:pt idx="3014">
                  <c:v>5.0916051999999228</c:v>
                </c:pt>
                <c:pt idx="3015">
                  <c:v>4.9160046999999256</c:v>
                </c:pt>
                <c:pt idx="3016">
                  <c:v>4.9246637999999257</c:v>
                </c:pt>
                <c:pt idx="3017">
                  <c:v>5.0231774999999237</c:v>
                </c:pt>
                <c:pt idx="3018">
                  <c:v>4.9280681999999256</c:v>
                </c:pt>
                <c:pt idx="3019">
                  <c:v>4.9523263999999241</c:v>
                </c:pt>
                <c:pt idx="3020">
                  <c:v>4.9952502999999249</c:v>
                </c:pt>
                <c:pt idx="3021">
                  <c:v>5.0654877999999233</c:v>
                </c:pt>
                <c:pt idx="3022">
                  <c:v>5.1511421999999225</c:v>
                </c:pt>
                <c:pt idx="3023">
                  <c:v>5.1055358999999232</c:v>
                </c:pt>
                <c:pt idx="3024">
                  <c:v>5.0422366999999246</c:v>
                </c:pt>
                <c:pt idx="3025">
                  <c:v>5.0816154999999235</c:v>
                </c:pt>
                <c:pt idx="3026">
                  <c:v>5.1600512999999228</c:v>
                </c:pt>
                <c:pt idx="3027">
                  <c:v>5.0461553999999245</c:v>
                </c:pt>
                <c:pt idx="3028">
                  <c:v>5.0231951999999245</c:v>
                </c:pt>
                <c:pt idx="3029">
                  <c:v>5.1207489999999236</c:v>
                </c:pt>
                <c:pt idx="3030">
                  <c:v>5.1014461999999234</c:v>
                </c:pt>
                <c:pt idx="3031">
                  <c:v>5.1586684999999219</c:v>
                </c:pt>
                <c:pt idx="3032">
                  <c:v>5.1789714999999221</c:v>
                </c:pt>
                <c:pt idx="3033">
                  <c:v>5.2367575999999216</c:v>
                </c:pt>
                <c:pt idx="3034">
                  <c:v>5.2562045999999212</c:v>
                </c:pt>
                <c:pt idx="3035">
                  <c:v>5.2043085999999219</c:v>
                </c:pt>
                <c:pt idx="3036">
                  <c:v>5.207097399999923</c:v>
                </c:pt>
                <c:pt idx="3037">
                  <c:v>5.2677141999999222</c:v>
                </c:pt>
                <c:pt idx="3038">
                  <c:v>5.3686419999999204</c:v>
                </c:pt>
                <c:pt idx="3039">
                  <c:v>5.4678588999999187</c:v>
                </c:pt>
                <c:pt idx="3040">
                  <c:v>5.4298155999999187</c:v>
                </c:pt>
                <c:pt idx="3041">
                  <c:v>5.4743366999999186</c:v>
                </c:pt>
                <c:pt idx="3042">
                  <c:v>5.5019380999999186</c:v>
                </c:pt>
                <c:pt idx="3043">
                  <c:v>5.4870138999999183</c:v>
                </c:pt>
                <c:pt idx="3044">
                  <c:v>5.4904002999999184</c:v>
                </c:pt>
                <c:pt idx="3045">
                  <c:v>5.5068768999999183</c:v>
                </c:pt>
                <c:pt idx="3046">
                  <c:v>5.5871925999999172</c:v>
                </c:pt>
                <c:pt idx="3047">
                  <c:v>5.5938528999999173</c:v>
                </c:pt>
                <c:pt idx="3048">
                  <c:v>5.6893974999999157</c:v>
                </c:pt>
                <c:pt idx="3049">
                  <c:v>5.5283529999999175</c:v>
                </c:pt>
                <c:pt idx="3050">
                  <c:v>5.3827996999999188</c:v>
                </c:pt>
                <c:pt idx="3051">
                  <c:v>5.4031108999999189</c:v>
                </c:pt>
                <c:pt idx="3052">
                  <c:v>5.6475346999999152</c:v>
                </c:pt>
                <c:pt idx="3053">
                  <c:v>5.6740445999999158</c:v>
                </c:pt>
                <c:pt idx="3054">
                  <c:v>5.5669576999999162</c:v>
                </c:pt>
                <c:pt idx="3055">
                  <c:v>5.3345273999999199</c:v>
                </c:pt>
                <c:pt idx="3056">
                  <c:v>5.1056891999999223</c:v>
                </c:pt>
                <c:pt idx="3057">
                  <c:v>5.1733427999999222</c:v>
                </c:pt>
                <c:pt idx="3058">
                  <c:v>5.2486155999999209</c:v>
                </c:pt>
                <c:pt idx="3059">
                  <c:v>5.1581214999999219</c:v>
                </c:pt>
                <c:pt idx="3060">
                  <c:v>5.1713333999999218</c:v>
                </c:pt>
                <c:pt idx="3061">
                  <c:v>5.2959335999999197</c:v>
                </c:pt>
                <c:pt idx="3062">
                  <c:v>5.3613474999999191</c:v>
                </c:pt>
                <c:pt idx="3063">
                  <c:v>5.3283516999999199</c:v>
                </c:pt>
                <c:pt idx="3064">
                  <c:v>5.2853112999999201</c:v>
                </c:pt>
                <c:pt idx="3065">
                  <c:v>5.3130541999999199</c:v>
                </c:pt>
                <c:pt idx="3066">
                  <c:v>5.4355451999999183</c:v>
                </c:pt>
                <c:pt idx="3067">
                  <c:v>5.2964705999999202</c:v>
                </c:pt>
                <c:pt idx="3068">
                  <c:v>5.3540115999999198</c:v>
                </c:pt>
                <c:pt idx="3069">
                  <c:v>5.0767754999999237</c:v>
                </c:pt>
                <c:pt idx="3070">
                  <c:v>5.1524974999999218</c:v>
                </c:pt>
                <c:pt idx="3071">
                  <c:v>5.1329217999999219</c:v>
                </c:pt>
                <c:pt idx="3072">
                  <c:v>5.2167125999999211</c:v>
                </c:pt>
                <c:pt idx="3073">
                  <c:v>5.2717616999999199</c:v>
                </c:pt>
                <c:pt idx="3074">
                  <c:v>5.2096852999999212</c:v>
                </c:pt>
                <c:pt idx="3075">
                  <c:v>5.2133687999999205</c:v>
                </c:pt>
                <c:pt idx="3076">
                  <c:v>5.0816742999999232</c:v>
                </c:pt>
                <c:pt idx="3077">
                  <c:v>5.0769855999999232</c:v>
                </c:pt>
                <c:pt idx="3078">
                  <c:v>5.0080078999999236</c:v>
                </c:pt>
                <c:pt idx="3079">
                  <c:v>5.0454049999999224</c:v>
                </c:pt>
                <c:pt idx="3080">
                  <c:v>5.0451696999999225</c:v>
                </c:pt>
                <c:pt idx="3081">
                  <c:v>4.9481227999999247</c:v>
                </c:pt>
                <c:pt idx="3082">
                  <c:v>4.974616099999924</c:v>
                </c:pt>
                <c:pt idx="3083">
                  <c:v>4.9978509999999234</c:v>
                </c:pt>
                <c:pt idx="3084">
                  <c:v>4.9791407999999233</c:v>
                </c:pt>
                <c:pt idx="3085">
                  <c:v>5.0509221999999223</c:v>
                </c:pt>
                <c:pt idx="3086">
                  <c:v>5.1014426999999216</c:v>
                </c:pt>
                <c:pt idx="3087">
                  <c:v>5.1179319999999224</c:v>
                </c:pt>
                <c:pt idx="3088">
                  <c:v>5.2218909999999212</c:v>
                </c:pt>
                <c:pt idx="3089">
                  <c:v>5.2811362999999201</c:v>
                </c:pt>
                <c:pt idx="3090">
                  <c:v>5.28093419999992</c:v>
                </c:pt>
                <c:pt idx="3091">
                  <c:v>5.2300938999999209</c:v>
                </c:pt>
                <c:pt idx="3092">
                  <c:v>5.4251457999999184</c:v>
                </c:pt>
                <c:pt idx="3093">
                  <c:v>5.437045099999918</c:v>
                </c:pt>
                <c:pt idx="3094">
                  <c:v>5.4768563999999174</c:v>
                </c:pt>
                <c:pt idx="3095">
                  <c:v>5.4389564999999171</c:v>
                </c:pt>
                <c:pt idx="3096">
                  <c:v>5.4673756999999172</c:v>
                </c:pt>
                <c:pt idx="3097">
                  <c:v>5.5137328999999164</c:v>
                </c:pt>
                <c:pt idx="3098">
                  <c:v>5.5254670999999158</c:v>
                </c:pt>
                <c:pt idx="3099">
                  <c:v>5.6738112999999126</c:v>
                </c:pt>
                <c:pt idx="3100">
                  <c:v>5.6600862999999126</c:v>
                </c:pt>
                <c:pt idx="3101">
                  <c:v>5.6742295999999133</c:v>
                </c:pt>
                <c:pt idx="3102">
                  <c:v>5.761487999999912</c:v>
                </c:pt>
                <c:pt idx="3103">
                  <c:v>5.729766399999912</c:v>
                </c:pt>
                <c:pt idx="3104">
                  <c:v>5.7011775999999132</c:v>
                </c:pt>
                <c:pt idx="3105">
                  <c:v>5.7927349999999125</c:v>
                </c:pt>
                <c:pt idx="3106">
                  <c:v>5.9285596999999104</c:v>
                </c:pt>
                <c:pt idx="3107">
                  <c:v>5.9312846999999103</c:v>
                </c:pt>
                <c:pt idx="3108">
                  <c:v>5.9309873999999105</c:v>
                </c:pt>
                <c:pt idx="3109">
                  <c:v>6.0016688999999097</c:v>
                </c:pt>
                <c:pt idx="3110">
                  <c:v>5.9848727999999092</c:v>
                </c:pt>
                <c:pt idx="3111">
                  <c:v>5.8599906999999112</c:v>
                </c:pt>
                <c:pt idx="3112">
                  <c:v>5.9354821999999103</c:v>
                </c:pt>
                <c:pt idx="3113">
                  <c:v>5.9794413999999092</c:v>
                </c:pt>
                <c:pt idx="3114">
                  <c:v>5.9767999999999093</c:v>
                </c:pt>
                <c:pt idx="3115">
                  <c:v>6.0059926999999087</c:v>
                </c:pt>
                <c:pt idx="3116">
                  <c:v>5.9312919999999094</c:v>
                </c:pt>
                <c:pt idx="3117">
                  <c:v>5.9664649999999098</c:v>
                </c:pt>
                <c:pt idx="3118">
                  <c:v>6.0288943999999098</c:v>
                </c:pt>
                <c:pt idx="3119">
                  <c:v>6.0547591999999089</c:v>
                </c:pt>
                <c:pt idx="3120">
                  <c:v>6.1563930999999075</c:v>
                </c:pt>
                <c:pt idx="3121">
                  <c:v>6.2607425999999071</c:v>
                </c:pt>
                <c:pt idx="3122">
                  <c:v>6.2196893999999077</c:v>
                </c:pt>
                <c:pt idx="3123">
                  <c:v>6.3699879999999052</c:v>
                </c:pt>
                <c:pt idx="3124">
                  <c:v>6.3809250999999048</c:v>
                </c:pt>
                <c:pt idx="3125">
                  <c:v>6.3961841999999045</c:v>
                </c:pt>
                <c:pt idx="3126">
                  <c:v>6.5076181999999019</c:v>
                </c:pt>
                <c:pt idx="3127">
                  <c:v>6.5811086999999002</c:v>
                </c:pt>
                <c:pt idx="3128">
                  <c:v>6.5456067999999012</c:v>
                </c:pt>
                <c:pt idx="3129">
                  <c:v>6.4459877999999033</c:v>
                </c:pt>
                <c:pt idx="3130">
                  <c:v>6.3923431999999032</c:v>
                </c:pt>
                <c:pt idx="3131">
                  <c:v>6.4290687999999028</c:v>
                </c:pt>
                <c:pt idx="3132">
                  <c:v>6.3391657999999049</c:v>
                </c:pt>
                <c:pt idx="3133">
                  <c:v>6.4333597999999039</c:v>
                </c:pt>
                <c:pt idx="3134">
                  <c:v>6.4282542999999039</c:v>
                </c:pt>
                <c:pt idx="3135">
                  <c:v>6.3803929999999047</c:v>
                </c:pt>
                <c:pt idx="3136">
                  <c:v>6.2655487999999071</c:v>
                </c:pt>
                <c:pt idx="3137">
                  <c:v>6.2122314999999073</c:v>
                </c:pt>
                <c:pt idx="3138">
                  <c:v>6.2531244999999069</c:v>
                </c:pt>
                <c:pt idx="3139">
                  <c:v>6.3443669999999059</c:v>
                </c:pt>
                <c:pt idx="3140">
                  <c:v>6.277072899999907</c:v>
                </c:pt>
                <c:pt idx="3141">
                  <c:v>6.4038832999999054</c:v>
                </c:pt>
                <c:pt idx="3142">
                  <c:v>6.3727232999999055</c:v>
                </c:pt>
                <c:pt idx="3143">
                  <c:v>6.2439448999999065</c:v>
                </c:pt>
                <c:pt idx="3144">
                  <c:v>6.2439598999999069</c:v>
                </c:pt>
                <c:pt idx="3145">
                  <c:v>6.0625375999999092</c:v>
                </c:pt>
                <c:pt idx="3146">
                  <c:v>6.1310098999999081</c:v>
                </c:pt>
                <c:pt idx="3147">
                  <c:v>6.1242159999999082</c:v>
                </c:pt>
                <c:pt idx="3148">
                  <c:v>6.1592348999999089</c:v>
                </c:pt>
                <c:pt idx="3149">
                  <c:v>6.1958897999999074</c:v>
                </c:pt>
                <c:pt idx="3150">
                  <c:v>6.2022695999999069</c:v>
                </c:pt>
                <c:pt idx="3151">
                  <c:v>6.305596799999905</c:v>
                </c:pt>
                <c:pt idx="3152">
                  <c:v>6.2846238999999047</c:v>
                </c:pt>
                <c:pt idx="3153">
                  <c:v>6.2652727999999049</c:v>
                </c:pt>
                <c:pt idx="3154">
                  <c:v>6.266708499999905</c:v>
                </c:pt>
                <c:pt idx="3155">
                  <c:v>6.2921464999999053</c:v>
                </c:pt>
                <c:pt idx="3156">
                  <c:v>6.2081061999999054</c:v>
                </c:pt>
                <c:pt idx="3157">
                  <c:v>6.1427772999999064</c:v>
                </c:pt>
                <c:pt idx="3158">
                  <c:v>6.1769521999999064</c:v>
                </c:pt>
                <c:pt idx="3159">
                  <c:v>6.1639894999999063</c:v>
                </c:pt>
                <c:pt idx="3160">
                  <c:v>6.1648911999999054</c:v>
                </c:pt>
                <c:pt idx="3161">
                  <c:v>6.0923598999999067</c:v>
                </c:pt>
                <c:pt idx="3162">
                  <c:v>5.9895984999999081</c:v>
                </c:pt>
                <c:pt idx="3163">
                  <c:v>6.1778387999999058</c:v>
                </c:pt>
                <c:pt idx="3164">
                  <c:v>6.153968099999906</c:v>
                </c:pt>
                <c:pt idx="3165">
                  <c:v>6.0711305999999068</c:v>
                </c:pt>
                <c:pt idx="3166">
                  <c:v>6.1098327999999062</c:v>
                </c:pt>
                <c:pt idx="3167">
                  <c:v>6.140120799999905</c:v>
                </c:pt>
                <c:pt idx="3168">
                  <c:v>6.2311309999999045</c:v>
                </c:pt>
                <c:pt idx="3169">
                  <c:v>6.1980870999999054</c:v>
                </c:pt>
                <c:pt idx="3170">
                  <c:v>6.1978626999999049</c:v>
                </c:pt>
                <c:pt idx="3171">
                  <c:v>6.3260645999999037</c:v>
                </c:pt>
                <c:pt idx="3172">
                  <c:v>6.4539721999999022</c:v>
                </c:pt>
                <c:pt idx="3173">
                  <c:v>6.4037274999999028</c:v>
                </c:pt>
                <c:pt idx="3174">
                  <c:v>6.2551632999999063</c:v>
                </c:pt>
                <c:pt idx="3175">
                  <c:v>6.3467963999999037</c:v>
                </c:pt>
                <c:pt idx="3176">
                  <c:v>6.3409674999999037</c:v>
                </c:pt>
                <c:pt idx="3177">
                  <c:v>6.4103785999999019</c:v>
                </c:pt>
                <c:pt idx="3178">
                  <c:v>6.4994693999999011</c:v>
                </c:pt>
                <c:pt idx="3179">
                  <c:v>6.5376238999999012</c:v>
                </c:pt>
                <c:pt idx="3180">
                  <c:v>6.6070852999999001</c:v>
                </c:pt>
                <c:pt idx="3181">
                  <c:v>6.6130367999999002</c:v>
                </c:pt>
                <c:pt idx="3182">
                  <c:v>6.6489212999998992</c:v>
                </c:pt>
                <c:pt idx="3183">
                  <c:v>6.5373968999999006</c:v>
                </c:pt>
                <c:pt idx="3184">
                  <c:v>5.80209759999991</c:v>
                </c:pt>
                <c:pt idx="3185">
                  <c:v>5.9066253999999088</c:v>
                </c:pt>
                <c:pt idx="3186">
                  <c:v>5.7697018999999106</c:v>
                </c:pt>
                <c:pt idx="3187">
                  <c:v>5.8677035999999081</c:v>
                </c:pt>
                <c:pt idx="3188">
                  <c:v>5.9371194999999082</c:v>
                </c:pt>
                <c:pt idx="3189">
                  <c:v>5.9108617999999087</c:v>
                </c:pt>
                <c:pt idx="3190">
                  <c:v>6.019707899999907</c:v>
                </c:pt>
                <c:pt idx="3191">
                  <c:v>6.013755499999907</c:v>
                </c:pt>
                <c:pt idx="3192">
                  <c:v>6.0498319999999071</c:v>
                </c:pt>
                <c:pt idx="3193">
                  <c:v>5.9342142999999083</c:v>
                </c:pt>
                <c:pt idx="3194">
                  <c:v>5.8822665999999098</c:v>
                </c:pt>
                <c:pt idx="3195">
                  <c:v>5.9186062999999089</c:v>
                </c:pt>
                <c:pt idx="3196">
                  <c:v>5.8885957999999095</c:v>
                </c:pt>
                <c:pt idx="3197">
                  <c:v>5.9479593999999096</c:v>
                </c:pt>
                <c:pt idx="3198">
                  <c:v>5.9741686999999084</c:v>
                </c:pt>
                <c:pt idx="3199">
                  <c:v>5.9501264999999082</c:v>
                </c:pt>
                <c:pt idx="3200">
                  <c:v>5.9205487999999082</c:v>
                </c:pt>
                <c:pt idx="3201">
                  <c:v>5.8576060999999093</c:v>
                </c:pt>
                <c:pt idx="3202">
                  <c:v>5.8741040999999097</c:v>
                </c:pt>
                <c:pt idx="3203">
                  <c:v>5.9182038999999094</c:v>
                </c:pt>
                <c:pt idx="3204">
                  <c:v>5.9100806999999094</c:v>
                </c:pt>
                <c:pt idx="3205">
                  <c:v>5.9295611999999087</c:v>
                </c:pt>
                <c:pt idx="3206">
                  <c:v>5.8086811999999099</c:v>
                </c:pt>
                <c:pt idx="3207">
                  <c:v>5.7876602999999109</c:v>
                </c:pt>
                <c:pt idx="3208">
                  <c:v>5.8251044999999113</c:v>
                </c:pt>
                <c:pt idx="3209">
                  <c:v>5.8062216999999121</c:v>
                </c:pt>
                <c:pt idx="3210">
                  <c:v>5.9238418999999105</c:v>
                </c:pt>
                <c:pt idx="3211">
                  <c:v>5.8721915999999101</c:v>
                </c:pt>
                <c:pt idx="3212">
                  <c:v>5.9121310999999093</c:v>
                </c:pt>
                <c:pt idx="3213">
                  <c:v>5.9260909999999098</c:v>
                </c:pt>
                <c:pt idx="3214">
                  <c:v>5.9852852999999087</c:v>
                </c:pt>
                <c:pt idx="3215">
                  <c:v>6.0091873999999086</c:v>
                </c:pt>
                <c:pt idx="3216">
                  <c:v>6.0084374999999088</c:v>
                </c:pt>
                <c:pt idx="3217">
                  <c:v>6.0091238999999081</c:v>
                </c:pt>
                <c:pt idx="3218">
                  <c:v>5.9738830999999095</c:v>
                </c:pt>
                <c:pt idx="3219">
                  <c:v>5.9595468999999106</c:v>
                </c:pt>
                <c:pt idx="3220">
                  <c:v>6.0294540999999091</c:v>
                </c:pt>
                <c:pt idx="3221">
                  <c:v>6.0959349999999084</c:v>
                </c:pt>
                <c:pt idx="3222">
                  <c:v>6.2081693999999068</c:v>
                </c:pt>
                <c:pt idx="3223">
                  <c:v>6.2533684999999055</c:v>
                </c:pt>
                <c:pt idx="3224">
                  <c:v>6.2696431999999067</c:v>
                </c:pt>
                <c:pt idx="3225">
                  <c:v>6.2589391999999071</c:v>
                </c:pt>
                <c:pt idx="3226">
                  <c:v>6.281775199999907</c:v>
                </c:pt>
                <c:pt idx="3227">
                  <c:v>6.256647099999908</c:v>
                </c:pt>
                <c:pt idx="3228">
                  <c:v>6.247834399999908</c:v>
                </c:pt>
                <c:pt idx="3229">
                  <c:v>6.2384665999999074</c:v>
                </c:pt>
                <c:pt idx="3230">
                  <c:v>6.265912699999908</c:v>
                </c:pt>
                <c:pt idx="3231">
                  <c:v>6.3198132999999075</c:v>
                </c:pt>
                <c:pt idx="3232">
                  <c:v>6.2442364999999089</c:v>
                </c:pt>
                <c:pt idx="3233">
                  <c:v>6.2628043999999079</c:v>
                </c:pt>
                <c:pt idx="3234">
                  <c:v>6.2689200999999075</c:v>
                </c:pt>
                <c:pt idx="3235">
                  <c:v>6.3242257999999065</c:v>
                </c:pt>
                <c:pt idx="3236">
                  <c:v>6.3681013999999054</c:v>
                </c:pt>
                <c:pt idx="3237">
                  <c:v>6.4510778999999046</c:v>
                </c:pt>
                <c:pt idx="3238">
                  <c:v>6.4372274999999046</c:v>
                </c:pt>
                <c:pt idx="3239">
                  <c:v>6.4485167999999051</c:v>
                </c:pt>
                <c:pt idx="3240">
                  <c:v>6.5399010999999039</c:v>
                </c:pt>
                <c:pt idx="3241">
                  <c:v>6.5298789999999043</c:v>
                </c:pt>
                <c:pt idx="3242">
                  <c:v>6.5000332999999051</c:v>
                </c:pt>
                <c:pt idx="3243">
                  <c:v>6.4138098999999062</c:v>
                </c:pt>
                <c:pt idx="3244">
                  <c:v>6.4113802999999061</c:v>
                </c:pt>
                <c:pt idx="3245">
                  <c:v>6.4925160999999045</c:v>
                </c:pt>
                <c:pt idx="3246">
                  <c:v>6.4779466999999054</c:v>
                </c:pt>
                <c:pt idx="3247">
                  <c:v>6.4850124999999048</c:v>
                </c:pt>
                <c:pt idx="3248">
                  <c:v>6.4296138999999055</c:v>
                </c:pt>
                <c:pt idx="3249">
                  <c:v>6.5104475999999041</c:v>
                </c:pt>
                <c:pt idx="3250">
                  <c:v>6.4894613999999047</c:v>
                </c:pt>
                <c:pt idx="3251">
                  <c:v>6.6211392999999035</c:v>
                </c:pt>
                <c:pt idx="3252">
                  <c:v>6.6743596999999024</c:v>
                </c:pt>
                <c:pt idx="3253">
                  <c:v>6.7320951999999021</c:v>
                </c:pt>
                <c:pt idx="3254">
                  <c:v>6.7247765999999025</c:v>
                </c:pt>
                <c:pt idx="3255">
                  <c:v>6.7204940999999021</c:v>
                </c:pt>
                <c:pt idx="3256">
                  <c:v>6.7581075999999012</c:v>
                </c:pt>
                <c:pt idx="3257">
                  <c:v>6.7432530999999027</c:v>
                </c:pt>
                <c:pt idx="3258">
                  <c:v>6.7514886999999018</c:v>
                </c:pt>
                <c:pt idx="3259">
                  <c:v>6.8492538999998995</c:v>
                </c:pt>
                <c:pt idx="3260">
                  <c:v>6.8610922999998998</c:v>
                </c:pt>
                <c:pt idx="3261">
                  <c:v>6.8876930999998986</c:v>
                </c:pt>
                <c:pt idx="3262">
                  <c:v>6.9898422999998973</c:v>
                </c:pt>
                <c:pt idx="3263">
                  <c:v>6.992475399999897</c:v>
                </c:pt>
                <c:pt idx="3264">
                  <c:v>7.1253719999998957</c:v>
                </c:pt>
                <c:pt idx="3265">
                  <c:v>7.1322936999998952</c:v>
                </c:pt>
                <c:pt idx="3266">
                  <c:v>7.1568592999998941</c:v>
                </c:pt>
                <c:pt idx="3267">
                  <c:v>7.136237399999894</c:v>
                </c:pt>
                <c:pt idx="3268">
                  <c:v>7.2322817999998925</c:v>
                </c:pt>
                <c:pt idx="3269">
                  <c:v>7.2500942999998923</c:v>
                </c:pt>
                <c:pt idx="3270">
                  <c:v>7.2451176999998914</c:v>
                </c:pt>
                <c:pt idx="3271">
                  <c:v>7.2509155999998924</c:v>
                </c:pt>
                <c:pt idx="3272">
                  <c:v>7.2245466999998911</c:v>
                </c:pt>
                <c:pt idx="3273">
                  <c:v>7.2096926999998914</c:v>
                </c:pt>
                <c:pt idx="3274">
                  <c:v>7.080216799999894</c:v>
                </c:pt>
                <c:pt idx="3275">
                  <c:v>7.0608212999998941</c:v>
                </c:pt>
                <c:pt idx="3276">
                  <c:v>6.9709775999998946</c:v>
                </c:pt>
                <c:pt idx="3277">
                  <c:v>6.9551086999998946</c:v>
                </c:pt>
                <c:pt idx="3278">
                  <c:v>7.0430648999998908</c:v>
                </c:pt>
                <c:pt idx="3279">
                  <c:v>7.0409679999998911</c:v>
                </c:pt>
                <c:pt idx="3280">
                  <c:v>7.2513499999998903</c:v>
                </c:pt>
                <c:pt idx="3281">
                  <c:v>7.2238137999998902</c:v>
                </c:pt>
                <c:pt idx="3282">
                  <c:v>7.2563243999998903</c:v>
                </c:pt>
                <c:pt idx="3283">
                  <c:v>7.2132578999998902</c:v>
                </c:pt>
                <c:pt idx="3284">
                  <c:v>7.1841427999998899</c:v>
                </c:pt>
                <c:pt idx="3285">
                  <c:v>7.2898182999998902</c:v>
                </c:pt>
                <c:pt idx="3286">
                  <c:v>7.2824631999998903</c:v>
                </c:pt>
                <c:pt idx="3287">
                  <c:v>7.32593429999989</c:v>
                </c:pt>
                <c:pt idx="3288">
                  <c:v>7.286714799999892</c:v>
                </c:pt>
                <c:pt idx="3289">
                  <c:v>7.2393242999998915</c:v>
                </c:pt>
                <c:pt idx="3290">
                  <c:v>7.2822516999998914</c:v>
                </c:pt>
                <c:pt idx="3291">
                  <c:v>7.2719536999998908</c:v>
                </c:pt>
                <c:pt idx="3292">
                  <c:v>7.3155096999998914</c:v>
                </c:pt>
                <c:pt idx="3293">
                  <c:v>7.2124286999998937</c:v>
                </c:pt>
                <c:pt idx="3294">
                  <c:v>7.2891557999998913</c:v>
                </c:pt>
                <c:pt idx="3295">
                  <c:v>7.3266999999998923</c:v>
                </c:pt>
                <c:pt idx="3296">
                  <c:v>7.2457161999998938</c:v>
                </c:pt>
                <c:pt idx="3297">
                  <c:v>7.2364293999998939</c:v>
                </c:pt>
                <c:pt idx="3298">
                  <c:v>7.0862743999998958</c:v>
                </c:pt>
                <c:pt idx="3299">
                  <c:v>7.0133822999998952</c:v>
                </c:pt>
                <c:pt idx="3300">
                  <c:v>6.9879438999998955</c:v>
                </c:pt>
                <c:pt idx="3301">
                  <c:v>6.9598338999998957</c:v>
                </c:pt>
                <c:pt idx="3302">
                  <c:v>6.9852730999998949</c:v>
                </c:pt>
                <c:pt idx="3303">
                  <c:v>6.7793521999998978</c:v>
                </c:pt>
                <c:pt idx="3304">
                  <c:v>6.9729426999998951</c:v>
                </c:pt>
                <c:pt idx="3305">
                  <c:v>6.8260077999998972</c:v>
                </c:pt>
                <c:pt idx="3306">
                  <c:v>6.7552158999998975</c:v>
                </c:pt>
                <c:pt idx="3307">
                  <c:v>6.7846699999998972</c:v>
                </c:pt>
                <c:pt idx="3308">
                  <c:v>6.6204754999999</c:v>
                </c:pt>
                <c:pt idx="3309">
                  <c:v>6.8089291999998975</c:v>
                </c:pt>
                <c:pt idx="3310">
                  <c:v>6.9059280999998958</c:v>
                </c:pt>
                <c:pt idx="3311">
                  <c:v>6.9055236999998959</c:v>
                </c:pt>
                <c:pt idx="3312">
                  <c:v>7.0464070999998949</c:v>
                </c:pt>
                <c:pt idx="3313">
                  <c:v>7.0519872999998956</c:v>
                </c:pt>
                <c:pt idx="3314">
                  <c:v>7.0457239999998951</c:v>
                </c:pt>
                <c:pt idx="3315">
                  <c:v>7.0253925999998952</c:v>
                </c:pt>
                <c:pt idx="3316">
                  <c:v>7.0136742999998951</c:v>
                </c:pt>
                <c:pt idx="3317">
                  <c:v>7.0264583999998944</c:v>
                </c:pt>
                <c:pt idx="3318">
                  <c:v>6.8639201999998969</c:v>
                </c:pt>
                <c:pt idx="3319">
                  <c:v>6.7716562999998988</c:v>
                </c:pt>
                <c:pt idx="3320">
                  <c:v>6.805951899999898</c:v>
                </c:pt>
                <c:pt idx="3321">
                  <c:v>6.8755585999998958</c:v>
                </c:pt>
                <c:pt idx="3322">
                  <c:v>6.8142155999998968</c:v>
                </c:pt>
                <c:pt idx="3323">
                  <c:v>6.8714542999998969</c:v>
                </c:pt>
                <c:pt idx="3324">
                  <c:v>6.7939805999998981</c:v>
                </c:pt>
                <c:pt idx="3325">
                  <c:v>6.8293740999998978</c:v>
                </c:pt>
                <c:pt idx="3326">
                  <c:v>6.8369180999998971</c:v>
                </c:pt>
                <c:pt idx="3327">
                  <c:v>6.948228199999896</c:v>
                </c:pt>
                <c:pt idx="3328">
                  <c:v>6.8424190999998977</c:v>
                </c:pt>
                <c:pt idx="3329">
                  <c:v>6.8082269999998983</c:v>
                </c:pt>
                <c:pt idx="3330">
                  <c:v>6.8457334999998976</c:v>
                </c:pt>
                <c:pt idx="3331">
                  <c:v>6.8884890999998971</c:v>
                </c:pt>
                <c:pt idx="3332">
                  <c:v>6.831279899999898</c:v>
                </c:pt>
                <c:pt idx="3333">
                  <c:v>6.8941602999998972</c:v>
                </c:pt>
                <c:pt idx="3334">
                  <c:v>7.0589141999998954</c:v>
                </c:pt>
                <c:pt idx="3335">
                  <c:v>7.0875238999998942</c:v>
                </c:pt>
                <c:pt idx="3336">
                  <c:v>7.1385473999998936</c:v>
                </c:pt>
                <c:pt idx="3337">
                  <c:v>7.1740842999998939</c:v>
                </c:pt>
                <c:pt idx="3338">
                  <c:v>7.2207584999998939</c:v>
                </c:pt>
                <c:pt idx="3339">
                  <c:v>7.2203164999998926</c:v>
                </c:pt>
                <c:pt idx="3340">
                  <c:v>7.3635976999998913</c:v>
                </c:pt>
                <c:pt idx="3341">
                  <c:v>7.3773175999998912</c:v>
                </c:pt>
                <c:pt idx="3342">
                  <c:v>7.4195962999998901</c:v>
                </c:pt>
                <c:pt idx="3343">
                  <c:v>7.4684088999998899</c:v>
                </c:pt>
                <c:pt idx="3344">
                  <c:v>7.47877069999989</c:v>
                </c:pt>
                <c:pt idx="3345">
                  <c:v>7.4351593999998897</c:v>
                </c:pt>
                <c:pt idx="3346">
                  <c:v>7.3776937999998893</c:v>
                </c:pt>
                <c:pt idx="3347">
                  <c:v>7.4976644999998889</c:v>
                </c:pt>
                <c:pt idx="3348">
                  <c:v>7.5046006999998873</c:v>
                </c:pt>
                <c:pt idx="3349">
                  <c:v>7.5439341999998888</c:v>
                </c:pt>
                <c:pt idx="3350">
                  <c:v>7.5705807999998882</c:v>
                </c:pt>
                <c:pt idx="3351">
                  <c:v>7.698961999999888</c:v>
                </c:pt>
                <c:pt idx="3352">
                  <c:v>7.6736062999998875</c:v>
                </c:pt>
                <c:pt idx="3353">
                  <c:v>7.6966805999998886</c:v>
                </c:pt>
                <c:pt idx="3354">
                  <c:v>7.7442647999998879</c:v>
                </c:pt>
                <c:pt idx="3355">
                  <c:v>7.6671788999998878</c:v>
                </c:pt>
                <c:pt idx="3356">
                  <c:v>7.9826981999998843</c:v>
                </c:pt>
                <c:pt idx="3357">
                  <c:v>7.9822643999998846</c:v>
                </c:pt>
                <c:pt idx="3358">
                  <c:v>8.1745270999998834</c:v>
                </c:pt>
                <c:pt idx="3359">
                  <c:v>8.0943004999998838</c:v>
                </c:pt>
                <c:pt idx="3360">
                  <c:v>8.0722859999998846</c:v>
                </c:pt>
                <c:pt idx="3361">
                  <c:v>8.1508562999998837</c:v>
                </c:pt>
                <c:pt idx="3362">
                  <c:v>8.2192892999998826</c:v>
                </c:pt>
                <c:pt idx="3363">
                  <c:v>8.0730625999998846</c:v>
                </c:pt>
                <c:pt idx="3364">
                  <c:v>7.8725269999998861</c:v>
                </c:pt>
                <c:pt idx="3365">
                  <c:v>8.0869883999998819</c:v>
                </c:pt>
                <c:pt idx="3366">
                  <c:v>7.979293699999884</c:v>
                </c:pt>
                <c:pt idx="3367">
                  <c:v>7.8826523999998859</c:v>
                </c:pt>
                <c:pt idx="3368">
                  <c:v>7.8150745999998872</c:v>
                </c:pt>
                <c:pt idx="3369">
                  <c:v>8.0994892999998829</c:v>
                </c:pt>
                <c:pt idx="3370">
                  <c:v>8.1655065999998833</c:v>
                </c:pt>
                <c:pt idx="3371">
                  <c:v>8.1976522999998824</c:v>
                </c:pt>
                <c:pt idx="3372">
                  <c:v>8.2207084999998834</c:v>
                </c:pt>
                <c:pt idx="3373">
                  <c:v>8.3381509999998826</c:v>
                </c:pt>
                <c:pt idx="3374">
                  <c:v>8.3590967999998806</c:v>
                </c:pt>
                <c:pt idx="3375">
                  <c:v>8.4235996999998797</c:v>
                </c:pt>
                <c:pt idx="3376">
                  <c:v>8.4921463999998785</c:v>
                </c:pt>
                <c:pt idx="3377">
                  <c:v>8.5378820999998783</c:v>
                </c:pt>
                <c:pt idx="3378">
                  <c:v>8.4795814999998793</c:v>
                </c:pt>
                <c:pt idx="3379">
                  <c:v>8.3016436999998806</c:v>
                </c:pt>
                <c:pt idx="3380">
                  <c:v>8.3173812999998802</c:v>
                </c:pt>
                <c:pt idx="3381">
                  <c:v>8.3557413999998804</c:v>
                </c:pt>
                <c:pt idx="3382">
                  <c:v>8.4093877999998803</c:v>
                </c:pt>
                <c:pt idx="3383">
                  <c:v>8.3906400999998816</c:v>
                </c:pt>
                <c:pt idx="3384">
                  <c:v>8.3469046999998806</c:v>
                </c:pt>
                <c:pt idx="3385">
                  <c:v>8.317046499999881</c:v>
                </c:pt>
                <c:pt idx="3386">
                  <c:v>8.44567099999988</c:v>
                </c:pt>
                <c:pt idx="3387">
                  <c:v>8.5071437999998789</c:v>
                </c:pt>
                <c:pt idx="3388">
                  <c:v>8.4644816999998795</c:v>
                </c:pt>
                <c:pt idx="3389">
                  <c:v>8.4348380999998795</c:v>
                </c:pt>
                <c:pt idx="3390">
                  <c:v>8.3261743999998803</c:v>
                </c:pt>
                <c:pt idx="3391">
                  <c:v>8.3516362999998801</c:v>
                </c:pt>
                <c:pt idx="3392">
                  <c:v>8.2594710999998817</c:v>
                </c:pt>
                <c:pt idx="3393">
                  <c:v>8.2951927999998816</c:v>
                </c:pt>
                <c:pt idx="3394">
                  <c:v>8.3777615999998787</c:v>
                </c:pt>
                <c:pt idx="3395">
                  <c:v>8.3601926999998799</c:v>
                </c:pt>
                <c:pt idx="3396">
                  <c:v>8.3380149999998796</c:v>
                </c:pt>
                <c:pt idx="3397">
                  <c:v>8.4252809999998775</c:v>
                </c:pt>
                <c:pt idx="3398">
                  <c:v>8.3068946999998801</c:v>
                </c:pt>
                <c:pt idx="3399">
                  <c:v>8.3107006999998774</c:v>
                </c:pt>
                <c:pt idx="3400">
                  <c:v>8.4597623999998763</c:v>
                </c:pt>
                <c:pt idx="3401">
                  <c:v>8.3732504999998767</c:v>
                </c:pt>
                <c:pt idx="3402">
                  <c:v>8.3417059999998777</c:v>
                </c:pt>
                <c:pt idx="3403">
                  <c:v>8.3216436999998766</c:v>
                </c:pt>
                <c:pt idx="3404">
                  <c:v>8.4100184999998771</c:v>
                </c:pt>
                <c:pt idx="3405">
                  <c:v>8.3557823999998782</c:v>
                </c:pt>
                <c:pt idx="3406">
                  <c:v>8.1958893999998796</c:v>
                </c:pt>
                <c:pt idx="3407">
                  <c:v>8.3225103999998797</c:v>
                </c:pt>
                <c:pt idx="3408">
                  <c:v>8.3685642999998766</c:v>
                </c:pt>
                <c:pt idx="3409">
                  <c:v>8.3624937999998767</c:v>
                </c:pt>
                <c:pt idx="3410">
                  <c:v>8.2483877999998789</c:v>
                </c:pt>
                <c:pt idx="3411">
                  <c:v>8.0935140999998811</c:v>
                </c:pt>
                <c:pt idx="3412">
                  <c:v>8.2399237999998771</c:v>
                </c:pt>
                <c:pt idx="3413">
                  <c:v>8.4223077999998761</c:v>
                </c:pt>
                <c:pt idx="3414">
                  <c:v>8.4450425999998764</c:v>
                </c:pt>
                <c:pt idx="3415">
                  <c:v>8.4194997999998762</c:v>
                </c:pt>
                <c:pt idx="3416">
                  <c:v>8.4132046999998753</c:v>
                </c:pt>
                <c:pt idx="3417">
                  <c:v>8.3929569999998748</c:v>
                </c:pt>
                <c:pt idx="3418">
                  <c:v>8.3695308999998765</c:v>
                </c:pt>
                <c:pt idx="3419">
                  <c:v>8.5112425999998713</c:v>
                </c:pt>
                <c:pt idx="3420">
                  <c:v>8.5216022999998717</c:v>
                </c:pt>
                <c:pt idx="3421">
                  <c:v>8.4987240999998725</c:v>
                </c:pt>
                <c:pt idx="3422">
                  <c:v>8.3234408999998735</c:v>
                </c:pt>
                <c:pt idx="3423">
                  <c:v>8.207047999999876</c:v>
                </c:pt>
                <c:pt idx="3424">
                  <c:v>8.1995551999998764</c:v>
                </c:pt>
                <c:pt idx="3425">
                  <c:v>8.1587900999998766</c:v>
                </c:pt>
                <c:pt idx="3426">
                  <c:v>8.1558204999998782</c:v>
                </c:pt>
                <c:pt idx="3427">
                  <c:v>8.285070399999876</c:v>
                </c:pt>
                <c:pt idx="3428">
                  <c:v>8.4374669999998737</c:v>
                </c:pt>
                <c:pt idx="3429">
                  <c:v>8.3442750999998765</c:v>
                </c:pt>
                <c:pt idx="3430">
                  <c:v>8.319598099999876</c:v>
                </c:pt>
                <c:pt idx="3431">
                  <c:v>8.311287999999875</c:v>
                </c:pt>
                <c:pt idx="3432">
                  <c:v>8.4778850999998738</c:v>
                </c:pt>
                <c:pt idx="3433">
                  <c:v>8.1753463999998779</c:v>
                </c:pt>
                <c:pt idx="3434">
                  <c:v>8.1000244999998774</c:v>
                </c:pt>
                <c:pt idx="3435">
                  <c:v>7.9805792999998797</c:v>
                </c:pt>
                <c:pt idx="3436">
                  <c:v>8.0943394999998777</c:v>
                </c:pt>
                <c:pt idx="3437">
                  <c:v>7.8787420999998812</c:v>
                </c:pt>
                <c:pt idx="3438">
                  <c:v>7.7611220999998825</c:v>
                </c:pt>
                <c:pt idx="3439">
                  <c:v>7.6599686999998848</c:v>
                </c:pt>
                <c:pt idx="3440">
                  <c:v>7.3013756999998893</c:v>
                </c:pt>
                <c:pt idx="3441">
                  <c:v>7.379048299999889</c:v>
                </c:pt>
                <c:pt idx="3442">
                  <c:v>7.4638122999998906</c:v>
                </c:pt>
                <c:pt idx="3443">
                  <c:v>7.5335744999998902</c:v>
                </c:pt>
                <c:pt idx="3444">
                  <c:v>7.6843184999998879</c:v>
                </c:pt>
                <c:pt idx="3445">
                  <c:v>7.500558199999892</c:v>
                </c:pt>
                <c:pt idx="3446">
                  <c:v>7.4760994999998918</c:v>
                </c:pt>
                <c:pt idx="3447">
                  <c:v>7.2200841999998957</c:v>
                </c:pt>
                <c:pt idx="3448">
                  <c:v>7.0941377999998974</c:v>
                </c:pt>
                <c:pt idx="3449">
                  <c:v>7.0082210999998971</c:v>
                </c:pt>
                <c:pt idx="3450">
                  <c:v>7.0357078999998954</c:v>
                </c:pt>
                <c:pt idx="3451">
                  <c:v>6.989143799999896</c:v>
                </c:pt>
                <c:pt idx="3452">
                  <c:v>6.9254047999998969</c:v>
                </c:pt>
                <c:pt idx="3453">
                  <c:v>6.851023499999898</c:v>
                </c:pt>
                <c:pt idx="3454">
                  <c:v>6.758458999999899</c:v>
                </c:pt>
                <c:pt idx="3455">
                  <c:v>6.8872364999998981</c:v>
                </c:pt>
                <c:pt idx="3456">
                  <c:v>6.9651588999998975</c:v>
                </c:pt>
                <c:pt idx="3457">
                  <c:v>6.7471153999999007</c:v>
                </c:pt>
                <c:pt idx="3458">
                  <c:v>6.8112674999998992</c:v>
                </c:pt>
                <c:pt idx="3459">
                  <c:v>6.8459885999998997</c:v>
                </c:pt>
                <c:pt idx="3460">
                  <c:v>6.8961780999998998</c:v>
                </c:pt>
                <c:pt idx="3461">
                  <c:v>6.8381871999999007</c:v>
                </c:pt>
                <c:pt idx="3462">
                  <c:v>6.917973499999901</c:v>
                </c:pt>
                <c:pt idx="3463">
                  <c:v>7.0098731999998982</c:v>
                </c:pt>
                <c:pt idx="3464">
                  <c:v>6.9964835999998991</c:v>
                </c:pt>
                <c:pt idx="3465">
                  <c:v>7.0623084999998991</c:v>
                </c:pt>
                <c:pt idx="3466">
                  <c:v>7.1512311999998985</c:v>
                </c:pt>
                <c:pt idx="3467">
                  <c:v>7.1813474999998963</c:v>
                </c:pt>
                <c:pt idx="3468">
                  <c:v>7.1983782999998969</c:v>
                </c:pt>
                <c:pt idx="3469">
                  <c:v>7.1979897999998972</c:v>
                </c:pt>
                <c:pt idx="3470">
                  <c:v>7.1696856999998975</c:v>
                </c:pt>
                <c:pt idx="3471">
                  <c:v>7.1439674999998974</c:v>
                </c:pt>
                <c:pt idx="3472">
                  <c:v>7.3020926999998945</c:v>
                </c:pt>
                <c:pt idx="3473">
                  <c:v>7.3989998999998932</c:v>
                </c:pt>
                <c:pt idx="3474">
                  <c:v>7.4273181999998936</c:v>
                </c:pt>
                <c:pt idx="3475">
                  <c:v>7.539536699999891</c:v>
                </c:pt>
                <c:pt idx="3476">
                  <c:v>7.4775467999998924</c:v>
                </c:pt>
                <c:pt idx="3477">
                  <c:v>7.4585375999998913</c:v>
                </c:pt>
                <c:pt idx="3478">
                  <c:v>7.5785197999998903</c:v>
                </c:pt>
                <c:pt idx="3479">
                  <c:v>7.5451143999998891</c:v>
                </c:pt>
                <c:pt idx="3480">
                  <c:v>7.658294099999889</c:v>
                </c:pt>
                <c:pt idx="3481">
                  <c:v>7.7710086999998857</c:v>
                </c:pt>
                <c:pt idx="3482">
                  <c:v>7.6808832999998877</c:v>
                </c:pt>
                <c:pt idx="3483">
                  <c:v>7.7265191999998883</c:v>
                </c:pt>
                <c:pt idx="3484">
                  <c:v>7.7723696999998886</c:v>
                </c:pt>
                <c:pt idx="3485">
                  <c:v>7.6939653999998878</c:v>
                </c:pt>
                <c:pt idx="3486">
                  <c:v>7.7022097999998884</c:v>
                </c:pt>
                <c:pt idx="3487">
                  <c:v>7.7269688999998873</c:v>
                </c:pt>
                <c:pt idx="3488">
                  <c:v>7.8838319999998863</c:v>
                </c:pt>
                <c:pt idx="3489">
                  <c:v>7.8373094999998862</c:v>
                </c:pt>
                <c:pt idx="3490">
                  <c:v>7.7497087999998886</c:v>
                </c:pt>
                <c:pt idx="3491">
                  <c:v>7.6694299999998901</c:v>
                </c:pt>
                <c:pt idx="3492">
                  <c:v>7.6246240999998918</c:v>
                </c:pt>
                <c:pt idx="3493">
                  <c:v>7.4282749999998927</c:v>
                </c:pt>
                <c:pt idx="3494">
                  <c:v>7.4894958999998913</c:v>
                </c:pt>
                <c:pt idx="3495">
                  <c:v>7.6347117999998897</c:v>
                </c:pt>
                <c:pt idx="3496">
                  <c:v>7.4850269999998922</c:v>
                </c:pt>
                <c:pt idx="3497">
                  <c:v>7.4607848999998918</c:v>
                </c:pt>
                <c:pt idx="3498">
                  <c:v>7.3852969999998912</c:v>
                </c:pt>
                <c:pt idx="3499">
                  <c:v>7.4227233999998923</c:v>
                </c:pt>
                <c:pt idx="3500">
                  <c:v>7.2941768999998935</c:v>
                </c:pt>
                <c:pt idx="3501">
                  <c:v>7.4426415999998916</c:v>
                </c:pt>
                <c:pt idx="3502">
                  <c:v>7.3075116999998926</c:v>
                </c:pt>
                <c:pt idx="3503">
                  <c:v>7.3869293999998931</c:v>
                </c:pt>
                <c:pt idx="3504">
                  <c:v>7.5553365999998903</c:v>
                </c:pt>
                <c:pt idx="3505">
                  <c:v>7.5173074999998892</c:v>
                </c:pt>
                <c:pt idx="3506">
                  <c:v>7.6065134999998882</c:v>
                </c:pt>
                <c:pt idx="3507">
                  <c:v>7.4196981999998908</c:v>
                </c:pt>
                <c:pt idx="3508">
                  <c:v>7.4533690999998914</c:v>
                </c:pt>
                <c:pt idx="3509">
                  <c:v>7.4300473999998911</c:v>
                </c:pt>
                <c:pt idx="3510">
                  <c:v>7.2671160999998943</c:v>
                </c:pt>
                <c:pt idx="3511">
                  <c:v>7.3276266999998914</c:v>
                </c:pt>
                <c:pt idx="3512">
                  <c:v>7.4768194999998894</c:v>
                </c:pt>
                <c:pt idx="3513">
                  <c:v>7.4896544999998884</c:v>
                </c:pt>
                <c:pt idx="3514">
                  <c:v>7.2947468999998897</c:v>
                </c:pt>
                <c:pt idx="3515">
                  <c:v>7.3451890999998888</c:v>
                </c:pt>
                <c:pt idx="3516">
                  <c:v>7.3069326999998889</c:v>
                </c:pt>
                <c:pt idx="3517">
                  <c:v>7.3741941999998879</c:v>
                </c:pt>
                <c:pt idx="3518">
                  <c:v>7.4912262999998873</c:v>
                </c:pt>
                <c:pt idx="3519">
                  <c:v>7.6161725999998868</c:v>
                </c:pt>
                <c:pt idx="3520">
                  <c:v>7.6133805999998856</c:v>
                </c:pt>
                <c:pt idx="3521">
                  <c:v>7.6103581999998866</c:v>
                </c:pt>
                <c:pt idx="3522">
                  <c:v>7.7312625999998854</c:v>
                </c:pt>
                <c:pt idx="3523">
                  <c:v>7.602784299999886</c:v>
                </c:pt>
                <c:pt idx="3524">
                  <c:v>7.6640343999998848</c:v>
                </c:pt>
                <c:pt idx="3525">
                  <c:v>7.6845942999998851</c:v>
                </c:pt>
                <c:pt idx="3526">
                  <c:v>7.8024678999998827</c:v>
                </c:pt>
                <c:pt idx="3527">
                  <c:v>7.746436999999883</c:v>
                </c:pt>
                <c:pt idx="3528">
                  <c:v>7.7169632999998825</c:v>
                </c:pt>
                <c:pt idx="3529">
                  <c:v>8.0203537999998797</c:v>
                </c:pt>
                <c:pt idx="3530">
                  <c:v>8.1604313999998759</c:v>
                </c:pt>
                <c:pt idx="3531">
                  <c:v>8.1367502999998749</c:v>
                </c:pt>
                <c:pt idx="3532">
                  <c:v>8.0777606999998763</c:v>
                </c:pt>
                <c:pt idx="3533">
                  <c:v>8.4411269999998719</c:v>
                </c:pt>
                <c:pt idx="3534">
                  <c:v>8.423106699999872</c:v>
                </c:pt>
                <c:pt idx="3535">
                  <c:v>8.1770557999998754</c:v>
                </c:pt>
                <c:pt idx="3536">
                  <c:v>8.1053962999998763</c:v>
                </c:pt>
                <c:pt idx="3537">
                  <c:v>8.2014925999998738</c:v>
                </c:pt>
                <c:pt idx="3538">
                  <c:v>8.46696009999987</c:v>
                </c:pt>
                <c:pt idx="3539">
                  <c:v>8.4747638999998696</c:v>
                </c:pt>
                <c:pt idx="3540">
                  <c:v>8.2680524999998735</c:v>
                </c:pt>
                <c:pt idx="3541">
                  <c:v>8.2913824999998713</c:v>
                </c:pt>
                <c:pt idx="3542">
                  <c:v>8.4232701999998696</c:v>
                </c:pt>
                <c:pt idx="3543">
                  <c:v>8.3933823999998705</c:v>
                </c:pt>
                <c:pt idx="3544">
                  <c:v>8.1910091999998738</c:v>
                </c:pt>
                <c:pt idx="3545">
                  <c:v>8.3134468999998727</c:v>
                </c:pt>
                <c:pt idx="3546">
                  <c:v>8.5088743999998684</c:v>
                </c:pt>
                <c:pt idx="3547">
                  <c:v>8.3061740999998701</c:v>
                </c:pt>
                <c:pt idx="3548">
                  <c:v>8.6031622999998643</c:v>
                </c:pt>
                <c:pt idx="3549">
                  <c:v>8.6600878999998656</c:v>
                </c:pt>
                <c:pt idx="3550">
                  <c:v>8.7607355999998653</c:v>
                </c:pt>
                <c:pt idx="3551">
                  <c:v>8.8826172999998629</c:v>
                </c:pt>
                <c:pt idx="3552">
                  <c:v>8.7859468999998658</c:v>
                </c:pt>
                <c:pt idx="3553">
                  <c:v>8.6895477999998665</c:v>
                </c:pt>
                <c:pt idx="3554">
                  <c:v>8.5024429999998699</c:v>
                </c:pt>
                <c:pt idx="3555">
                  <c:v>8.5165586999998695</c:v>
                </c:pt>
                <c:pt idx="3556">
                  <c:v>8.5243137999998702</c:v>
                </c:pt>
                <c:pt idx="3557">
                  <c:v>8.4878380999998697</c:v>
                </c:pt>
                <c:pt idx="3558">
                  <c:v>8.5597860999998705</c:v>
                </c:pt>
                <c:pt idx="3559">
                  <c:v>8.8361757999998662</c:v>
                </c:pt>
                <c:pt idx="3560">
                  <c:v>8.7891977999998669</c:v>
                </c:pt>
                <c:pt idx="3561">
                  <c:v>8.7886806999998672</c:v>
                </c:pt>
                <c:pt idx="3562">
                  <c:v>8.6987239999998689</c:v>
                </c:pt>
                <c:pt idx="3563">
                  <c:v>8.7316055999998667</c:v>
                </c:pt>
                <c:pt idx="3564">
                  <c:v>8.5917587999998677</c:v>
                </c:pt>
                <c:pt idx="3565">
                  <c:v>8.5091344999998704</c:v>
                </c:pt>
                <c:pt idx="3566">
                  <c:v>8.7764270999998661</c:v>
                </c:pt>
                <c:pt idx="3567">
                  <c:v>8.9060577999998642</c:v>
                </c:pt>
                <c:pt idx="3568">
                  <c:v>8.9510977999998644</c:v>
                </c:pt>
                <c:pt idx="3569">
                  <c:v>8.9356099999998655</c:v>
                </c:pt>
                <c:pt idx="3570">
                  <c:v>8.9636534999998627</c:v>
                </c:pt>
                <c:pt idx="3571">
                  <c:v>8.8691448999998634</c:v>
                </c:pt>
                <c:pt idx="3572">
                  <c:v>8.9078902999998633</c:v>
                </c:pt>
                <c:pt idx="3573">
                  <c:v>8.8891605999998635</c:v>
                </c:pt>
                <c:pt idx="3574">
                  <c:v>8.8107538999998649</c:v>
                </c:pt>
                <c:pt idx="3575">
                  <c:v>8.5999245999998664</c:v>
                </c:pt>
                <c:pt idx="3576">
                  <c:v>8.6581052999998658</c:v>
                </c:pt>
                <c:pt idx="3577">
                  <c:v>8.705763499999863</c:v>
                </c:pt>
                <c:pt idx="3578">
                  <c:v>8.8025150999998623</c:v>
                </c:pt>
                <c:pt idx="3579">
                  <c:v>8.7701886999998617</c:v>
                </c:pt>
                <c:pt idx="3580">
                  <c:v>8.6519606999998633</c:v>
                </c:pt>
                <c:pt idx="3581">
                  <c:v>8.7114075999998626</c:v>
                </c:pt>
                <c:pt idx="3582">
                  <c:v>8.6213438999998644</c:v>
                </c:pt>
                <c:pt idx="3583">
                  <c:v>8.6248323999998657</c:v>
                </c:pt>
                <c:pt idx="3584">
                  <c:v>8.6704340999998628</c:v>
                </c:pt>
                <c:pt idx="3585">
                  <c:v>8.669981899999863</c:v>
                </c:pt>
                <c:pt idx="3586">
                  <c:v>8.6494264999998638</c:v>
                </c:pt>
                <c:pt idx="3587">
                  <c:v>8.6958870999998616</c:v>
                </c:pt>
                <c:pt idx="3588">
                  <c:v>8.9610832999998582</c:v>
                </c:pt>
                <c:pt idx="3589">
                  <c:v>8.9606061999998587</c:v>
                </c:pt>
                <c:pt idx="3590">
                  <c:v>9.2605121999998552</c:v>
                </c:pt>
                <c:pt idx="3591">
                  <c:v>9.3023359999998547</c:v>
                </c:pt>
                <c:pt idx="3592">
                  <c:v>9.3252288999998552</c:v>
                </c:pt>
                <c:pt idx="3593">
                  <c:v>9.2946558999998548</c:v>
                </c:pt>
                <c:pt idx="3594">
                  <c:v>9.3123471999998539</c:v>
                </c:pt>
                <c:pt idx="3595">
                  <c:v>9.4580957999998532</c:v>
                </c:pt>
                <c:pt idx="3596">
                  <c:v>9.4613275999998532</c:v>
                </c:pt>
                <c:pt idx="3597">
                  <c:v>9.4370251999998533</c:v>
                </c:pt>
                <c:pt idx="3598">
                  <c:v>9.5107020999998504</c:v>
                </c:pt>
                <c:pt idx="3599">
                  <c:v>9.4749853999998503</c:v>
                </c:pt>
                <c:pt idx="3600">
                  <c:v>9.5114373999998492</c:v>
                </c:pt>
                <c:pt idx="3601">
                  <c:v>9.5965369999998469</c:v>
                </c:pt>
                <c:pt idx="3602">
                  <c:v>9.6776763999998447</c:v>
                </c:pt>
                <c:pt idx="3603">
                  <c:v>9.679066599999846</c:v>
                </c:pt>
                <c:pt idx="3604">
                  <c:v>9.6087848999998453</c:v>
                </c:pt>
                <c:pt idx="3605">
                  <c:v>9.7509512999998442</c:v>
                </c:pt>
                <c:pt idx="3606">
                  <c:v>9.8733174999998425</c:v>
                </c:pt>
                <c:pt idx="3607">
                  <c:v>9.8727602999998414</c:v>
                </c:pt>
                <c:pt idx="3608">
                  <c:v>9.6043857999998448</c:v>
                </c:pt>
                <c:pt idx="3609">
                  <c:v>9.6326390999998459</c:v>
                </c:pt>
                <c:pt idx="3610">
                  <c:v>9.7462829999998437</c:v>
                </c:pt>
                <c:pt idx="3611">
                  <c:v>9.7913998999998437</c:v>
                </c:pt>
                <c:pt idx="3612">
                  <c:v>9.8476988999998412</c:v>
                </c:pt>
                <c:pt idx="3613">
                  <c:v>9.9169830999998396</c:v>
                </c:pt>
                <c:pt idx="3614">
                  <c:v>9.892563299999841</c:v>
                </c:pt>
                <c:pt idx="3615">
                  <c:v>9.5285693999998458</c:v>
                </c:pt>
                <c:pt idx="3616">
                  <c:v>9.4873454999998454</c:v>
                </c:pt>
                <c:pt idx="3617">
                  <c:v>9.6065600999998431</c:v>
                </c:pt>
                <c:pt idx="3618">
                  <c:v>9.5102454999998454</c:v>
                </c:pt>
                <c:pt idx="3619">
                  <c:v>9.6957908999998423</c:v>
                </c:pt>
                <c:pt idx="3620">
                  <c:v>9.6725394999998411</c:v>
                </c:pt>
                <c:pt idx="3621">
                  <c:v>9.9221723999998375</c:v>
                </c:pt>
                <c:pt idx="3622">
                  <c:v>9.8756793999998393</c:v>
                </c:pt>
                <c:pt idx="3623">
                  <c:v>9.7730181999998411</c:v>
                </c:pt>
                <c:pt idx="3624">
                  <c:v>9.8795781999998411</c:v>
                </c:pt>
                <c:pt idx="3625">
                  <c:v>9.7790410999998443</c:v>
                </c:pt>
                <c:pt idx="3626">
                  <c:v>9.8301533999998423</c:v>
                </c:pt>
                <c:pt idx="3627">
                  <c:v>9.9128797999998408</c:v>
                </c:pt>
                <c:pt idx="3628">
                  <c:v>9.8564220999998398</c:v>
                </c:pt>
                <c:pt idx="3629">
                  <c:v>9.90202649999984</c:v>
                </c:pt>
                <c:pt idx="3630">
                  <c:v>9.880609399999841</c:v>
                </c:pt>
                <c:pt idx="3631">
                  <c:v>9.7094899999998443</c:v>
                </c:pt>
                <c:pt idx="3632">
                  <c:v>9.615947999999845</c:v>
                </c:pt>
                <c:pt idx="3633">
                  <c:v>9.5483145999998449</c:v>
                </c:pt>
                <c:pt idx="3634">
                  <c:v>9.547617899999846</c:v>
                </c:pt>
                <c:pt idx="3635">
                  <c:v>9.674756199999841</c:v>
                </c:pt>
                <c:pt idx="3636">
                  <c:v>9.9388804999998381</c:v>
                </c:pt>
                <c:pt idx="3637">
                  <c:v>9.9403893999998392</c:v>
                </c:pt>
                <c:pt idx="3638">
                  <c:v>10.048716999999838</c:v>
                </c:pt>
                <c:pt idx="3639">
                  <c:v>10.01322819999984</c:v>
                </c:pt>
                <c:pt idx="3640">
                  <c:v>10.048482799999839</c:v>
                </c:pt>
                <c:pt idx="3641">
                  <c:v>10.119682099999837</c:v>
                </c:pt>
                <c:pt idx="3642">
                  <c:v>10.093563299999836</c:v>
                </c:pt>
                <c:pt idx="3643">
                  <c:v>9.9109735999998385</c:v>
                </c:pt>
                <c:pt idx="3644">
                  <c:v>9.7731953999998407</c:v>
                </c:pt>
                <c:pt idx="3645">
                  <c:v>9.4595314999998461</c:v>
                </c:pt>
                <c:pt idx="3646">
                  <c:v>9.4960922999998463</c:v>
                </c:pt>
                <c:pt idx="3647">
                  <c:v>9.6767659999998443</c:v>
                </c:pt>
                <c:pt idx="3648">
                  <c:v>9.3170080999998497</c:v>
                </c:pt>
                <c:pt idx="3649">
                  <c:v>9.561462299999846</c:v>
                </c:pt>
                <c:pt idx="3650">
                  <c:v>9.6581238999998433</c:v>
                </c:pt>
                <c:pt idx="3651">
                  <c:v>9.7441351999998425</c:v>
                </c:pt>
                <c:pt idx="3652">
                  <c:v>9.6713199999998416</c:v>
                </c:pt>
                <c:pt idx="3653">
                  <c:v>9.5775526999998437</c:v>
                </c:pt>
                <c:pt idx="3654">
                  <c:v>9.7580867999998393</c:v>
                </c:pt>
                <c:pt idx="3655">
                  <c:v>9.8350969999998377</c:v>
                </c:pt>
                <c:pt idx="3656">
                  <c:v>9.9044151999998391</c:v>
                </c:pt>
                <c:pt idx="3657">
                  <c:v>9.7955064999998402</c:v>
                </c:pt>
                <c:pt idx="3658">
                  <c:v>9.7334234999998426</c:v>
                </c:pt>
                <c:pt idx="3659">
                  <c:v>9.5936400999998437</c:v>
                </c:pt>
                <c:pt idx="3660">
                  <c:v>9.3620944999998468</c:v>
                </c:pt>
                <c:pt idx="3661">
                  <c:v>9.4020062999998473</c:v>
                </c:pt>
                <c:pt idx="3662">
                  <c:v>9.5059519999998461</c:v>
                </c:pt>
                <c:pt idx="3663">
                  <c:v>9.3982410999998471</c:v>
                </c:pt>
                <c:pt idx="3664">
                  <c:v>9.5350188999998462</c:v>
                </c:pt>
                <c:pt idx="3665">
                  <c:v>9.5261787999998457</c:v>
                </c:pt>
                <c:pt idx="3666">
                  <c:v>9.6801830999998426</c:v>
                </c:pt>
                <c:pt idx="3667">
                  <c:v>9.6163787999998434</c:v>
                </c:pt>
                <c:pt idx="3668">
                  <c:v>9.7495441999998427</c:v>
                </c:pt>
                <c:pt idx="3669">
                  <c:v>9.6960750999998435</c:v>
                </c:pt>
                <c:pt idx="3670">
                  <c:v>9.6924964999998444</c:v>
                </c:pt>
                <c:pt idx="3671">
                  <c:v>9.699921399999841</c:v>
                </c:pt>
                <c:pt idx="3672">
                  <c:v>9.6402003999998414</c:v>
                </c:pt>
                <c:pt idx="3673">
                  <c:v>9.689388599999841</c:v>
                </c:pt>
                <c:pt idx="3674">
                  <c:v>9.5881476999998441</c:v>
                </c:pt>
                <c:pt idx="3675">
                  <c:v>9.5531854999998433</c:v>
                </c:pt>
                <c:pt idx="3676">
                  <c:v>9.6901193999998423</c:v>
                </c:pt>
                <c:pt idx="3677">
                  <c:v>9.626869599999841</c:v>
                </c:pt>
                <c:pt idx="3678">
                  <c:v>9.5484238999998432</c:v>
                </c:pt>
                <c:pt idx="3679">
                  <c:v>9.2688131999998493</c:v>
                </c:pt>
                <c:pt idx="3680">
                  <c:v>9.283503399999848</c:v>
                </c:pt>
                <c:pt idx="3681">
                  <c:v>9.1975096999998485</c:v>
                </c:pt>
                <c:pt idx="3682">
                  <c:v>9.0006372999998518</c:v>
                </c:pt>
                <c:pt idx="3683">
                  <c:v>8.980317999999853</c:v>
                </c:pt>
                <c:pt idx="3684">
                  <c:v>9.2039390999998485</c:v>
                </c:pt>
                <c:pt idx="3685">
                  <c:v>9.4990831999998431</c:v>
                </c:pt>
                <c:pt idx="3686">
                  <c:v>9.4808758999998428</c:v>
                </c:pt>
                <c:pt idx="3687">
                  <c:v>9.4222301999998432</c:v>
                </c:pt>
                <c:pt idx="3688">
                  <c:v>9.3687456999998453</c:v>
                </c:pt>
                <c:pt idx="3689">
                  <c:v>9.5028445999998432</c:v>
                </c:pt>
                <c:pt idx="3690">
                  <c:v>9.6785460999998403</c:v>
                </c:pt>
                <c:pt idx="3691">
                  <c:v>9.7119621999998405</c:v>
                </c:pt>
                <c:pt idx="3692">
                  <c:v>9.7807577999998401</c:v>
                </c:pt>
                <c:pt idx="3693">
                  <c:v>9.772600799999839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5375-426F-8F6D-21C98E94AFF9}"/>
            </c:ext>
          </c:extLst>
        </c:ser>
        <c:ser>
          <c:idx val="1"/>
          <c:order val="1"/>
          <c:tx>
            <c:v>IBOVESPA</c:v>
          </c:tx>
          <c:spPr>
            <a:ln w="28575" cap="rnd">
              <a:solidFill>
                <a:schemeClr val="bg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'[DadosIndustria325.xlsx]Quantum Axis'!$B$2:$B$3695</c:f>
              <c:numCache>
                <c:formatCode>[$-416]mmm\-yy;@</c:formatCode>
                <c:ptCount val="3694"/>
                <c:pt idx="0">
                  <c:v>38243</c:v>
                </c:pt>
                <c:pt idx="1">
                  <c:v>38244</c:v>
                </c:pt>
                <c:pt idx="2">
                  <c:v>38245</c:v>
                </c:pt>
                <c:pt idx="3">
                  <c:v>38246</c:v>
                </c:pt>
                <c:pt idx="4">
                  <c:v>38247</c:v>
                </c:pt>
                <c:pt idx="5">
                  <c:v>38250</c:v>
                </c:pt>
                <c:pt idx="6">
                  <c:v>38251</c:v>
                </c:pt>
                <c:pt idx="7">
                  <c:v>38252</c:v>
                </c:pt>
                <c:pt idx="8">
                  <c:v>38253</c:v>
                </c:pt>
                <c:pt idx="9">
                  <c:v>38254</c:v>
                </c:pt>
                <c:pt idx="10">
                  <c:v>38257</c:v>
                </c:pt>
                <c:pt idx="11">
                  <c:v>38258</c:v>
                </c:pt>
                <c:pt idx="12">
                  <c:v>38259</c:v>
                </c:pt>
                <c:pt idx="13">
                  <c:v>38260</c:v>
                </c:pt>
                <c:pt idx="14">
                  <c:v>38261</c:v>
                </c:pt>
                <c:pt idx="15">
                  <c:v>38264</c:v>
                </c:pt>
                <c:pt idx="16">
                  <c:v>38265</c:v>
                </c:pt>
                <c:pt idx="17">
                  <c:v>38266</c:v>
                </c:pt>
                <c:pt idx="18">
                  <c:v>38267</c:v>
                </c:pt>
                <c:pt idx="19">
                  <c:v>38268</c:v>
                </c:pt>
                <c:pt idx="20">
                  <c:v>38271</c:v>
                </c:pt>
                <c:pt idx="21">
                  <c:v>38273</c:v>
                </c:pt>
                <c:pt idx="22">
                  <c:v>38274</c:v>
                </c:pt>
                <c:pt idx="23">
                  <c:v>38275</c:v>
                </c:pt>
                <c:pt idx="24">
                  <c:v>38278</c:v>
                </c:pt>
                <c:pt idx="25">
                  <c:v>38279</c:v>
                </c:pt>
                <c:pt idx="26">
                  <c:v>38280</c:v>
                </c:pt>
                <c:pt idx="27">
                  <c:v>38281</c:v>
                </c:pt>
                <c:pt idx="28">
                  <c:v>38282</c:v>
                </c:pt>
                <c:pt idx="29">
                  <c:v>38285</c:v>
                </c:pt>
                <c:pt idx="30">
                  <c:v>38286</c:v>
                </c:pt>
                <c:pt idx="31">
                  <c:v>38287</c:v>
                </c:pt>
                <c:pt idx="32">
                  <c:v>38288</c:v>
                </c:pt>
                <c:pt idx="33">
                  <c:v>38289</c:v>
                </c:pt>
                <c:pt idx="34">
                  <c:v>38292</c:v>
                </c:pt>
                <c:pt idx="35">
                  <c:v>38294</c:v>
                </c:pt>
                <c:pt idx="36">
                  <c:v>38295</c:v>
                </c:pt>
                <c:pt idx="37">
                  <c:v>38296</c:v>
                </c:pt>
                <c:pt idx="38">
                  <c:v>38299</c:v>
                </c:pt>
                <c:pt idx="39">
                  <c:v>38300</c:v>
                </c:pt>
                <c:pt idx="40">
                  <c:v>38301</c:v>
                </c:pt>
                <c:pt idx="41">
                  <c:v>38302</c:v>
                </c:pt>
                <c:pt idx="42">
                  <c:v>38303</c:v>
                </c:pt>
                <c:pt idx="43">
                  <c:v>38307</c:v>
                </c:pt>
                <c:pt idx="44">
                  <c:v>38308</c:v>
                </c:pt>
                <c:pt idx="45">
                  <c:v>38309</c:v>
                </c:pt>
                <c:pt idx="46">
                  <c:v>38310</c:v>
                </c:pt>
                <c:pt idx="47">
                  <c:v>38313</c:v>
                </c:pt>
                <c:pt idx="48">
                  <c:v>38314</c:v>
                </c:pt>
                <c:pt idx="49">
                  <c:v>38315</c:v>
                </c:pt>
                <c:pt idx="50">
                  <c:v>38316</c:v>
                </c:pt>
                <c:pt idx="51">
                  <c:v>38317</c:v>
                </c:pt>
                <c:pt idx="52">
                  <c:v>38320</c:v>
                </c:pt>
                <c:pt idx="53">
                  <c:v>38321</c:v>
                </c:pt>
                <c:pt idx="54">
                  <c:v>38322</c:v>
                </c:pt>
                <c:pt idx="55">
                  <c:v>38323</c:v>
                </c:pt>
                <c:pt idx="56">
                  <c:v>38324</c:v>
                </c:pt>
                <c:pt idx="57">
                  <c:v>38327</c:v>
                </c:pt>
                <c:pt idx="58">
                  <c:v>38328</c:v>
                </c:pt>
                <c:pt idx="59">
                  <c:v>38329</c:v>
                </c:pt>
                <c:pt idx="60">
                  <c:v>38330</c:v>
                </c:pt>
                <c:pt idx="61">
                  <c:v>38331</c:v>
                </c:pt>
                <c:pt idx="62">
                  <c:v>38334</c:v>
                </c:pt>
                <c:pt idx="63">
                  <c:v>38335</c:v>
                </c:pt>
                <c:pt idx="64">
                  <c:v>38336</c:v>
                </c:pt>
                <c:pt idx="65">
                  <c:v>38337</c:v>
                </c:pt>
                <c:pt idx="66">
                  <c:v>38338</c:v>
                </c:pt>
                <c:pt idx="67">
                  <c:v>38341</c:v>
                </c:pt>
                <c:pt idx="68">
                  <c:v>38342</c:v>
                </c:pt>
                <c:pt idx="69">
                  <c:v>38343</c:v>
                </c:pt>
                <c:pt idx="70">
                  <c:v>38344</c:v>
                </c:pt>
                <c:pt idx="71">
                  <c:v>38345</c:v>
                </c:pt>
                <c:pt idx="72">
                  <c:v>38348</c:v>
                </c:pt>
                <c:pt idx="73">
                  <c:v>38349</c:v>
                </c:pt>
                <c:pt idx="74">
                  <c:v>38350</c:v>
                </c:pt>
                <c:pt idx="75">
                  <c:v>38351</c:v>
                </c:pt>
                <c:pt idx="76">
                  <c:v>38352</c:v>
                </c:pt>
                <c:pt idx="77">
                  <c:v>38355</c:v>
                </c:pt>
                <c:pt idx="78">
                  <c:v>38356</c:v>
                </c:pt>
                <c:pt idx="79">
                  <c:v>38357</c:v>
                </c:pt>
                <c:pt idx="80">
                  <c:v>38358</c:v>
                </c:pt>
                <c:pt idx="81">
                  <c:v>38359</c:v>
                </c:pt>
                <c:pt idx="82">
                  <c:v>38362</c:v>
                </c:pt>
                <c:pt idx="83">
                  <c:v>38363</c:v>
                </c:pt>
                <c:pt idx="84">
                  <c:v>38364</c:v>
                </c:pt>
                <c:pt idx="85">
                  <c:v>38365</c:v>
                </c:pt>
                <c:pt idx="86">
                  <c:v>38366</c:v>
                </c:pt>
                <c:pt idx="87">
                  <c:v>38369</c:v>
                </c:pt>
                <c:pt idx="88">
                  <c:v>38370</c:v>
                </c:pt>
                <c:pt idx="89">
                  <c:v>38371</c:v>
                </c:pt>
                <c:pt idx="90">
                  <c:v>38372</c:v>
                </c:pt>
                <c:pt idx="91">
                  <c:v>38373</c:v>
                </c:pt>
                <c:pt idx="92">
                  <c:v>38376</c:v>
                </c:pt>
                <c:pt idx="93">
                  <c:v>38377</c:v>
                </c:pt>
                <c:pt idx="94">
                  <c:v>38378</c:v>
                </c:pt>
                <c:pt idx="95">
                  <c:v>38379</c:v>
                </c:pt>
                <c:pt idx="96">
                  <c:v>38380</c:v>
                </c:pt>
                <c:pt idx="97">
                  <c:v>38383</c:v>
                </c:pt>
                <c:pt idx="98">
                  <c:v>38384</c:v>
                </c:pt>
                <c:pt idx="99">
                  <c:v>38385</c:v>
                </c:pt>
                <c:pt idx="100">
                  <c:v>38386</c:v>
                </c:pt>
                <c:pt idx="101">
                  <c:v>38387</c:v>
                </c:pt>
                <c:pt idx="102">
                  <c:v>38392</c:v>
                </c:pt>
                <c:pt idx="103">
                  <c:v>38393</c:v>
                </c:pt>
                <c:pt idx="104">
                  <c:v>38394</c:v>
                </c:pt>
                <c:pt idx="105">
                  <c:v>38397</c:v>
                </c:pt>
                <c:pt idx="106">
                  <c:v>38398</c:v>
                </c:pt>
                <c:pt idx="107">
                  <c:v>38399</c:v>
                </c:pt>
                <c:pt idx="108">
                  <c:v>38400</c:v>
                </c:pt>
                <c:pt idx="109">
                  <c:v>38401</c:v>
                </c:pt>
                <c:pt idx="110">
                  <c:v>38404</c:v>
                </c:pt>
                <c:pt idx="111">
                  <c:v>38405</c:v>
                </c:pt>
                <c:pt idx="112">
                  <c:v>38406</c:v>
                </c:pt>
                <c:pt idx="113">
                  <c:v>38407</c:v>
                </c:pt>
                <c:pt idx="114">
                  <c:v>38408</c:v>
                </c:pt>
                <c:pt idx="115">
                  <c:v>38411</c:v>
                </c:pt>
                <c:pt idx="116">
                  <c:v>38412</c:v>
                </c:pt>
                <c:pt idx="117">
                  <c:v>38413</c:v>
                </c:pt>
                <c:pt idx="118">
                  <c:v>38414</c:v>
                </c:pt>
                <c:pt idx="119">
                  <c:v>38415</c:v>
                </c:pt>
                <c:pt idx="120">
                  <c:v>38418</c:v>
                </c:pt>
                <c:pt idx="121">
                  <c:v>38419</c:v>
                </c:pt>
                <c:pt idx="122">
                  <c:v>38420</c:v>
                </c:pt>
                <c:pt idx="123">
                  <c:v>38421</c:v>
                </c:pt>
                <c:pt idx="124">
                  <c:v>38422</c:v>
                </c:pt>
                <c:pt idx="125">
                  <c:v>38425</c:v>
                </c:pt>
                <c:pt idx="126">
                  <c:v>38426</c:v>
                </c:pt>
                <c:pt idx="127">
                  <c:v>38427</c:v>
                </c:pt>
                <c:pt idx="128">
                  <c:v>38428</c:v>
                </c:pt>
                <c:pt idx="129">
                  <c:v>38429</c:v>
                </c:pt>
                <c:pt idx="130">
                  <c:v>38432</c:v>
                </c:pt>
                <c:pt idx="131">
                  <c:v>38433</c:v>
                </c:pt>
                <c:pt idx="132">
                  <c:v>38434</c:v>
                </c:pt>
                <c:pt idx="133">
                  <c:v>38435</c:v>
                </c:pt>
                <c:pt idx="134">
                  <c:v>38439</c:v>
                </c:pt>
                <c:pt idx="135">
                  <c:v>38440</c:v>
                </c:pt>
                <c:pt idx="136">
                  <c:v>38441</c:v>
                </c:pt>
                <c:pt idx="137">
                  <c:v>38442</c:v>
                </c:pt>
                <c:pt idx="138">
                  <c:v>38443</c:v>
                </c:pt>
                <c:pt idx="139">
                  <c:v>38446</c:v>
                </c:pt>
                <c:pt idx="140">
                  <c:v>38447</c:v>
                </c:pt>
                <c:pt idx="141">
                  <c:v>38448</c:v>
                </c:pt>
                <c:pt idx="142">
                  <c:v>38449</c:v>
                </c:pt>
                <c:pt idx="143">
                  <c:v>38450</c:v>
                </c:pt>
                <c:pt idx="144">
                  <c:v>38453</c:v>
                </c:pt>
                <c:pt idx="145">
                  <c:v>38454</c:v>
                </c:pt>
                <c:pt idx="146">
                  <c:v>38455</c:v>
                </c:pt>
                <c:pt idx="147">
                  <c:v>38456</c:v>
                </c:pt>
                <c:pt idx="148">
                  <c:v>38457</c:v>
                </c:pt>
                <c:pt idx="149">
                  <c:v>38460</c:v>
                </c:pt>
                <c:pt idx="150">
                  <c:v>38461</c:v>
                </c:pt>
                <c:pt idx="151">
                  <c:v>38462</c:v>
                </c:pt>
                <c:pt idx="152">
                  <c:v>38464</c:v>
                </c:pt>
                <c:pt idx="153">
                  <c:v>38467</c:v>
                </c:pt>
                <c:pt idx="154">
                  <c:v>38468</c:v>
                </c:pt>
                <c:pt idx="155">
                  <c:v>38469</c:v>
                </c:pt>
                <c:pt idx="156">
                  <c:v>38470</c:v>
                </c:pt>
                <c:pt idx="157">
                  <c:v>38471</c:v>
                </c:pt>
                <c:pt idx="158">
                  <c:v>38474</c:v>
                </c:pt>
                <c:pt idx="159">
                  <c:v>38475</c:v>
                </c:pt>
                <c:pt idx="160">
                  <c:v>38476</c:v>
                </c:pt>
                <c:pt idx="161">
                  <c:v>38477</c:v>
                </c:pt>
                <c:pt idx="162">
                  <c:v>38478</c:v>
                </c:pt>
                <c:pt idx="163">
                  <c:v>38481</c:v>
                </c:pt>
                <c:pt idx="164">
                  <c:v>38482</c:v>
                </c:pt>
                <c:pt idx="165">
                  <c:v>38483</c:v>
                </c:pt>
                <c:pt idx="166">
                  <c:v>38484</c:v>
                </c:pt>
                <c:pt idx="167">
                  <c:v>38485</c:v>
                </c:pt>
                <c:pt idx="168">
                  <c:v>38488</c:v>
                </c:pt>
                <c:pt idx="169">
                  <c:v>38489</c:v>
                </c:pt>
                <c:pt idx="170">
                  <c:v>38490</c:v>
                </c:pt>
                <c:pt idx="171">
                  <c:v>38491</c:v>
                </c:pt>
                <c:pt idx="172">
                  <c:v>38492</c:v>
                </c:pt>
                <c:pt idx="173">
                  <c:v>38495</c:v>
                </c:pt>
                <c:pt idx="174">
                  <c:v>38496</c:v>
                </c:pt>
                <c:pt idx="175">
                  <c:v>38497</c:v>
                </c:pt>
                <c:pt idx="176">
                  <c:v>38499</c:v>
                </c:pt>
                <c:pt idx="177">
                  <c:v>38502</c:v>
                </c:pt>
                <c:pt idx="178">
                  <c:v>38503</c:v>
                </c:pt>
                <c:pt idx="179">
                  <c:v>38504</c:v>
                </c:pt>
                <c:pt idx="180">
                  <c:v>38505</c:v>
                </c:pt>
                <c:pt idx="181">
                  <c:v>38506</c:v>
                </c:pt>
                <c:pt idx="182">
                  <c:v>38509</c:v>
                </c:pt>
                <c:pt idx="183">
                  <c:v>38510</c:v>
                </c:pt>
                <c:pt idx="184">
                  <c:v>38511</c:v>
                </c:pt>
                <c:pt idx="185">
                  <c:v>38512</c:v>
                </c:pt>
                <c:pt idx="186">
                  <c:v>38513</c:v>
                </c:pt>
                <c:pt idx="187">
                  <c:v>38516</c:v>
                </c:pt>
                <c:pt idx="188">
                  <c:v>38517</c:v>
                </c:pt>
                <c:pt idx="189">
                  <c:v>38518</c:v>
                </c:pt>
                <c:pt idx="190">
                  <c:v>38519</c:v>
                </c:pt>
                <c:pt idx="191">
                  <c:v>38520</c:v>
                </c:pt>
                <c:pt idx="192">
                  <c:v>38523</c:v>
                </c:pt>
                <c:pt idx="193">
                  <c:v>38524</c:v>
                </c:pt>
                <c:pt idx="194">
                  <c:v>38525</c:v>
                </c:pt>
                <c:pt idx="195">
                  <c:v>38526</c:v>
                </c:pt>
                <c:pt idx="196">
                  <c:v>38527</c:v>
                </c:pt>
                <c:pt idx="197">
                  <c:v>38530</c:v>
                </c:pt>
                <c:pt idx="198">
                  <c:v>38531</c:v>
                </c:pt>
                <c:pt idx="199">
                  <c:v>38532</c:v>
                </c:pt>
                <c:pt idx="200">
                  <c:v>38533</c:v>
                </c:pt>
                <c:pt idx="201">
                  <c:v>38534</c:v>
                </c:pt>
                <c:pt idx="202">
                  <c:v>38537</c:v>
                </c:pt>
                <c:pt idx="203">
                  <c:v>38538</c:v>
                </c:pt>
                <c:pt idx="204">
                  <c:v>38539</c:v>
                </c:pt>
                <c:pt idx="205">
                  <c:v>38540</c:v>
                </c:pt>
                <c:pt idx="206">
                  <c:v>38541</c:v>
                </c:pt>
                <c:pt idx="207">
                  <c:v>38544</c:v>
                </c:pt>
                <c:pt idx="208">
                  <c:v>38545</c:v>
                </c:pt>
                <c:pt idx="209">
                  <c:v>38546</c:v>
                </c:pt>
                <c:pt idx="210">
                  <c:v>38547</c:v>
                </c:pt>
                <c:pt idx="211">
                  <c:v>38548</c:v>
                </c:pt>
                <c:pt idx="212">
                  <c:v>38551</c:v>
                </c:pt>
                <c:pt idx="213">
                  <c:v>38552</c:v>
                </c:pt>
                <c:pt idx="214">
                  <c:v>38553</c:v>
                </c:pt>
                <c:pt idx="215">
                  <c:v>38554</c:v>
                </c:pt>
                <c:pt idx="216">
                  <c:v>38555</c:v>
                </c:pt>
                <c:pt idx="217">
                  <c:v>38558</c:v>
                </c:pt>
                <c:pt idx="218">
                  <c:v>38559</c:v>
                </c:pt>
                <c:pt idx="219">
                  <c:v>38560</c:v>
                </c:pt>
                <c:pt idx="220">
                  <c:v>38561</c:v>
                </c:pt>
                <c:pt idx="221">
                  <c:v>38562</c:v>
                </c:pt>
                <c:pt idx="222">
                  <c:v>38565</c:v>
                </c:pt>
                <c:pt idx="223">
                  <c:v>38566</c:v>
                </c:pt>
                <c:pt idx="224">
                  <c:v>38567</c:v>
                </c:pt>
                <c:pt idx="225">
                  <c:v>38568</c:v>
                </c:pt>
                <c:pt idx="226">
                  <c:v>38569</c:v>
                </c:pt>
                <c:pt idx="227">
                  <c:v>38572</c:v>
                </c:pt>
                <c:pt idx="228">
                  <c:v>38573</c:v>
                </c:pt>
                <c:pt idx="229">
                  <c:v>38574</c:v>
                </c:pt>
                <c:pt idx="230">
                  <c:v>38575</c:v>
                </c:pt>
                <c:pt idx="231">
                  <c:v>38576</c:v>
                </c:pt>
                <c:pt idx="232">
                  <c:v>38579</c:v>
                </c:pt>
                <c:pt idx="233">
                  <c:v>38580</c:v>
                </c:pt>
                <c:pt idx="234">
                  <c:v>38581</c:v>
                </c:pt>
                <c:pt idx="235">
                  <c:v>38582</c:v>
                </c:pt>
                <c:pt idx="236">
                  <c:v>38583</c:v>
                </c:pt>
                <c:pt idx="237">
                  <c:v>38586</c:v>
                </c:pt>
                <c:pt idx="238">
                  <c:v>38587</c:v>
                </c:pt>
                <c:pt idx="239">
                  <c:v>38588</c:v>
                </c:pt>
                <c:pt idx="240">
                  <c:v>38589</c:v>
                </c:pt>
                <c:pt idx="241">
                  <c:v>38590</c:v>
                </c:pt>
                <c:pt idx="242">
                  <c:v>38593</c:v>
                </c:pt>
                <c:pt idx="243">
                  <c:v>38594</c:v>
                </c:pt>
                <c:pt idx="244">
                  <c:v>38595</c:v>
                </c:pt>
                <c:pt idx="245">
                  <c:v>38596</c:v>
                </c:pt>
                <c:pt idx="246">
                  <c:v>38597</c:v>
                </c:pt>
                <c:pt idx="247">
                  <c:v>38600</c:v>
                </c:pt>
                <c:pt idx="248">
                  <c:v>38601</c:v>
                </c:pt>
                <c:pt idx="249">
                  <c:v>38603</c:v>
                </c:pt>
                <c:pt idx="250">
                  <c:v>38604</c:v>
                </c:pt>
                <c:pt idx="251">
                  <c:v>38607</c:v>
                </c:pt>
                <c:pt idx="252">
                  <c:v>38608</c:v>
                </c:pt>
                <c:pt idx="253">
                  <c:v>38609</c:v>
                </c:pt>
                <c:pt idx="254">
                  <c:v>38610</c:v>
                </c:pt>
                <c:pt idx="255">
                  <c:v>38611</c:v>
                </c:pt>
                <c:pt idx="256">
                  <c:v>38614</c:v>
                </c:pt>
                <c:pt idx="257">
                  <c:v>38615</c:v>
                </c:pt>
                <c:pt idx="258">
                  <c:v>38616</c:v>
                </c:pt>
                <c:pt idx="259">
                  <c:v>38617</c:v>
                </c:pt>
                <c:pt idx="260">
                  <c:v>38618</c:v>
                </c:pt>
                <c:pt idx="261">
                  <c:v>38621</c:v>
                </c:pt>
                <c:pt idx="262">
                  <c:v>38622</c:v>
                </c:pt>
                <c:pt idx="263">
                  <c:v>38623</c:v>
                </c:pt>
                <c:pt idx="264">
                  <c:v>38624</c:v>
                </c:pt>
                <c:pt idx="265">
                  <c:v>38625</c:v>
                </c:pt>
                <c:pt idx="266">
                  <c:v>38628</c:v>
                </c:pt>
                <c:pt idx="267">
                  <c:v>38629</c:v>
                </c:pt>
                <c:pt idx="268">
                  <c:v>38630</c:v>
                </c:pt>
                <c:pt idx="269">
                  <c:v>38631</c:v>
                </c:pt>
                <c:pt idx="270">
                  <c:v>38632</c:v>
                </c:pt>
                <c:pt idx="271">
                  <c:v>38635</c:v>
                </c:pt>
                <c:pt idx="272">
                  <c:v>38636</c:v>
                </c:pt>
                <c:pt idx="273">
                  <c:v>38638</c:v>
                </c:pt>
                <c:pt idx="274">
                  <c:v>38639</c:v>
                </c:pt>
                <c:pt idx="275">
                  <c:v>38642</c:v>
                </c:pt>
                <c:pt idx="276">
                  <c:v>38643</c:v>
                </c:pt>
                <c:pt idx="277">
                  <c:v>38644</c:v>
                </c:pt>
                <c:pt idx="278">
                  <c:v>38645</c:v>
                </c:pt>
                <c:pt idx="279">
                  <c:v>38646</c:v>
                </c:pt>
                <c:pt idx="280">
                  <c:v>38649</c:v>
                </c:pt>
                <c:pt idx="281">
                  <c:v>38650</c:v>
                </c:pt>
                <c:pt idx="282">
                  <c:v>38651</c:v>
                </c:pt>
                <c:pt idx="283">
                  <c:v>38652</c:v>
                </c:pt>
                <c:pt idx="284">
                  <c:v>38653</c:v>
                </c:pt>
                <c:pt idx="285">
                  <c:v>38656</c:v>
                </c:pt>
                <c:pt idx="286">
                  <c:v>38657</c:v>
                </c:pt>
                <c:pt idx="287">
                  <c:v>38659</c:v>
                </c:pt>
                <c:pt idx="288">
                  <c:v>38660</c:v>
                </c:pt>
                <c:pt idx="289">
                  <c:v>38663</c:v>
                </c:pt>
                <c:pt idx="290">
                  <c:v>38664</c:v>
                </c:pt>
                <c:pt idx="291">
                  <c:v>38665</c:v>
                </c:pt>
                <c:pt idx="292">
                  <c:v>38666</c:v>
                </c:pt>
                <c:pt idx="293">
                  <c:v>38667</c:v>
                </c:pt>
                <c:pt idx="294">
                  <c:v>38670</c:v>
                </c:pt>
                <c:pt idx="295">
                  <c:v>38672</c:v>
                </c:pt>
                <c:pt idx="296">
                  <c:v>38673</c:v>
                </c:pt>
                <c:pt idx="297">
                  <c:v>38674</c:v>
                </c:pt>
                <c:pt idx="298">
                  <c:v>38677</c:v>
                </c:pt>
                <c:pt idx="299">
                  <c:v>38678</c:v>
                </c:pt>
                <c:pt idx="300">
                  <c:v>38679</c:v>
                </c:pt>
                <c:pt idx="301">
                  <c:v>38680</c:v>
                </c:pt>
                <c:pt idx="302">
                  <c:v>38681</c:v>
                </c:pt>
                <c:pt idx="303">
                  <c:v>38684</c:v>
                </c:pt>
                <c:pt idx="304">
                  <c:v>38685</c:v>
                </c:pt>
                <c:pt idx="305">
                  <c:v>38686</c:v>
                </c:pt>
                <c:pt idx="306">
                  <c:v>38687</c:v>
                </c:pt>
                <c:pt idx="307">
                  <c:v>38688</c:v>
                </c:pt>
                <c:pt idx="308">
                  <c:v>38691</c:v>
                </c:pt>
                <c:pt idx="309">
                  <c:v>38692</c:v>
                </c:pt>
                <c:pt idx="310">
                  <c:v>38693</c:v>
                </c:pt>
                <c:pt idx="311">
                  <c:v>38694</c:v>
                </c:pt>
                <c:pt idx="312">
                  <c:v>38695</c:v>
                </c:pt>
                <c:pt idx="313">
                  <c:v>38698</c:v>
                </c:pt>
                <c:pt idx="314">
                  <c:v>38699</c:v>
                </c:pt>
                <c:pt idx="315">
                  <c:v>38700</c:v>
                </c:pt>
                <c:pt idx="316">
                  <c:v>38701</c:v>
                </c:pt>
                <c:pt idx="317">
                  <c:v>38702</c:v>
                </c:pt>
                <c:pt idx="318">
                  <c:v>38705</c:v>
                </c:pt>
                <c:pt idx="319">
                  <c:v>38706</c:v>
                </c:pt>
                <c:pt idx="320">
                  <c:v>38707</c:v>
                </c:pt>
                <c:pt idx="321">
                  <c:v>38708</c:v>
                </c:pt>
                <c:pt idx="322">
                  <c:v>38709</c:v>
                </c:pt>
                <c:pt idx="323">
                  <c:v>38712</c:v>
                </c:pt>
                <c:pt idx="324">
                  <c:v>38713</c:v>
                </c:pt>
                <c:pt idx="325">
                  <c:v>38714</c:v>
                </c:pt>
                <c:pt idx="326">
                  <c:v>38715</c:v>
                </c:pt>
                <c:pt idx="327">
                  <c:v>38716</c:v>
                </c:pt>
                <c:pt idx="328">
                  <c:v>38719</c:v>
                </c:pt>
                <c:pt idx="329">
                  <c:v>38720</c:v>
                </c:pt>
                <c:pt idx="330">
                  <c:v>38721</c:v>
                </c:pt>
                <c:pt idx="331">
                  <c:v>38722</c:v>
                </c:pt>
                <c:pt idx="332">
                  <c:v>38723</c:v>
                </c:pt>
                <c:pt idx="333">
                  <c:v>38726</c:v>
                </c:pt>
                <c:pt idx="334">
                  <c:v>38727</c:v>
                </c:pt>
                <c:pt idx="335">
                  <c:v>38728</c:v>
                </c:pt>
                <c:pt idx="336">
                  <c:v>38729</c:v>
                </c:pt>
                <c:pt idx="337">
                  <c:v>38730</c:v>
                </c:pt>
                <c:pt idx="338">
                  <c:v>38733</c:v>
                </c:pt>
                <c:pt idx="339">
                  <c:v>38734</c:v>
                </c:pt>
                <c:pt idx="340">
                  <c:v>38735</c:v>
                </c:pt>
                <c:pt idx="341">
                  <c:v>38736</c:v>
                </c:pt>
                <c:pt idx="342">
                  <c:v>38737</c:v>
                </c:pt>
                <c:pt idx="343">
                  <c:v>38740</c:v>
                </c:pt>
                <c:pt idx="344">
                  <c:v>38741</c:v>
                </c:pt>
                <c:pt idx="345">
                  <c:v>38742</c:v>
                </c:pt>
                <c:pt idx="346">
                  <c:v>38743</c:v>
                </c:pt>
                <c:pt idx="347">
                  <c:v>38744</c:v>
                </c:pt>
                <c:pt idx="348">
                  <c:v>38747</c:v>
                </c:pt>
                <c:pt idx="349">
                  <c:v>38748</c:v>
                </c:pt>
                <c:pt idx="350">
                  <c:v>38749</c:v>
                </c:pt>
                <c:pt idx="351">
                  <c:v>38750</c:v>
                </c:pt>
                <c:pt idx="352">
                  <c:v>38751</c:v>
                </c:pt>
                <c:pt idx="353">
                  <c:v>38754</c:v>
                </c:pt>
                <c:pt idx="354">
                  <c:v>38755</c:v>
                </c:pt>
                <c:pt idx="355">
                  <c:v>38756</c:v>
                </c:pt>
                <c:pt idx="356">
                  <c:v>38757</c:v>
                </c:pt>
                <c:pt idx="357">
                  <c:v>38758</c:v>
                </c:pt>
                <c:pt idx="358">
                  <c:v>38761</c:v>
                </c:pt>
                <c:pt idx="359">
                  <c:v>38762</c:v>
                </c:pt>
                <c:pt idx="360">
                  <c:v>38763</c:v>
                </c:pt>
                <c:pt idx="361">
                  <c:v>38764</c:v>
                </c:pt>
                <c:pt idx="362">
                  <c:v>38765</c:v>
                </c:pt>
                <c:pt idx="363">
                  <c:v>38768</c:v>
                </c:pt>
                <c:pt idx="364">
                  <c:v>38769</c:v>
                </c:pt>
                <c:pt idx="365">
                  <c:v>38770</c:v>
                </c:pt>
                <c:pt idx="366">
                  <c:v>38771</c:v>
                </c:pt>
                <c:pt idx="367">
                  <c:v>38772</c:v>
                </c:pt>
                <c:pt idx="368">
                  <c:v>38777</c:v>
                </c:pt>
                <c:pt idx="369">
                  <c:v>38778</c:v>
                </c:pt>
                <c:pt idx="370">
                  <c:v>38779</c:v>
                </c:pt>
                <c:pt idx="371">
                  <c:v>38782</c:v>
                </c:pt>
                <c:pt idx="372">
                  <c:v>38783</c:v>
                </c:pt>
                <c:pt idx="373">
                  <c:v>38784</c:v>
                </c:pt>
                <c:pt idx="374">
                  <c:v>38785</c:v>
                </c:pt>
                <c:pt idx="375">
                  <c:v>38786</c:v>
                </c:pt>
                <c:pt idx="376">
                  <c:v>38789</c:v>
                </c:pt>
                <c:pt idx="377">
                  <c:v>38790</c:v>
                </c:pt>
                <c:pt idx="378">
                  <c:v>38791</c:v>
                </c:pt>
                <c:pt idx="379">
                  <c:v>38792</c:v>
                </c:pt>
                <c:pt idx="380">
                  <c:v>38793</c:v>
                </c:pt>
                <c:pt idx="381">
                  <c:v>38796</c:v>
                </c:pt>
                <c:pt idx="382">
                  <c:v>38797</c:v>
                </c:pt>
                <c:pt idx="383">
                  <c:v>38798</c:v>
                </c:pt>
                <c:pt idx="384">
                  <c:v>38799</c:v>
                </c:pt>
                <c:pt idx="385">
                  <c:v>38800</c:v>
                </c:pt>
                <c:pt idx="386">
                  <c:v>38803</c:v>
                </c:pt>
                <c:pt idx="387">
                  <c:v>38804</c:v>
                </c:pt>
                <c:pt idx="388">
                  <c:v>38805</c:v>
                </c:pt>
                <c:pt idx="389">
                  <c:v>38806</c:v>
                </c:pt>
                <c:pt idx="390">
                  <c:v>38807</c:v>
                </c:pt>
                <c:pt idx="391">
                  <c:v>38810</c:v>
                </c:pt>
                <c:pt idx="392">
                  <c:v>38811</c:v>
                </c:pt>
                <c:pt idx="393">
                  <c:v>38812</c:v>
                </c:pt>
                <c:pt idx="394">
                  <c:v>38813</c:v>
                </c:pt>
                <c:pt idx="395">
                  <c:v>38814</c:v>
                </c:pt>
                <c:pt idx="396">
                  <c:v>38817</c:v>
                </c:pt>
                <c:pt idx="397">
                  <c:v>38818</c:v>
                </c:pt>
                <c:pt idx="398">
                  <c:v>38819</c:v>
                </c:pt>
                <c:pt idx="399">
                  <c:v>38820</c:v>
                </c:pt>
                <c:pt idx="400">
                  <c:v>38824</c:v>
                </c:pt>
                <c:pt idx="401">
                  <c:v>38825</c:v>
                </c:pt>
                <c:pt idx="402">
                  <c:v>38826</c:v>
                </c:pt>
                <c:pt idx="403">
                  <c:v>38827</c:v>
                </c:pt>
                <c:pt idx="404">
                  <c:v>38831</c:v>
                </c:pt>
                <c:pt idx="405">
                  <c:v>38832</c:v>
                </c:pt>
                <c:pt idx="406">
                  <c:v>38833</c:v>
                </c:pt>
                <c:pt idx="407">
                  <c:v>38834</c:v>
                </c:pt>
                <c:pt idx="408">
                  <c:v>38835</c:v>
                </c:pt>
                <c:pt idx="409">
                  <c:v>38839</c:v>
                </c:pt>
                <c:pt idx="410">
                  <c:v>38840</c:v>
                </c:pt>
                <c:pt idx="411">
                  <c:v>38841</c:v>
                </c:pt>
                <c:pt idx="412">
                  <c:v>38842</c:v>
                </c:pt>
                <c:pt idx="413">
                  <c:v>38845</c:v>
                </c:pt>
                <c:pt idx="414">
                  <c:v>38846</c:v>
                </c:pt>
                <c:pt idx="415">
                  <c:v>38847</c:v>
                </c:pt>
                <c:pt idx="416">
                  <c:v>38848</c:v>
                </c:pt>
                <c:pt idx="417">
                  <c:v>38849</c:v>
                </c:pt>
                <c:pt idx="418">
                  <c:v>38852</c:v>
                </c:pt>
                <c:pt idx="419">
                  <c:v>38853</c:v>
                </c:pt>
                <c:pt idx="420">
                  <c:v>38854</c:v>
                </c:pt>
                <c:pt idx="421">
                  <c:v>38855</c:v>
                </c:pt>
                <c:pt idx="422">
                  <c:v>38856</c:v>
                </c:pt>
                <c:pt idx="423">
                  <c:v>38859</c:v>
                </c:pt>
                <c:pt idx="424">
                  <c:v>38860</c:v>
                </c:pt>
                <c:pt idx="425">
                  <c:v>38861</c:v>
                </c:pt>
                <c:pt idx="426">
                  <c:v>38862</c:v>
                </c:pt>
                <c:pt idx="427">
                  <c:v>38863</c:v>
                </c:pt>
                <c:pt idx="428">
                  <c:v>38866</c:v>
                </c:pt>
                <c:pt idx="429">
                  <c:v>38867</c:v>
                </c:pt>
                <c:pt idx="430">
                  <c:v>38868</c:v>
                </c:pt>
                <c:pt idx="431">
                  <c:v>38869</c:v>
                </c:pt>
                <c:pt idx="432">
                  <c:v>38870</c:v>
                </c:pt>
                <c:pt idx="433">
                  <c:v>38873</c:v>
                </c:pt>
                <c:pt idx="434">
                  <c:v>38874</c:v>
                </c:pt>
                <c:pt idx="435">
                  <c:v>38875</c:v>
                </c:pt>
                <c:pt idx="436">
                  <c:v>38876</c:v>
                </c:pt>
                <c:pt idx="437">
                  <c:v>38877</c:v>
                </c:pt>
                <c:pt idx="438">
                  <c:v>38880</c:v>
                </c:pt>
                <c:pt idx="439">
                  <c:v>38881</c:v>
                </c:pt>
                <c:pt idx="440">
                  <c:v>38882</c:v>
                </c:pt>
                <c:pt idx="441">
                  <c:v>38884</c:v>
                </c:pt>
                <c:pt idx="442">
                  <c:v>38887</c:v>
                </c:pt>
                <c:pt idx="443">
                  <c:v>38888</c:v>
                </c:pt>
                <c:pt idx="444">
                  <c:v>38889</c:v>
                </c:pt>
                <c:pt idx="445">
                  <c:v>38890</c:v>
                </c:pt>
                <c:pt idx="446">
                  <c:v>38891</c:v>
                </c:pt>
                <c:pt idx="447">
                  <c:v>38894</c:v>
                </c:pt>
                <c:pt idx="448">
                  <c:v>38895</c:v>
                </c:pt>
                <c:pt idx="449">
                  <c:v>38896</c:v>
                </c:pt>
                <c:pt idx="450">
                  <c:v>38897</c:v>
                </c:pt>
                <c:pt idx="451">
                  <c:v>38898</c:v>
                </c:pt>
                <c:pt idx="452">
                  <c:v>38901</c:v>
                </c:pt>
                <c:pt idx="453">
                  <c:v>38902</c:v>
                </c:pt>
                <c:pt idx="454">
                  <c:v>38903</c:v>
                </c:pt>
                <c:pt idx="455">
                  <c:v>38904</c:v>
                </c:pt>
                <c:pt idx="456">
                  <c:v>38905</c:v>
                </c:pt>
                <c:pt idx="457">
                  <c:v>38908</c:v>
                </c:pt>
                <c:pt idx="458">
                  <c:v>38909</c:v>
                </c:pt>
                <c:pt idx="459">
                  <c:v>38910</c:v>
                </c:pt>
                <c:pt idx="460">
                  <c:v>38911</c:v>
                </c:pt>
                <c:pt idx="461">
                  <c:v>38912</c:v>
                </c:pt>
                <c:pt idx="462">
                  <c:v>38915</c:v>
                </c:pt>
                <c:pt idx="463">
                  <c:v>38916</c:v>
                </c:pt>
                <c:pt idx="464">
                  <c:v>38917</c:v>
                </c:pt>
                <c:pt idx="465">
                  <c:v>38918</c:v>
                </c:pt>
                <c:pt idx="466">
                  <c:v>38919</c:v>
                </c:pt>
                <c:pt idx="467">
                  <c:v>38922</c:v>
                </c:pt>
                <c:pt idx="468">
                  <c:v>38923</c:v>
                </c:pt>
                <c:pt idx="469">
                  <c:v>38924</c:v>
                </c:pt>
                <c:pt idx="470">
                  <c:v>38925</c:v>
                </c:pt>
                <c:pt idx="471">
                  <c:v>38926</c:v>
                </c:pt>
                <c:pt idx="472">
                  <c:v>38929</c:v>
                </c:pt>
                <c:pt idx="473">
                  <c:v>38930</c:v>
                </c:pt>
                <c:pt idx="474">
                  <c:v>38931</c:v>
                </c:pt>
                <c:pt idx="475">
                  <c:v>38932</c:v>
                </c:pt>
                <c:pt idx="476">
                  <c:v>38933</c:v>
                </c:pt>
                <c:pt idx="477">
                  <c:v>38936</c:v>
                </c:pt>
                <c:pt idx="478">
                  <c:v>38937</c:v>
                </c:pt>
                <c:pt idx="479">
                  <c:v>38938</c:v>
                </c:pt>
                <c:pt idx="480">
                  <c:v>38939</c:v>
                </c:pt>
                <c:pt idx="481">
                  <c:v>38940</c:v>
                </c:pt>
                <c:pt idx="482">
                  <c:v>38943</c:v>
                </c:pt>
                <c:pt idx="483">
                  <c:v>38944</c:v>
                </c:pt>
                <c:pt idx="484">
                  <c:v>38945</c:v>
                </c:pt>
                <c:pt idx="485">
                  <c:v>38946</c:v>
                </c:pt>
                <c:pt idx="486">
                  <c:v>38947</c:v>
                </c:pt>
                <c:pt idx="487">
                  <c:v>38950</c:v>
                </c:pt>
                <c:pt idx="488">
                  <c:v>38951</c:v>
                </c:pt>
                <c:pt idx="489">
                  <c:v>38952</c:v>
                </c:pt>
                <c:pt idx="490">
                  <c:v>38953</c:v>
                </c:pt>
                <c:pt idx="491">
                  <c:v>38954</c:v>
                </c:pt>
                <c:pt idx="492">
                  <c:v>38957</c:v>
                </c:pt>
                <c:pt idx="493">
                  <c:v>38958</c:v>
                </c:pt>
                <c:pt idx="494">
                  <c:v>38959</c:v>
                </c:pt>
                <c:pt idx="495">
                  <c:v>38960</c:v>
                </c:pt>
                <c:pt idx="496">
                  <c:v>38961</c:v>
                </c:pt>
                <c:pt idx="497">
                  <c:v>38964</c:v>
                </c:pt>
                <c:pt idx="498">
                  <c:v>38965</c:v>
                </c:pt>
                <c:pt idx="499">
                  <c:v>38966</c:v>
                </c:pt>
                <c:pt idx="500">
                  <c:v>38968</c:v>
                </c:pt>
                <c:pt idx="501">
                  <c:v>38971</c:v>
                </c:pt>
                <c:pt idx="502">
                  <c:v>38972</c:v>
                </c:pt>
                <c:pt idx="503">
                  <c:v>38973</c:v>
                </c:pt>
                <c:pt idx="504">
                  <c:v>38974</c:v>
                </c:pt>
                <c:pt idx="505">
                  <c:v>38975</c:v>
                </c:pt>
                <c:pt idx="506">
                  <c:v>38978</c:v>
                </c:pt>
                <c:pt idx="507">
                  <c:v>38979</c:v>
                </c:pt>
                <c:pt idx="508">
                  <c:v>38980</c:v>
                </c:pt>
                <c:pt idx="509">
                  <c:v>38981</c:v>
                </c:pt>
                <c:pt idx="510">
                  <c:v>38982</c:v>
                </c:pt>
                <c:pt idx="511">
                  <c:v>38985</c:v>
                </c:pt>
                <c:pt idx="512">
                  <c:v>38986</c:v>
                </c:pt>
                <c:pt idx="513">
                  <c:v>38987</c:v>
                </c:pt>
                <c:pt idx="514">
                  <c:v>38988</c:v>
                </c:pt>
                <c:pt idx="515">
                  <c:v>38989</c:v>
                </c:pt>
                <c:pt idx="516">
                  <c:v>38992</c:v>
                </c:pt>
                <c:pt idx="517">
                  <c:v>38993</c:v>
                </c:pt>
                <c:pt idx="518">
                  <c:v>38994</c:v>
                </c:pt>
                <c:pt idx="519">
                  <c:v>38995</c:v>
                </c:pt>
                <c:pt idx="520">
                  <c:v>38996</c:v>
                </c:pt>
                <c:pt idx="521">
                  <c:v>38999</c:v>
                </c:pt>
                <c:pt idx="522">
                  <c:v>39000</c:v>
                </c:pt>
                <c:pt idx="523">
                  <c:v>39001</c:v>
                </c:pt>
                <c:pt idx="524">
                  <c:v>39003</c:v>
                </c:pt>
                <c:pt idx="525">
                  <c:v>39006</c:v>
                </c:pt>
                <c:pt idx="526">
                  <c:v>39007</c:v>
                </c:pt>
                <c:pt idx="527">
                  <c:v>39008</c:v>
                </c:pt>
                <c:pt idx="528">
                  <c:v>39009</c:v>
                </c:pt>
                <c:pt idx="529">
                  <c:v>39010</c:v>
                </c:pt>
                <c:pt idx="530">
                  <c:v>39013</c:v>
                </c:pt>
                <c:pt idx="531">
                  <c:v>39014</c:v>
                </c:pt>
                <c:pt idx="532">
                  <c:v>39015</c:v>
                </c:pt>
                <c:pt idx="533">
                  <c:v>39016</c:v>
                </c:pt>
                <c:pt idx="534">
                  <c:v>39017</c:v>
                </c:pt>
                <c:pt idx="535">
                  <c:v>39020</c:v>
                </c:pt>
                <c:pt idx="536">
                  <c:v>39021</c:v>
                </c:pt>
                <c:pt idx="537">
                  <c:v>39022</c:v>
                </c:pt>
                <c:pt idx="538">
                  <c:v>39024</c:v>
                </c:pt>
                <c:pt idx="539">
                  <c:v>39027</c:v>
                </c:pt>
                <c:pt idx="540">
                  <c:v>39028</c:v>
                </c:pt>
                <c:pt idx="541">
                  <c:v>39029</c:v>
                </c:pt>
                <c:pt idx="542">
                  <c:v>39030</c:v>
                </c:pt>
                <c:pt idx="543">
                  <c:v>39031</c:v>
                </c:pt>
                <c:pt idx="544">
                  <c:v>39034</c:v>
                </c:pt>
                <c:pt idx="545">
                  <c:v>39035</c:v>
                </c:pt>
                <c:pt idx="546">
                  <c:v>39037</c:v>
                </c:pt>
                <c:pt idx="547">
                  <c:v>39038</c:v>
                </c:pt>
                <c:pt idx="548">
                  <c:v>39041</c:v>
                </c:pt>
                <c:pt idx="549">
                  <c:v>39042</c:v>
                </c:pt>
                <c:pt idx="550">
                  <c:v>39043</c:v>
                </c:pt>
                <c:pt idx="551">
                  <c:v>39044</c:v>
                </c:pt>
                <c:pt idx="552">
                  <c:v>39045</c:v>
                </c:pt>
                <c:pt idx="553">
                  <c:v>39048</c:v>
                </c:pt>
                <c:pt idx="554">
                  <c:v>39049</c:v>
                </c:pt>
                <c:pt idx="555">
                  <c:v>39050</c:v>
                </c:pt>
                <c:pt idx="556">
                  <c:v>39051</c:v>
                </c:pt>
                <c:pt idx="557">
                  <c:v>39052</c:v>
                </c:pt>
                <c:pt idx="558">
                  <c:v>39055</c:v>
                </c:pt>
                <c:pt idx="559">
                  <c:v>39056</c:v>
                </c:pt>
                <c:pt idx="560">
                  <c:v>39057</c:v>
                </c:pt>
                <c:pt idx="561">
                  <c:v>39058</c:v>
                </c:pt>
                <c:pt idx="562">
                  <c:v>39059</c:v>
                </c:pt>
                <c:pt idx="563">
                  <c:v>39062</c:v>
                </c:pt>
                <c:pt idx="564">
                  <c:v>39063</c:v>
                </c:pt>
                <c:pt idx="565">
                  <c:v>39064</c:v>
                </c:pt>
                <c:pt idx="566">
                  <c:v>39065</c:v>
                </c:pt>
                <c:pt idx="567">
                  <c:v>39066</c:v>
                </c:pt>
                <c:pt idx="568">
                  <c:v>39069</c:v>
                </c:pt>
                <c:pt idx="569">
                  <c:v>39070</c:v>
                </c:pt>
                <c:pt idx="570">
                  <c:v>39071</c:v>
                </c:pt>
                <c:pt idx="571">
                  <c:v>39072</c:v>
                </c:pt>
                <c:pt idx="572">
                  <c:v>39073</c:v>
                </c:pt>
                <c:pt idx="573">
                  <c:v>39077</c:v>
                </c:pt>
                <c:pt idx="574">
                  <c:v>39078</c:v>
                </c:pt>
                <c:pt idx="575">
                  <c:v>39079</c:v>
                </c:pt>
                <c:pt idx="576">
                  <c:v>39080</c:v>
                </c:pt>
                <c:pt idx="577">
                  <c:v>39084</c:v>
                </c:pt>
                <c:pt idx="578">
                  <c:v>39085</c:v>
                </c:pt>
                <c:pt idx="579">
                  <c:v>39086</c:v>
                </c:pt>
                <c:pt idx="580">
                  <c:v>39087</c:v>
                </c:pt>
                <c:pt idx="581">
                  <c:v>39090</c:v>
                </c:pt>
                <c:pt idx="582">
                  <c:v>39091</c:v>
                </c:pt>
                <c:pt idx="583">
                  <c:v>39092</c:v>
                </c:pt>
                <c:pt idx="584">
                  <c:v>39093</c:v>
                </c:pt>
                <c:pt idx="585">
                  <c:v>39094</c:v>
                </c:pt>
                <c:pt idx="586">
                  <c:v>39097</c:v>
                </c:pt>
                <c:pt idx="587">
                  <c:v>39098</c:v>
                </c:pt>
                <c:pt idx="588">
                  <c:v>39099</c:v>
                </c:pt>
                <c:pt idx="589">
                  <c:v>39100</c:v>
                </c:pt>
                <c:pt idx="590">
                  <c:v>39101</c:v>
                </c:pt>
                <c:pt idx="591">
                  <c:v>39104</c:v>
                </c:pt>
                <c:pt idx="592">
                  <c:v>39105</c:v>
                </c:pt>
                <c:pt idx="593">
                  <c:v>39106</c:v>
                </c:pt>
                <c:pt idx="594">
                  <c:v>39107</c:v>
                </c:pt>
                <c:pt idx="595">
                  <c:v>39108</c:v>
                </c:pt>
                <c:pt idx="596">
                  <c:v>39111</c:v>
                </c:pt>
                <c:pt idx="597">
                  <c:v>39112</c:v>
                </c:pt>
                <c:pt idx="598">
                  <c:v>39113</c:v>
                </c:pt>
                <c:pt idx="599">
                  <c:v>39114</c:v>
                </c:pt>
                <c:pt idx="600">
                  <c:v>39115</c:v>
                </c:pt>
                <c:pt idx="601">
                  <c:v>39118</c:v>
                </c:pt>
                <c:pt idx="602">
                  <c:v>39119</c:v>
                </c:pt>
                <c:pt idx="603">
                  <c:v>39120</c:v>
                </c:pt>
                <c:pt idx="604">
                  <c:v>39121</c:v>
                </c:pt>
                <c:pt idx="605">
                  <c:v>39122</c:v>
                </c:pt>
                <c:pt idx="606">
                  <c:v>39125</c:v>
                </c:pt>
                <c:pt idx="607">
                  <c:v>39126</c:v>
                </c:pt>
                <c:pt idx="608">
                  <c:v>39127</c:v>
                </c:pt>
                <c:pt idx="609">
                  <c:v>39128</c:v>
                </c:pt>
                <c:pt idx="610">
                  <c:v>39129</c:v>
                </c:pt>
                <c:pt idx="611">
                  <c:v>39134</c:v>
                </c:pt>
                <c:pt idx="612">
                  <c:v>39135</c:v>
                </c:pt>
                <c:pt idx="613">
                  <c:v>39136</c:v>
                </c:pt>
                <c:pt idx="614">
                  <c:v>39139</c:v>
                </c:pt>
                <c:pt idx="615">
                  <c:v>39140</c:v>
                </c:pt>
                <c:pt idx="616">
                  <c:v>39141</c:v>
                </c:pt>
                <c:pt idx="617">
                  <c:v>39142</c:v>
                </c:pt>
                <c:pt idx="618">
                  <c:v>39143</c:v>
                </c:pt>
                <c:pt idx="619">
                  <c:v>39146</c:v>
                </c:pt>
                <c:pt idx="620">
                  <c:v>39147</c:v>
                </c:pt>
                <c:pt idx="621">
                  <c:v>39148</c:v>
                </c:pt>
                <c:pt idx="622">
                  <c:v>39149</c:v>
                </c:pt>
                <c:pt idx="623">
                  <c:v>39150</c:v>
                </c:pt>
                <c:pt idx="624">
                  <c:v>39153</c:v>
                </c:pt>
                <c:pt idx="625">
                  <c:v>39154</c:v>
                </c:pt>
                <c:pt idx="626">
                  <c:v>39155</c:v>
                </c:pt>
                <c:pt idx="627">
                  <c:v>39156</c:v>
                </c:pt>
                <c:pt idx="628">
                  <c:v>39157</c:v>
                </c:pt>
                <c:pt idx="629">
                  <c:v>39160</c:v>
                </c:pt>
                <c:pt idx="630">
                  <c:v>39161</c:v>
                </c:pt>
                <c:pt idx="631">
                  <c:v>39162</c:v>
                </c:pt>
                <c:pt idx="632">
                  <c:v>39163</c:v>
                </c:pt>
                <c:pt idx="633">
                  <c:v>39164</c:v>
                </c:pt>
                <c:pt idx="634">
                  <c:v>39167</c:v>
                </c:pt>
                <c:pt idx="635">
                  <c:v>39168</c:v>
                </c:pt>
                <c:pt idx="636">
                  <c:v>39169</c:v>
                </c:pt>
                <c:pt idx="637">
                  <c:v>39170</c:v>
                </c:pt>
                <c:pt idx="638">
                  <c:v>39171</c:v>
                </c:pt>
                <c:pt idx="639">
                  <c:v>39174</c:v>
                </c:pt>
                <c:pt idx="640">
                  <c:v>39175</c:v>
                </c:pt>
                <c:pt idx="641">
                  <c:v>39176</c:v>
                </c:pt>
                <c:pt idx="642">
                  <c:v>39177</c:v>
                </c:pt>
                <c:pt idx="643">
                  <c:v>39181</c:v>
                </c:pt>
                <c:pt idx="644">
                  <c:v>39182</c:v>
                </c:pt>
                <c:pt idx="645">
                  <c:v>39183</c:v>
                </c:pt>
                <c:pt idx="646">
                  <c:v>39184</c:v>
                </c:pt>
                <c:pt idx="647">
                  <c:v>39185</c:v>
                </c:pt>
                <c:pt idx="648">
                  <c:v>39188</c:v>
                </c:pt>
                <c:pt idx="649">
                  <c:v>39189</c:v>
                </c:pt>
                <c:pt idx="650">
                  <c:v>39190</c:v>
                </c:pt>
                <c:pt idx="651">
                  <c:v>39191</c:v>
                </c:pt>
                <c:pt idx="652">
                  <c:v>39192</c:v>
                </c:pt>
                <c:pt idx="653">
                  <c:v>39195</c:v>
                </c:pt>
                <c:pt idx="654">
                  <c:v>39196</c:v>
                </c:pt>
                <c:pt idx="655">
                  <c:v>39197</c:v>
                </c:pt>
                <c:pt idx="656">
                  <c:v>39198</c:v>
                </c:pt>
                <c:pt idx="657">
                  <c:v>39199</c:v>
                </c:pt>
                <c:pt idx="658">
                  <c:v>39202</c:v>
                </c:pt>
                <c:pt idx="659">
                  <c:v>39204</c:v>
                </c:pt>
                <c:pt idx="660">
                  <c:v>39205</c:v>
                </c:pt>
                <c:pt idx="661">
                  <c:v>39206</c:v>
                </c:pt>
                <c:pt idx="662">
                  <c:v>39209</c:v>
                </c:pt>
                <c:pt idx="663">
                  <c:v>39210</c:v>
                </c:pt>
                <c:pt idx="664">
                  <c:v>39211</c:v>
                </c:pt>
                <c:pt idx="665">
                  <c:v>39212</c:v>
                </c:pt>
                <c:pt idx="666">
                  <c:v>39213</c:v>
                </c:pt>
                <c:pt idx="667">
                  <c:v>39216</c:v>
                </c:pt>
                <c:pt idx="668">
                  <c:v>39217</c:v>
                </c:pt>
                <c:pt idx="669">
                  <c:v>39218</c:v>
                </c:pt>
                <c:pt idx="670">
                  <c:v>39219</c:v>
                </c:pt>
                <c:pt idx="671">
                  <c:v>39220</c:v>
                </c:pt>
                <c:pt idx="672">
                  <c:v>39223</c:v>
                </c:pt>
                <c:pt idx="673">
                  <c:v>39224</c:v>
                </c:pt>
                <c:pt idx="674">
                  <c:v>39225</c:v>
                </c:pt>
                <c:pt idx="675">
                  <c:v>39226</c:v>
                </c:pt>
                <c:pt idx="676">
                  <c:v>39227</c:v>
                </c:pt>
                <c:pt idx="677">
                  <c:v>39230</c:v>
                </c:pt>
                <c:pt idx="678">
                  <c:v>39231</c:v>
                </c:pt>
                <c:pt idx="679">
                  <c:v>39232</c:v>
                </c:pt>
                <c:pt idx="680">
                  <c:v>39233</c:v>
                </c:pt>
                <c:pt idx="681">
                  <c:v>39234</c:v>
                </c:pt>
                <c:pt idx="682">
                  <c:v>39237</c:v>
                </c:pt>
                <c:pt idx="683">
                  <c:v>39238</c:v>
                </c:pt>
                <c:pt idx="684">
                  <c:v>39239</c:v>
                </c:pt>
                <c:pt idx="685">
                  <c:v>39241</c:v>
                </c:pt>
                <c:pt idx="686">
                  <c:v>39244</c:v>
                </c:pt>
                <c:pt idx="687">
                  <c:v>39245</c:v>
                </c:pt>
                <c:pt idx="688">
                  <c:v>39246</c:v>
                </c:pt>
                <c:pt idx="689">
                  <c:v>39247</c:v>
                </c:pt>
                <c:pt idx="690">
                  <c:v>39248</c:v>
                </c:pt>
                <c:pt idx="691">
                  <c:v>39251</c:v>
                </c:pt>
                <c:pt idx="692">
                  <c:v>39252</c:v>
                </c:pt>
                <c:pt idx="693">
                  <c:v>39253</c:v>
                </c:pt>
                <c:pt idx="694">
                  <c:v>39254</c:v>
                </c:pt>
                <c:pt idx="695">
                  <c:v>39255</c:v>
                </c:pt>
                <c:pt idx="696">
                  <c:v>39258</c:v>
                </c:pt>
                <c:pt idx="697">
                  <c:v>39259</c:v>
                </c:pt>
                <c:pt idx="698">
                  <c:v>39260</c:v>
                </c:pt>
                <c:pt idx="699">
                  <c:v>39261</c:v>
                </c:pt>
                <c:pt idx="700">
                  <c:v>39262</c:v>
                </c:pt>
                <c:pt idx="701">
                  <c:v>39265</c:v>
                </c:pt>
                <c:pt idx="702">
                  <c:v>39266</c:v>
                </c:pt>
                <c:pt idx="703">
                  <c:v>39267</c:v>
                </c:pt>
                <c:pt idx="704">
                  <c:v>39268</c:v>
                </c:pt>
                <c:pt idx="705">
                  <c:v>39269</c:v>
                </c:pt>
                <c:pt idx="706">
                  <c:v>39272</c:v>
                </c:pt>
                <c:pt idx="707">
                  <c:v>39273</c:v>
                </c:pt>
                <c:pt idx="708">
                  <c:v>39274</c:v>
                </c:pt>
                <c:pt idx="709">
                  <c:v>39275</c:v>
                </c:pt>
                <c:pt idx="710">
                  <c:v>39276</c:v>
                </c:pt>
                <c:pt idx="711">
                  <c:v>39279</c:v>
                </c:pt>
                <c:pt idx="712">
                  <c:v>39280</c:v>
                </c:pt>
                <c:pt idx="713">
                  <c:v>39281</c:v>
                </c:pt>
                <c:pt idx="714">
                  <c:v>39282</c:v>
                </c:pt>
                <c:pt idx="715">
                  <c:v>39283</c:v>
                </c:pt>
                <c:pt idx="716">
                  <c:v>39286</c:v>
                </c:pt>
                <c:pt idx="717">
                  <c:v>39287</c:v>
                </c:pt>
                <c:pt idx="718">
                  <c:v>39288</c:v>
                </c:pt>
                <c:pt idx="719">
                  <c:v>39289</c:v>
                </c:pt>
                <c:pt idx="720">
                  <c:v>39290</c:v>
                </c:pt>
                <c:pt idx="721">
                  <c:v>39293</c:v>
                </c:pt>
                <c:pt idx="722">
                  <c:v>39294</c:v>
                </c:pt>
                <c:pt idx="723">
                  <c:v>39295</c:v>
                </c:pt>
                <c:pt idx="724">
                  <c:v>39296</c:v>
                </c:pt>
                <c:pt idx="725">
                  <c:v>39297</c:v>
                </c:pt>
                <c:pt idx="726">
                  <c:v>39300</c:v>
                </c:pt>
                <c:pt idx="727">
                  <c:v>39301</c:v>
                </c:pt>
                <c:pt idx="728">
                  <c:v>39302</c:v>
                </c:pt>
                <c:pt idx="729">
                  <c:v>39303</c:v>
                </c:pt>
                <c:pt idx="730">
                  <c:v>39304</c:v>
                </c:pt>
                <c:pt idx="731">
                  <c:v>39307</c:v>
                </c:pt>
                <c:pt idx="732">
                  <c:v>39308</c:v>
                </c:pt>
                <c:pt idx="733">
                  <c:v>39309</c:v>
                </c:pt>
                <c:pt idx="734">
                  <c:v>39310</c:v>
                </c:pt>
                <c:pt idx="735">
                  <c:v>39311</c:v>
                </c:pt>
                <c:pt idx="736">
                  <c:v>39314</c:v>
                </c:pt>
                <c:pt idx="737">
                  <c:v>39315</c:v>
                </c:pt>
                <c:pt idx="738">
                  <c:v>39316</c:v>
                </c:pt>
                <c:pt idx="739">
                  <c:v>39317</c:v>
                </c:pt>
                <c:pt idx="740">
                  <c:v>39318</c:v>
                </c:pt>
                <c:pt idx="741">
                  <c:v>39321</c:v>
                </c:pt>
                <c:pt idx="742">
                  <c:v>39322</c:v>
                </c:pt>
                <c:pt idx="743">
                  <c:v>39323</c:v>
                </c:pt>
                <c:pt idx="744">
                  <c:v>39324</c:v>
                </c:pt>
                <c:pt idx="745">
                  <c:v>39325</c:v>
                </c:pt>
                <c:pt idx="746">
                  <c:v>39328</c:v>
                </c:pt>
                <c:pt idx="747">
                  <c:v>39329</c:v>
                </c:pt>
                <c:pt idx="748">
                  <c:v>39330</c:v>
                </c:pt>
                <c:pt idx="749">
                  <c:v>39331</c:v>
                </c:pt>
                <c:pt idx="750">
                  <c:v>39335</c:v>
                </c:pt>
                <c:pt idx="751">
                  <c:v>39336</c:v>
                </c:pt>
                <c:pt idx="752">
                  <c:v>39337</c:v>
                </c:pt>
                <c:pt idx="753">
                  <c:v>39338</c:v>
                </c:pt>
                <c:pt idx="754">
                  <c:v>39339</c:v>
                </c:pt>
                <c:pt idx="755">
                  <c:v>39342</c:v>
                </c:pt>
                <c:pt idx="756">
                  <c:v>39343</c:v>
                </c:pt>
                <c:pt idx="757">
                  <c:v>39344</c:v>
                </c:pt>
                <c:pt idx="758">
                  <c:v>39345</c:v>
                </c:pt>
                <c:pt idx="759">
                  <c:v>39346</c:v>
                </c:pt>
                <c:pt idx="760">
                  <c:v>39349</c:v>
                </c:pt>
                <c:pt idx="761">
                  <c:v>39350</c:v>
                </c:pt>
                <c:pt idx="762">
                  <c:v>39351</c:v>
                </c:pt>
                <c:pt idx="763">
                  <c:v>39352</c:v>
                </c:pt>
                <c:pt idx="764">
                  <c:v>39353</c:v>
                </c:pt>
                <c:pt idx="765">
                  <c:v>39356</c:v>
                </c:pt>
                <c:pt idx="766">
                  <c:v>39357</c:v>
                </c:pt>
                <c:pt idx="767">
                  <c:v>39358</c:v>
                </c:pt>
                <c:pt idx="768">
                  <c:v>39359</c:v>
                </c:pt>
                <c:pt idx="769">
                  <c:v>39360</c:v>
                </c:pt>
                <c:pt idx="770">
                  <c:v>39363</c:v>
                </c:pt>
                <c:pt idx="771">
                  <c:v>39364</c:v>
                </c:pt>
                <c:pt idx="772">
                  <c:v>39365</c:v>
                </c:pt>
                <c:pt idx="773">
                  <c:v>39366</c:v>
                </c:pt>
                <c:pt idx="774">
                  <c:v>39370</c:v>
                </c:pt>
                <c:pt idx="775">
                  <c:v>39371</c:v>
                </c:pt>
                <c:pt idx="776">
                  <c:v>39372</c:v>
                </c:pt>
                <c:pt idx="777">
                  <c:v>39373</c:v>
                </c:pt>
                <c:pt idx="778">
                  <c:v>39374</c:v>
                </c:pt>
                <c:pt idx="779">
                  <c:v>39377</c:v>
                </c:pt>
                <c:pt idx="780">
                  <c:v>39378</c:v>
                </c:pt>
                <c:pt idx="781">
                  <c:v>39379</c:v>
                </c:pt>
                <c:pt idx="782">
                  <c:v>39380</c:v>
                </c:pt>
                <c:pt idx="783">
                  <c:v>39381</c:v>
                </c:pt>
                <c:pt idx="784">
                  <c:v>39384</c:v>
                </c:pt>
                <c:pt idx="785">
                  <c:v>39385</c:v>
                </c:pt>
                <c:pt idx="786">
                  <c:v>39386</c:v>
                </c:pt>
                <c:pt idx="787">
                  <c:v>39387</c:v>
                </c:pt>
                <c:pt idx="788">
                  <c:v>39391</c:v>
                </c:pt>
                <c:pt idx="789">
                  <c:v>39392</c:v>
                </c:pt>
                <c:pt idx="790">
                  <c:v>39393</c:v>
                </c:pt>
                <c:pt idx="791">
                  <c:v>39394</c:v>
                </c:pt>
                <c:pt idx="792">
                  <c:v>39395</c:v>
                </c:pt>
                <c:pt idx="793">
                  <c:v>39398</c:v>
                </c:pt>
                <c:pt idx="794">
                  <c:v>39399</c:v>
                </c:pt>
                <c:pt idx="795">
                  <c:v>39400</c:v>
                </c:pt>
                <c:pt idx="796">
                  <c:v>39402</c:v>
                </c:pt>
                <c:pt idx="797">
                  <c:v>39405</c:v>
                </c:pt>
                <c:pt idx="798">
                  <c:v>39406</c:v>
                </c:pt>
                <c:pt idx="799">
                  <c:v>39407</c:v>
                </c:pt>
                <c:pt idx="800">
                  <c:v>39408</c:v>
                </c:pt>
                <c:pt idx="801">
                  <c:v>39409</c:v>
                </c:pt>
                <c:pt idx="802">
                  <c:v>39412</c:v>
                </c:pt>
                <c:pt idx="803">
                  <c:v>39413</c:v>
                </c:pt>
                <c:pt idx="804">
                  <c:v>39414</c:v>
                </c:pt>
                <c:pt idx="805">
                  <c:v>39415</c:v>
                </c:pt>
                <c:pt idx="806">
                  <c:v>39416</c:v>
                </c:pt>
                <c:pt idx="807">
                  <c:v>39419</c:v>
                </c:pt>
                <c:pt idx="808">
                  <c:v>39420</c:v>
                </c:pt>
                <c:pt idx="809">
                  <c:v>39421</c:v>
                </c:pt>
                <c:pt idx="810">
                  <c:v>39422</c:v>
                </c:pt>
                <c:pt idx="811">
                  <c:v>39423</c:v>
                </c:pt>
                <c:pt idx="812">
                  <c:v>39426</c:v>
                </c:pt>
                <c:pt idx="813">
                  <c:v>39427</c:v>
                </c:pt>
                <c:pt idx="814">
                  <c:v>39428</c:v>
                </c:pt>
                <c:pt idx="815">
                  <c:v>39429</c:v>
                </c:pt>
                <c:pt idx="816">
                  <c:v>39430</c:v>
                </c:pt>
                <c:pt idx="817">
                  <c:v>39433</c:v>
                </c:pt>
                <c:pt idx="818">
                  <c:v>39434</c:v>
                </c:pt>
                <c:pt idx="819">
                  <c:v>39435</c:v>
                </c:pt>
                <c:pt idx="820">
                  <c:v>39436</c:v>
                </c:pt>
                <c:pt idx="821">
                  <c:v>39437</c:v>
                </c:pt>
                <c:pt idx="822">
                  <c:v>39440</c:v>
                </c:pt>
                <c:pt idx="823">
                  <c:v>39442</c:v>
                </c:pt>
                <c:pt idx="824">
                  <c:v>39443</c:v>
                </c:pt>
                <c:pt idx="825">
                  <c:v>39444</c:v>
                </c:pt>
                <c:pt idx="826">
                  <c:v>39447</c:v>
                </c:pt>
                <c:pt idx="827">
                  <c:v>39449</c:v>
                </c:pt>
                <c:pt idx="828">
                  <c:v>39450</c:v>
                </c:pt>
                <c:pt idx="829">
                  <c:v>39451</c:v>
                </c:pt>
                <c:pt idx="830">
                  <c:v>39454</c:v>
                </c:pt>
                <c:pt idx="831">
                  <c:v>39455</c:v>
                </c:pt>
                <c:pt idx="832">
                  <c:v>39456</c:v>
                </c:pt>
                <c:pt idx="833">
                  <c:v>39457</c:v>
                </c:pt>
                <c:pt idx="834">
                  <c:v>39458</c:v>
                </c:pt>
                <c:pt idx="835">
                  <c:v>39461</c:v>
                </c:pt>
                <c:pt idx="836">
                  <c:v>39462</c:v>
                </c:pt>
                <c:pt idx="837">
                  <c:v>39463</c:v>
                </c:pt>
                <c:pt idx="838">
                  <c:v>39464</c:v>
                </c:pt>
                <c:pt idx="839">
                  <c:v>39465</c:v>
                </c:pt>
                <c:pt idx="840">
                  <c:v>39468</c:v>
                </c:pt>
                <c:pt idx="841">
                  <c:v>39469</c:v>
                </c:pt>
                <c:pt idx="842">
                  <c:v>39470</c:v>
                </c:pt>
                <c:pt idx="843">
                  <c:v>39471</c:v>
                </c:pt>
                <c:pt idx="844">
                  <c:v>39472</c:v>
                </c:pt>
                <c:pt idx="845">
                  <c:v>39475</c:v>
                </c:pt>
                <c:pt idx="846">
                  <c:v>39476</c:v>
                </c:pt>
                <c:pt idx="847">
                  <c:v>39477</c:v>
                </c:pt>
                <c:pt idx="848">
                  <c:v>39478</c:v>
                </c:pt>
                <c:pt idx="849">
                  <c:v>39479</c:v>
                </c:pt>
                <c:pt idx="850">
                  <c:v>39484</c:v>
                </c:pt>
                <c:pt idx="851">
                  <c:v>39485</c:v>
                </c:pt>
                <c:pt idx="852">
                  <c:v>39486</c:v>
                </c:pt>
                <c:pt idx="853">
                  <c:v>39489</c:v>
                </c:pt>
                <c:pt idx="854">
                  <c:v>39490</c:v>
                </c:pt>
                <c:pt idx="855">
                  <c:v>39491</c:v>
                </c:pt>
                <c:pt idx="856">
                  <c:v>39492</c:v>
                </c:pt>
                <c:pt idx="857">
                  <c:v>39493</c:v>
                </c:pt>
                <c:pt idx="858">
                  <c:v>39496</c:v>
                </c:pt>
                <c:pt idx="859">
                  <c:v>39497</c:v>
                </c:pt>
                <c:pt idx="860">
                  <c:v>39498</c:v>
                </c:pt>
                <c:pt idx="861">
                  <c:v>39499</c:v>
                </c:pt>
                <c:pt idx="862">
                  <c:v>39500</c:v>
                </c:pt>
                <c:pt idx="863">
                  <c:v>39503</c:v>
                </c:pt>
                <c:pt idx="864">
                  <c:v>39504</c:v>
                </c:pt>
                <c:pt idx="865">
                  <c:v>39505</c:v>
                </c:pt>
                <c:pt idx="866">
                  <c:v>39506</c:v>
                </c:pt>
                <c:pt idx="867">
                  <c:v>39507</c:v>
                </c:pt>
                <c:pt idx="868">
                  <c:v>39510</c:v>
                </c:pt>
                <c:pt idx="869">
                  <c:v>39511</c:v>
                </c:pt>
                <c:pt idx="870">
                  <c:v>39512</c:v>
                </c:pt>
                <c:pt idx="871">
                  <c:v>39513</c:v>
                </c:pt>
                <c:pt idx="872">
                  <c:v>39514</c:v>
                </c:pt>
                <c:pt idx="873">
                  <c:v>39517</c:v>
                </c:pt>
                <c:pt idx="874">
                  <c:v>39518</c:v>
                </c:pt>
                <c:pt idx="875">
                  <c:v>39519</c:v>
                </c:pt>
                <c:pt idx="876">
                  <c:v>39520</c:v>
                </c:pt>
                <c:pt idx="877">
                  <c:v>39521</c:v>
                </c:pt>
                <c:pt idx="878">
                  <c:v>39524</c:v>
                </c:pt>
                <c:pt idx="879">
                  <c:v>39525</c:v>
                </c:pt>
                <c:pt idx="880">
                  <c:v>39526</c:v>
                </c:pt>
                <c:pt idx="881">
                  <c:v>39527</c:v>
                </c:pt>
                <c:pt idx="882">
                  <c:v>39531</c:v>
                </c:pt>
                <c:pt idx="883">
                  <c:v>39532</c:v>
                </c:pt>
                <c:pt idx="884">
                  <c:v>39533</c:v>
                </c:pt>
                <c:pt idx="885">
                  <c:v>39534</c:v>
                </c:pt>
                <c:pt idx="886">
                  <c:v>39535</c:v>
                </c:pt>
                <c:pt idx="887">
                  <c:v>39538</c:v>
                </c:pt>
                <c:pt idx="888">
                  <c:v>39539</c:v>
                </c:pt>
                <c:pt idx="889">
                  <c:v>39540</c:v>
                </c:pt>
                <c:pt idx="890">
                  <c:v>39541</c:v>
                </c:pt>
                <c:pt idx="891">
                  <c:v>39542</c:v>
                </c:pt>
                <c:pt idx="892">
                  <c:v>39545</c:v>
                </c:pt>
                <c:pt idx="893">
                  <c:v>39546</c:v>
                </c:pt>
                <c:pt idx="894">
                  <c:v>39547</c:v>
                </c:pt>
                <c:pt idx="895">
                  <c:v>39548</c:v>
                </c:pt>
                <c:pt idx="896">
                  <c:v>39549</c:v>
                </c:pt>
                <c:pt idx="897">
                  <c:v>39552</c:v>
                </c:pt>
                <c:pt idx="898">
                  <c:v>39553</c:v>
                </c:pt>
                <c:pt idx="899">
                  <c:v>39554</c:v>
                </c:pt>
                <c:pt idx="900">
                  <c:v>39555</c:v>
                </c:pt>
                <c:pt idx="901">
                  <c:v>39556</c:v>
                </c:pt>
                <c:pt idx="902">
                  <c:v>39560</c:v>
                </c:pt>
                <c:pt idx="903">
                  <c:v>39561</c:v>
                </c:pt>
                <c:pt idx="904">
                  <c:v>39562</c:v>
                </c:pt>
                <c:pt idx="905">
                  <c:v>39563</c:v>
                </c:pt>
                <c:pt idx="906">
                  <c:v>39566</c:v>
                </c:pt>
                <c:pt idx="907">
                  <c:v>39567</c:v>
                </c:pt>
                <c:pt idx="908">
                  <c:v>39568</c:v>
                </c:pt>
                <c:pt idx="909">
                  <c:v>39570</c:v>
                </c:pt>
                <c:pt idx="910">
                  <c:v>39573</c:v>
                </c:pt>
                <c:pt idx="911">
                  <c:v>39574</c:v>
                </c:pt>
                <c:pt idx="912">
                  <c:v>39575</c:v>
                </c:pt>
                <c:pt idx="913">
                  <c:v>39576</c:v>
                </c:pt>
                <c:pt idx="914">
                  <c:v>39577</c:v>
                </c:pt>
                <c:pt idx="915">
                  <c:v>39580</c:v>
                </c:pt>
                <c:pt idx="916">
                  <c:v>39581</c:v>
                </c:pt>
                <c:pt idx="917">
                  <c:v>39582</c:v>
                </c:pt>
                <c:pt idx="918">
                  <c:v>39583</c:v>
                </c:pt>
                <c:pt idx="919">
                  <c:v>39584</c:v>
                </c:pt>
                <c:pt idx="920">
                  <c:v>39587</c:v>
                </c:pt>
                <c:pt idx="921">
                  <c:v>39588</c:v>
                </c:pt>
                <c:pt idx="922">
                  <c:v>39589</c:v>
                </c:pt>
                <c:pt idx="923">
                  <c:v>39591</c:v>
                </c:pt>
                <c:pt idx="924">
                  <c:v>39594</c:v>
                </c:pt>
                <c:pt idx="925">
                  <c:v>39595</c:v>
                </c:pt>
                <c:pt idx="926">
                  <c:v>39596</c:v>
                </c:pt>
                <c:pt idx="927">
                  <c:v>39597</c:v>
                </c:pt>
                <c:pt idx="928">
                  <c:v>39598</c:v>
                </c:pt>
                <c:pt idx="929">
                  <c:v>39601</c:v>
                </c:pt>
                <c:pt idx="930">
                  <c:v>39602</c:v>
                </c:pt>
                <c:pt idx="931">
                  <c:v>39603</c:v>
                </c:pt>
                <c:pt idx="932">
                  <c:v>39604</c:v>
                </c:pt>
                <c:pt idx="933">
                  <c:v>39605</c:v>
                </c:pt>
                <c:pt idx="934">
                  <c:v>39608</c:v>
                </c:pt>
                <c:pt idx="935">
                  <c:v>39609</c:v>
                </c:pt>
                <c:pt idx="936">
                  <c:v>39610</c:v>
                </c:pt>
                <c:pt idx="937">
                  <c:v>39611</c:v>
                </c:pt>
                <c:pt idx="938">
                  <c:v>39612</c:v>
                </c:pt>
                <c:pt idx="939">
                  <c:v>39615</c:v>
                </c:pt>
                <c:pt idx="940">
                  <c:v>39616</c:v>
                </c:pt>
                <c:pt idx="941">
                  <c:v>39617</c:v>
                </c:pt>
                <c:pt idx="942">
                  <c:v>39618</c:v>
                </c:pt>
                <c:pt idx="943">
                  <c:v>39619</c:v>
                </c:pt>
                <c:pt idx="944">
                  <c:v>39622</c:v>
                </c:pt>
                <c:pt idx="945">
                  <c:v>39623</c:v>
                </c:pt>
                <c:pt idx="946">
                  <c:v>39624</c:v>
                </c:pt>
                <c:pt idx="947">
                  <c:v>39625</c:v>
                </c:pt>
                <c:pt idx="948">
                  <c:v>39626</c:v>
                </c:pt>
                <c:pt idx="949">
                  <c:v>39629</c:v>
                </c:pt>
                <c:pt idx="950">
                  <c:v>39630</c:v>
                </c:pt>
                <c:pt idx="951">
                  <c:v>39631</c:v>
                </c:pt>
                <c:pt idx="952">
                  <c:v>39632</c:v>
                </c:pt>
                <c:pt idx="953">
                  <c:v>39633</c:v>
                </c:pt>
                <c:pt idx="954">
                  <c:v>39636</c:v>
                </c:pt>
                <c:pt idx="955">
                  <c:v>39637</c:v>
                </c:pt>
                <c:pt idx="956">
                  <c:v>39638</c:v>
                </c:pt>
                <c:pt idx="957">
                  <c:v>39639</c:v>
                </c:pt>
                <c:pt idx="958">
                  <c:v>39640</c:v>
                </c:pt>
                <c:pt idx="959">
                  <c:v>39643</c:v>
                </c:pt>
                <c:pt idx="960">
                  <c:v>39644</c:v>
                </c:pt>
                <c:pt idx="961">
                  <c:v>39645</c:v>
                </c:pt>
                <c:pt idx="962">
                  <c:v>39646</c:v>
                </c:pt>
                <c:pt idx="963">
                  <c:v>39647</c:v>
                </c:pt>
                <c:pt idx="964">
                  <c:v>39650</c:v>
                </c:pt>
                <c:pt idx="965">
                  <c:v>39651</c:v>
                </c:pt>
                <c:pt idx="966">
                  <c:v>39652</c:v>
                </c:pt>
                <c:pt idx="967">
                  <c:v>39653</c:v>
                </c:pt>
                <c:pt idx="968">
                  <c:v>39654</c:v>
                </c:pt>
                <c:pt idx="969">
                  <c:v>39657</c:v>
                </c:pt>
                <c:pt idx="970">
                  <c:v>39658</c:v>
                </c:pt>
                <c:pt idx="971">
                  <c:v>39659</c:v>
                </c:pt>
                <c:pt idx="972">
                  <c:v>39660</c:v>
                </c:pt>
                <c:pt idx="973">
                  <c:v>39661</c:v>
                </c:pt>
                <c:pt idx="974">
                  <c:v>39664</c:v>
                </c:pt>
                <c:pt idx="975">
                  <c:v>39665</c:v>
                </c:pt>
                <c:pt idx="976">
                  <c:v>39666</c:v>
                </c:pt>
                <c:pt idx="977">
                  <c:v>39667</c:v>
                </c:pt>
                <c:pt idx="978">
                  <c:v>39668</c:v>
                </c:pt>
                <c:pt idx="979">
                  <c:v>39671</c:v>
                </c:pt>
                <c:pt idx="980">
                  <c:v>39672</c:v>
                </c:pt>
                <c:pt idx="981">
                  <c:v>39673</c:v>
                </c:pt>
                <c:pt idx="982">
                  <c:v>39674</c:v>
                </c:pt>
                <c:pt idx="983">
                  <c:v>39675</c:v>
                </c:pt>
                <c:pt idx="984">
                  <c:v>39678</c:v>
                </c:pt>
                <c:pt idx="985">
                  <c:v>39679</c:v>
                </c:pt>
                <c:pt idx="986">
                  <c:v>39680</c:v>
                </c:pt>
                <c:pt idx="987">
                  <c:v>39681</c:v>
                </c:pt>
                <c:pt idx="988">
                  <c:v>39682</c:v>
                </c:pt>
                <c:pt idx="989">
                  <c:v>39685</c:v>
                </c:pt>
                <c:pt idx="990">
                  <c:v>39686</c:v>
                </c:pt>
                <c:pt idx="991">
                  <c:v>39687</c:v>
                </c:pt>
                <c:pt idx="992">
                  <c:v>39688</c:v>
                </c:pt>
                <c:pt idx="993">
                  <c:v>39689</c:v>
                </c:pt>
                <c:pt idx="994">
                  <c:v>39692</c:v>
                </c:pt>
                <c:pt idx="995">
                  <c:v>39693</c:v>
                </c:pt>
                <c:pt idx="996">
                  <c:v>39694</c:v>
                </c:pt>
                <c:pt idx="997">
                  <c:v>39695</c:v>
                </c:pt>
                <c:pt idx="998">
                  <c:v>39696</c:v>
                </c:pt>
                <c:pt idx="999">
                  <c:v>39699</c:v>
                </c:pt>
                <c:pt idx="1000">
                  <c:v>39700</c:v>
                </c:pt>
                <c:pt idx="1001">
                  <c:v>39701</c:v>
                </c:pt>
                <c:pt idx="1002">
                  <c:v>39702</c:v>
                </c:pt>
                <c:pt idx="1003">
                  <c:v>39703</c:v>
                </c:pt>
                <c:pt idx="1004">
                  <c:v>39706</c:v>
                </c:pt>
                <c:pt idx="1005">
                  <c:v>39707</c:v>
                </c:pt>
                <c:pt idx="1006">
                  <c:v>39708</c:v>
                </c:pt>
                <c:pt idx="1007">
                  <c:v>39709</c:v>
                </c:pt>
                <c:pt idx="1008">
                  <c:v>39710</c:v>
                </c:pt>
                <c:pt idx="1009">
                  <c:v>39713</c:v>
                </c:pt>
                <c:pt idx="1010">
                  <c:v>39714</c:v>
                </c:pt>
                <c:pt idx="1011">
                  <c:v>39715</c:v>
                </c:pt>
                <c:pt idx="1012">
                  <c:v>39716</c:v>
                </c:pt>
                <c:pt idx="1013">
                  <c:v>39717</c:v>
                </c:pt>
                <c:pt idx="1014">
                  <c:v>39720</c:v>
                </c:pt>
                <c:pt idx="1015">
                  <c:v>39721</c:v>
                </c:pt>
                <c:pt idx="1016">
                  <c:v>39722</c:v>
                </c:pt>
                <c:pt idx="1017">
                  <c:v>39723</c:v>
                </c:pt>
                <c:pt idx="1018">
                  <c:v>39724</c:v>
                </c:pt>
                <c:pt idx="1019">
                  <c:v>39727</c:v>
                </c:pt>
                <c:pt idx="1020">
                  <c:v>39728</c:v>
                </c:pt>
                <c:pt idx="1021">
                  <c:v>39729</c:v>
                </c:pt>
                <c:pt idx="1022">
                  <c:v>39730</c:v>
                </c:pt>
                <c:pt idx="1023">
                  <c:v>39731</c:v>
                </c:pt>
                <c:pt idx="1024">
                  <c:v>39734</c:v>
                </c:pt>
                <c:pt idx="1025">
                  <c:v>39735</c:v>
                </c:pt>
                <c:pt idx="1026">
                  <c:v>39736</c:v>
                </c:pt>
                <c:pt idx="1027">
                  <c:v>39737</c:v>
                </c:pt>
                <c:pt idx="1028">
                  <c:v>39738</c:v>
                </c:pt>
                <c:pt idx="1029">
                  <c:v>39741</c:v>
                </c:pt>
                <c:pt idx="1030">
                  <c:v>39742</c:v>
                </c:pt>
                <c:pt idx="1031">
                  <c:v>39743</c:v>
                </c:pt>
                <c:pt idx="1032">
                  <c:v>39744</c:v>
                </c:pt>
                <c:pt idx="1033">
                  <c:v>39745</c:v>
                </c:pt>
                <c:pt idx="1034">
                  <c:v>39748</c:v>
                </c:pt>
                <c:pt idx="1035">
                  <c:v>39749</c:v>
                </c:pt>
                <c:pt idx="1036">
                  <c:v>39750</c:v>
                </c:pt>
                <c:pt idx="1037">
                  <c:v>39751</c:v>
                </c:pt>
                <c:pt idx="1038">
                  <c:v>39752</c:v>
                </c:pt>
                <c:pt idx="1039">
                  <c:v>39755</c:v>
                </c:pt>
                <c:pt idx="1040">
                  <c:v>39756</c:v>
                </c:pt>
                <c:pt idx="1041">
                  <c:v>39757</c:v>
                </c:pt>
                <c:pt idx="1042">
                  <c:v>39758</c:v>
                </c:pt>
                <c:pt idx="1043">
                  <c:v>39759</c:v>
                </c:pt>
                <c:pt idx="1044">
                  <c:v>39762</c:v>
                </c:pt>
                <c:pt idx="1045">
                  <c:v>39763</c:v>
                </c:pt>
                <c:pt idx="1046">
                  <c:v>39764</c:v>
                </c:pt>
                <c:pt idx="1047">
                  <c:v>39765</c:v>
                </c:pt>
                <c:pt idx="1048">
                  <c:v>39766</c:v>
                </c:pt>
                <c:pt idx="1049">
                  <c:v>39769</c:v>
                </c:pt>
                <c:pt idx="1050">
                  <c:v>39770</c:v>
                </c:pt>
                <c:pt idx="1051">
                  <c:v>39771</c:v>
                </c:pt>
                <c:pt idx="1052">
                  <c:v>39772</c:v>
                </c:pt>
                <c:pt idx="1053">
                  <c:v>39773</c:v>
                </c:pt>
                <c:pt idx="1054">
                  <c:v>39776</c:v>
                </c:pt>
                <c:pt idx="1055">
                  <c:v>39777</c:v>
                </c:pt>
                <c:pt idx="1056">
                  <c:v>39778</c:v>
                </c:pt>
                <c:pt idx="1057">
                  <c:v>39779</c:v>
                </c:pt>
                <c:pt idx="1058">
                  <c:v>39780</c:v>
                </c:pt>
                <c:pt idx="1059">
                  <c:v>39783</c:v>
                </c:pt>
                <c:pt idx="1060">
                  <c:v>39784</c:v>
                </c:pt>
                <c:pt idx="1061">
                  <c:v>39785</c:v>
                </c:pt>
                <c:pt idx="1062">
                  <c:v>39786</c:v>
                </c:pt>
                <c:pt idx="1063">
                  <c:v>39787</c:v>
                </c:pt>
                <c:pt idx="1064">
                  <c:v>39790</c:v>
                </c:pt>
                <c:pt idx="1065">
                  <c:v>39791</c:v>
                </c:pt>
                <c:pt idx="1066">
                  <c:v>39792</c:v>
                </c:pt>
                <c:pt idx="1067">
                  <c:v>39793</c:v>
                </c:pt>
                <c:pt idx="1068">
                  <c:v>39794</c:v>
                </c:pt>
                <c:pt idx="1069">
                  <c:v>39797</c:v>
                </c:pt>
                <c:pt idx="1070">
                  <c:v>39798</c:v>
                </c:pt>
                <c:pt idx="1071">
                  <c:v>39799</c:v>
                </c:pt>
                <c:pt idx="1072">
                  <c:v>39800</c:v>
                </c:pt>
                <c:pt idx="1073">
                  <c:v>39801</c:v>
                </c:pt>
                <c:pt idx="1074">
                  <c:v>39804</c:v>
                </c:pt>
                <c:pt idx="1075">
                  <c:v>39805</c:v>
                </c:pt>
                <c:pt idx="1076">
                  <c:v>39806</c:v>
                </c:pt>
                <c:pt idx="1077">
                  <c:v>39808</c:v>
                </c:pt>
                <c:pt idx="1078">
                  <c:v>39811</c:v>
                </c:pt>
                <c:pt idx="1079">
                  <c:v>39812</c:v>
                </c:pt>
                <c:pt idx="1080">
                  <c:v>39813</c:v>
                </c:pt>
                <c:pt idx="1081">
                  <c:v>39815</c:v>
                </c:pt>
                <c:pt idx="1082">
                  <c:v>39818</c:v>
                </c:pt>
                <c:pt idx="1083">
                  <c:v>39819</c:v>
                </c:pt>
                <c:pt idx="1084">
                  <c:v>39820</c:v>
                </c:pt>
                <c:pt idx="1085">
                  <c:v>39821</c:v>
                </c:pt>
                <c:pt idx="1086">
                  <c:v>39822</c:v>
                </c:pt>
                <c:pt idx="1087">
                  <c:v>39825</c:v>
                </c:pt>
                <c:pt idx="1088">
                  <c:v>39826</c:v>
                </c:pt>
                <c:pt idx="1089">
                  <c:v>39827</c:v>
                </c:pt>
                <c:pt idx="1090">
                  <c:v>39828</c:v>
                </c:pt>
                <c:pt idx="1091">
                  <c:v>39829</c:v>
                </c:pt>
                <c:pt idx="1092">
                  <c:v>39832</c:v>
                </c:pt>
                <c:pt idx="1093">
                  <c:v>39833</c:v>
                </c:pt>
                <c:pt idx="1094">
                  <c:v>39834</c:v>
                </c:pt>
                <c:pt idx="1095">
                  <c:v>39835</c:v>
                </c:pt>
                <c:pt idx="1096">
                  <c:v>39836</c:v>
                </c:pt>
                <c:pt idx="1097">
                  <c:v>39839</c:v>
                </c:pt>
                <c:pt idx="1098">
                  <c:v>39840</c:v>
                </c:pt>
                <c:pt idx="1099">
                  <c:v>39841</c:v>
                </c:pt>
                <c:pt idx="1100">
                  <c:v>39842</c:v>
                </c:pt>
                <c:pt idx="1101">
                  <c:v>39843</c:v>
                </c:pt>
                <c:pt idx="1102">
                  <c:v>39846</c:v>
                </c:pt>
                <c:pt idx="1103">
                  <c:v>39847</c:v>
                </c:pt>
                <c:pt idx="1104">
                  <c:v>39848</c:v>
                </c:pt>
                <c:pt idx="1105">
                  <c:v>39849</c:v>
                </c:pt>
                <c:pt idx="1106">
                  <c:v>39850</c:v>
                </c:pt>
                <c:pt idx="1107">
                  <c:v>39853</c:v>
                </c:pt>
                <c:pt idx="1108">
                  <c:v>39854</c:v>
                </c:pt>
                <c:pt idx="1109">
                  <c:v>39855</c:v>
                </c:pt>
                <c:pt idx="1110">
                  <c:v>39856</c:v>
                </c:pt>
                <c:pt idx="1111">
                  <c:v>39857</c:v>
                </c:pt>
                <c:pt idx="1112">
                  <c:v>39860</c:v>
                </c:pt>
                <c:pt idx="1113">
                  <c:v>39861</c:v>
                </c:pt>
                <c:pt idx="1114">
                  <c:v>39862</c:v>
                </c:pt>
                <c:pt idx="1115">
                  <c:v>39863</c:v>
                </c:pt>
                <c:pt idx="1116">
                  <c:v>39864</c:v>
                </c:pt>
                <c:pt idx="1117">
                  <c:v>39869</c:v>
                </c:pt>
                <c:pt idx="1118">
                  <c:v>39870</c:v>
                </c:pt>
                <c:pt idx="1119">
                  <c:v>39871</c:v>
                </c:pt>
                <c:pt idx="1120">
                  <c:v>39874</c:v>
                </c:pt>
                <c:pt idx="1121">
                  <c:v>39875</c:v>
                </c:pt>
                <c:pt idx="1122">
                  <c:v>39876</c:v>
                </c:pt>
                <c:pt idx="1123">
                  <c:v>39877</c:v>
                </c:pt>
                <c:pt idx="1124">
                  <c:v>39878</c:v>
                </c:pt>
                <c:pt idx="1125">
                  <c:v>39881</c:v>
                </c:pt>
                <c:pt idx="1126">
                  <c:v>39882</c:v>
                </c:pt>
                <c:pt idx="1127">
                  <c:v>39883</c:v>
                </c:pt>
                <c:pt idx="1128">
                  <c:v>39884</c:v>
                </c:pt>
                <c:pt idx="1129">
                  <c:v>39885</c:v>
                </c:pt>
                <c:pt idx="1130">
                  <c:v>39888</c:v>
                </c:pt>
                <c:pt idx="1131">
                  <c:v>39889</c:v>
                </c:pt>
                <c:pt idx="1132">
                  <c:v>39890</c:v>
                </c:pt>
                <c:pt idx="1133">
                  <c:v>39891</c:v>
                </c:pt>
                <c:pt idx="1134">
                  <c:v>39892</c:v>
                </c:pt>
                <c:pt idx="1135">
                  <c:v>39895</c:v>
                </c:pt>
                <c:pt idx="1136">
                  <c:v>39896</c:v>
                </c:pt>
                <c:pt idx="1137">
                  <c:v>39897</c:v>
                </c:pt>
                <c:pt idx="1138">
                  <c:v>39898</c:v>
                </c:pt>
                <c:pt idx="1139">
                  <c:v>39899</c:v>
                </c:pt>
                <c:pt idx="1140">
                  <c:v>39902</c:v>
                </c:pt>
                <c:pt idx="1141">
                  <c:v>39903</c:v>
                </c:pt>
                <c:pt idx="1142">
                  <c:v>39904</c:v>
                </c:pt>
                <c:pt idx="1143">
                  <c:v>39905</c:v>
                </c:pt>
                <c:pt idx="1144">
                  <c:v>39906</c:v>
                </c:pt>
                <c:pt idx="1145">
                  <c:v>39909</c:v>
                </c:pt>
                <c:pt idx="1146">
                  <c:v>39910</c:v>
                </c:pt>
                <c:pt idx="1147">
                  <c:v>39911</c:v>
                </c:pt>
                <c:pt idx="1148">
                  <c:v>39912</c:v>
                </c:pt>
                <c:pt idx="1149">
                  <c:v>39916</c:v>
                </c:pt>
                <c:pt idx="1150">
                  <c:v>39917</c:v>
                </c:pt>
                <c:pt idx="1151">
                  <c:v>39918</c:v>
                </c:pt>
                <c:pt idx="1152">
                  <c:v>39919</c:v>
                </c:pt>
                <c:pt idx="1153">
                  <c:v>39920</c:v>
                </c:pt>
                <c:pt idx="1154">
                  <c:v>39923</c:v>
                </c:pt>
                <c:pt idx="1155">
                  <c:v>39925</c:v>
                </c:pt>
                <c:pt idx="1156">
                  <c:v>39926</c:v>
                </c:pt>
                <c:pt idx="1157">
                  <c:v>39927</c:v>
                </c:pt>
                <c:pt idx="1158">
                  <c:v>39930</c:v>
                </c:pt>
                <c:pt idx="1159">
                  <c:v>39931</c:v>
                </c:pt>
                <c:pt idx="1160">
                  <c:v>39932</c:v>
                </c:pt>
                <c:pt idx="1161">
                  <c:v>39933</c:v>
                </c:pt>
                <c:pt idx="1162">
                  <c:v>39937</c:v>
                </c:pt>
                <c:pt idx="1163">
                  <c:v>39938</c:v>
                </c:pt>
                <c:pt idx="1164">
                  <c:v>39939</c:v>
                </c:pt>
                <c:pt idx="1165">
                  <c:v>39940</c:v>
                </c:pt>
                <c:pt idx="1166">
                  <c:v>39941</c:v>
                </c:pt>
                <c:pt idx="1167">
                  <c:v>39944</c:v>
                </c:pt>
                <c:pt idx="1168">
                  <c:v>39945</c:v>
                </c:pt>
                <c:pt idx="1169">
                  <c:v>39946</c:v>
                </c:pt>
                <c:pt idx="1170">
                  <c:v>39947</c:v>
                </c:pt>
                <c:pt idx="1171">
                  <c:v>39948</c:v>
                </c:pt>
                <c:pt idx="1172">
                  <c:v>39951</c:v>
                </c:pt>
                <c:pt idx="1173">
                  <c:v>39952</c:v>
                </c:pt>
                <c:pt idx="1174">
                  <c:v>39953</c:v>
                </c:pt>
                <c:pt idx="1175">
                  <c:v>39954</c:v>
                </c:pt>
                <c:pt idx="1176">
                  <c:v>39955</c:v>
                </c:pt>
                <c:pt idx="1177">
                  <c:v>39958</c:v>
                </c:pt>
                <c:pt idx="1178">
                  <c:v>39959</c:v>
                </c:pt>
                <c:pt idx="1179">
                  <c:v>39960</c:v>
                </c:pt>
                <c:pt idx="1180">
                  <c:v>39961</c:v>
                </c:pt>
                <c:pt idx="1181">
                  <c:v>39962</c:v>
                </c:pt>
                <c:pt idx="1182">
                  <c:v>39965</c:v>
                </c:pt>
                <c:pt idx="1183">
                  <c:v>39966</c:v>
                </c:pt>
                <c:pt idx="1184">
                  <c:v>39967</c:v>
                </c:pt>
                <c:pt idx="1185">
                  <c:v>39968</c:v>
                </c:pt>
                <c:pt idx="1186">
                  <c:v>39969</c:v>
                </c:pt>
                <c:pt idx="1187">
                  <c:v>39972</c:v>
                </c:pt>
                <c:pt idx="1188">
                  <c:v>39973</c:v>
                </c:pt>
                <c:pt idx="1189">
                  <c:v>39974</c:v>
                </c:pt>
                <c:pt idx="1190">
                  <c:v>39976</c:v>
                </c:pt>
                <c:pt idx="1191">
                  <c:v>39979</c:v>
                </c:pt>
                <c:pt idx="1192">
                  <c:v>39980</c:v>
                </c:pt>
                <c:pt idx="1193">
                  <c:v>39981</c:v>
                </c:pt>
                <c:pt idx="1194">
                  <c:v>39982</c:v>
                </c:pt>
                <c:pt idx="1195">
                  <c:v>39983</c:v>
                </c:pt>
                <c:pt idx="1196">
                  <c:v>39986</c:v>
                </c:pt>
                <c:pt idx="1197">
                  <c:v>39987</c:v>
                </c:pt>
                <c:pt idx="1198">
                  <c:v>39988</c:v>
                </c:pt>
                <c:pt idx="1199">
                  <c:v>39989</c:v>
                </c:pt>
                <c:pt idx="1200">
                  <c:v>39990</c:v>
                </c:pt>
                <c:pt idx="1201">
                  <c:v>39993</c:v>
                </c:pt>
                <c:pt idx="1202">
                  <c:v>39994</c:v>
                </c:pt>
                <c:pt idx="1203">
                  <c:v>39995</c:v>
                </c:pt>
                <c:pt idx="1204">
                  <c:v>39996</c:v>
                </c:pt>
                <c:pt idx="1205">
                  <c:v>39997</c:v>
                </c:pt>
                <c:pt idx="1206">
                  <c:v>40000</c:v>
                </c:pt>
                <c:pt idx="1207">
                  <c:v>40001</c:v>
                </c:pt>
                <c:pt idx="1208">
                  <c:v>40002</c:v>
                </c:pt>
                <c:pt idx="1209">
                  <c:v>40003</c:v>
                </c:pt>
                <c:pt idx="1210">
                  <c:v>40004</c:v>
                </c:pt>
                <c:pt idx="1211">
                  <c:v>40007</c:v>
                </c:pt>
                <c:pt idx="1212">
                  <c:v>40008</c:v>
                </c:pt>
                <c:pt idx="1213">
                  <c:v>40009</c:v>
                </c:pt>
                <c:pt idx="1214">
                  <c:v>40010</c:v>
                </c:pt>
                <c:pt idx="1215">
                  <c:v>40011</c:v>
                </c:pt>
                <c:pt idx="1216">
                  <c:v>40014</c:v>
                </c:pt>
                <c:pt idx="1217">
                  <c:v>40015</c:v>
                </c:pt>
                <c:pt idx="1218">
                  <c:v>40016</c:v>
                </c:pt>
                <c:pt idx="1219">
                  <c:v>40017</c:v>
                </c:pt>
                <c:pt idx="1220">
                  <c:v>40018</c:v>
                </c:pt>
                <c:pt idx="1221">
                  <c:v>40021</c:v>
                </c:pt>
                <c:pt idx="1222">
                  <c:v>40022</c:v>
                </c:pt>
                <c:pt idx="1223">
                  <c:v>40023</c:v>
                </c:pt>
                <c:pt idx="1224">
                  <c:v>40024</c:v>
                </c:pt>
                <c:pt idx="1225">
                  <c:v>40025</c:v>
                </c:pt>
                <c:pt idx="1226">
                  <c:v>40028</c:v>
                </c:pt>
                <c:pt idx="1227">
                  <c:v>40029</c:v>
                </c:pt>
                <c:pt idx="1228">
                  <c:v>40030</c:v>
                </c:pt>
                <c:pt idx="1229">
                  <c:v>40031</c:v>
                </c:pt>
                <c:pt idx="1230">
                  <c:v>40032</c:v>
                </c:pt>
                <c:pt idx="1231">
                  <c:v>40035</c:v>
                </c:pt>
                <c:pt idx="1232">
                  <c:v>40036</c:v>
                </c:pt>
                <c:pt idx="1233">
                  <c:v>40037</c:v>
                </c:pt>
                <c:pt idx="1234">
                  <c:v>40038</c:v>
                </c:pt>
                <c:pt idx="1235">
                  <c:v>40039</c:v>
                </c:pt>
                <c:pt idx="1236">
                  <c:v>40042</c:v>
                </c:pt>
                <c:pt idx="1237">
                  <c:v>40043</c:v>
                </c:pt>
                <c:pt idx="1238">
                  <c:v>40044</c:v>
                </c:pt>
                <c:pt idx="1239">
                  <c:v>40045</c:v>
                </c:pt>
                <c:pt idx="1240">
                  <c:v>40046</c:v>
                </c:pt>
                <c:pt idx="1241">
                  <c:v>40049</c:v>
                </c:pt>
                <c:pt idx="1242">
                  <c:v>40050</c:v>
                </c:pt>
                <c:pt idx="1243">
                  <c:v>40051</c:v>
                </c:pt>
                <c:pt idx="1244">
                  <c:v>40052</c:v>
                </c:pt>
                <c:pt idx="1245">
                  <c:v>40053</c:v>
                </c:pt>
                <c:pt idx="1246">
                  <c:v>40056</c:v>
                </c:pt>
                <c:pt idx="1247">
                  <c:v>40057</c:v>
                </c:pt>
                <c:pt idx="1248">
                  <c:v>40058</c:v>
                </c:pt>
                <c:pt idx="1249">
                  <c:v>40059</c:v>
                </c:pt>
                <c:pt idx="1250">
                  <c:v>40060</c:v>
                </c:pt>
                <c:pt idx="1251">
                  <c:v>40064</c:v>
                </c:pt>
                <c:pt idx="1252">
                  <c:v>40065</c:v>
                </c:pt>
                <c:pt idx="1253">
                  <c:v>40066</c:v>
                </c:pt>
                <c:pt idx="1254">
                  <c:v>40067</c:v>
                </c:pt>
                <c:pt idx="1255">
                  <c:v>40070</c:v>
                </c:pt>
                <c:pt idx="1256">
                  <c:v>40071</c:v>
                </c:pt>
                <c:pt idx="1257">
                  <c:v>40072</c:v>
                </c:pt>
                <c:pt idx="1258">
                  <c:v>40073</c:v>
                </c:pt>
                <c:pt idx="1259">
                  <c:v>40074</c:v>
                </c:pt>
                <c:pt idx="1260">
                  <c:v>40077</c:v>
                </c:pt>
                <c:pt idx="1261">
                  <c:v>40078</c:v>
                </c:pt>
                <c:pt idx="1262">
                  <c:v>40079</c:v>
                </c:pt>
                <c:pt idx="1263">
                  <c:v>40080</c:v>
                </c:pt>
                <c:pt idx="1264">
                  <c:v>40081</c:v>
                </c:pt>
                <c:pt idx="1265">
                  <c:v>40084</c:v>
                </c:pt>
                <c:pt idx="1266">
                  <c:v>40085</c:v>
                </c:pt>
                <c:pt idx="1267">
                  <c:v>40086</c:v>
                </c:pt>
                <c:pt idx="1268">
                  <c:v>40087</c:v>
                </c:pt>
                <c:pt idx="1269">
                  <c:v>40088</c:v>
                </c:pt>
                <c:pt idx="1270">
                  <c:v>40091</c:v>
                </c:pt>
                <c:pt idx="1271">
                  <c:v>40092</c:v>
                </c:pt>
                <c:pt idx="1272">
                  <c:v>40093</c:v>
                </c:pt>
                <c:pt idx="1273">
                  <c:v>40094</c:v>
                </c:pt>
                <c:pt idx="1274">
                  <c:v>40095</c:v>
                </c:pt>
                <c:pt idx="1275">
                  <c:v>40099</c:v>
                </c:pt>
                <c:pt idx="1276">
                  <c:v>40100</c:v>
                </c:pt>
                <c:pt idx="1277">
                  <c:v>40101</c:v>
                </c:pt>
                <c:pt idx="1278">
                  <c:v>40102</c:v>
                </c:pt>
                <c:pt idx="1279">
                  <c:v>40105</c:v>
                </c:pt>
                <c:pt idx="1280">
                  <c:v>40106</c:v>
                </c:pt>
                <c:pt idx="1281">
                  <c:v>40107</c:v>
                </c:pt>
                <c:pt idx="1282">
                  <c:v>40108</c:v>
                </c:pt>
                <c:pt idx="1283">
                  <c:v>40109</c:v>
                </c:pt>
                <c:pt idx="1284">
                  <c:v>40112</c:v>
                </c:pt>
                <c:pt idx="1285">
                  <c:v>40113</c:v>
                </c:pt>
                <c:pt idx="1286">
                  <c:v>40114</c:v>
                </c:pt>
                <c:pt idx="1287">
                  <c:v>40115</c:v>
                </c:pt>
                <c:pt idx="1288">
                  <c:v>40116</c:v>
                </c:pt>
                <c:pt idx="1289">
                  <c:v>40120</c:v>
                </c:pt>
                <c:pt idx="1290">
                  <c:v>40121</c:v>
                </c:pt>
                <c:pt idx="1291">
                  <c:v>40122</c:v>
                </c:pt>
                <c:pt idx="1292">
                  <c:v>40123</c:v>
                </c:pt>
                <c:pt idx="1293">
                  <c:v>40126</c:v>
                </c:pt>
                <c:pt idx="1294">
                  <c:v>40127</c:v>
                </c:pt>
                <c:pt idx="1295">
                  <c:v>40128</c:v>
                </c:pt>
                <c:pt idx="1296">
                  <c:v>40129</c:v>
                </c:pt>
                <c:pt idx="1297">
                  <c:v>40130</c:v>
                </c:pt>
                <c:pt idx="1298">
                  <c:v>40133</c:v>
                </c:pt>
                <c:pt idx="1299">
                  <c:v>40134</c:v>
                </c:pt>
                <c:pt idx="1300">
                  <c:v>40135</c:v>
                </c:pt>
                <c:pt idx="1301">
                  <c:v>40136</c:v>
                </c:pt>
                <c:pt idx="1302">
                  <c:v>40137</c:v>
                </c:pt>
                <c:pt idx="1303">
                  <c:v>40140</c:v>
                </c:pt>
                <c:pt idx="1304">
                  <c:v>40141</c:v>
                </c:pt>
                <c:pt idx="1305">
                  <c:v>40142</c:v>
                </c:pt>
                <c:pt idx="1306">
                  <c:v>40143</c:v>
                </c:pt>
                <c:pt idx="1307">
                  <c:v>40144</c:v>
                </c:pt>
                <c:pt idx="1308">
                  <c:v>40147</c:v>
                </c:pt>
                <c:pt idx="1309">
                  <c:v>40148</c:v>
                </c:pt>
                <c:pt idx="1310">
                  <c:v>40149</c:v>
                </c:pt>
                <c:pt idx="1311">
                  <c:v>40150</c:v>
                </c:pt>
                <c:pt idx="1312">
                  <c:v>40151</c:v>
                </c:pt>
                <c:pt idx="1313">
                  <c:v>40154</c:v>
                </c:pt>
                <c:pt idx="1314">
                  <c:v>40155</c:v>
                </c:pt>
                <c:pt idx="1315">
                  <c:v>40156</c:v>
                </c:pt>
                <c:pt idx="1316">
                  <c:v>40157</c:v>
                </c:pt>
                <c:pt idx="1317">
                  <c:v>40158</c:v>
                </c:pt>
                <c:pt idx="1318">
                  <c:v>40161</c:v>
                </c:pt>
                <c:pt idx="1319">
                  <c:v>40162</c:v>
                </c:pt>
                <c:pt idx="1320">
                  <c:v>40163</c:v>
                </c:pt>
                <c:pt idx="1321">
                  <c:v>40164</c:v>
                </c:pt>
                <c:pt idx="1322">
                  <c:v>40165</c:v>
                </c:pt>
                <c:pt idx="1323">
                  <c:v>40168</c:v>
                </c:pt>
                <c:pt idx="1324">
                  <c:v>40169</c:v>
                </c:pt>
                <c:pt idx="1325">
                  <c:v>40170</c:v>
                </c:pt>
                <c:pt idx="1326">
                  <c:v>40171</c:v>
                </c:pt>
                <c:pt idx="1327">
                  <c:v>40175</c:v>
                </c:pt>
                <c:pt idx="1328">
                  <c:v>40176</c:v>
                </c:pt>
                <c:pt idx="1329">
                  <c:v>40177</c:v>
                </c:pt>
                <c:pt idx="1330">
                  <c:v>40178</c:v>
                </c:pt>
                <c:pt idx="1331">
                  <c:v>40182</c:v>
                </c:pt>
                <c:pt idx="1332">
                  <c:v>40183</c:v>
                </c:pt>
                <c:pt idx="1333">
                  <c:v>40184</c:v>
                </c:pt>
                <c:pt idx="1334">
                  <c:v>40185</c:v>
                </c:pt>
                <c:pt idx="1335">
                  <c:v>40186</c:v>
                </c:pt>
                <c:pt idx="1336">
                  <c:v>40189</c:v>
                </c:pt>
                <c:pt idx="1337">
                  <c:v>40190</c:v>
                </c:pt>
                <c:pt idx="1338">
                  <c:v>40191</c:v>
                </c:pt>
                <c:pt idx="1339">
                  <c:v>40192</c:v>
                </c:pt>
                <c:pt idx="1340">
                  <c:v>40193</c:v>
                </c:pt>
                <c:pt idx="1341">
                  <c:v>40196</c:v>
                </c:pt>
                <c:pt idx="1342">
                  <c:v>40197</c:v>
                </c:pt>
                <c:pt idx="1343">
                  <c:v>40198</c:v>
                </c:pt>
                <c:pt idx="1344">
                  <c:v>40199</c:v>
                </c:pt>
                <c:pt idx="1345">
                  <c:v>40200</c:v>
                </c:pt>
                <c:pt idx="1346">
                  <c:v>40203</c:v>
                </c:pt>
                <c:pt idx="1347">
                  <c:v>40204</c:v>
                </c:pt>
                <c:pt idx="1348">
                  <c:v>40205</c:v>
                </c:pt>
                <c:pt idx="1349">
                  <c:v>40206</c:v>
                </c:pt>
                <c:pt idx="1350">
                  <c:v>40207</c:v>
                </c:pt>
                <c:pt idx="1351">
                  <c:v>40210</c:v>
                </c:pt>
                <c:pt idx="1352">
                  <c:v>40211</c:v>
                </c:pt>
                <c:pt idx="1353">
                  <c:v>40212</c:v>
                </c:pt>
                <c:pt idx="1354">
                  <c:v>40213</c:v>
                </c:pt>
                <c:pt idx="1355">
                  <c:v>40214</c:v>
                </c:pt>
                <c:pt idx="1356">
                  <c:v>40217</c:v>
                </c:pt>
                <c:pt idx="1357">
                  <c:v>40218</c:v>
                </c:pt>
                <c:pt idx="1358">
                  <c:v>40219</c:v>
                </c:pt>
                <c:pt idx="1359">
                  <c:v>40220</c:v>
                </c:pt>
                <c:pt idx="1360">
                  <c:v>40221</c:v>
                </c:pt>
                <c:pt idx="1361">
                  <c:v>40226</c:v>
                </c:pt>
                <c:pt idx="1362">
                  <c:v>40227</c:v>
                </c:pt>
                <c:pt idx="1363">
                  <c:v>40228</c:v>
                </c:pt>
                <c:pt idx="1364">
                  <c:v>40231</c:v>
                </c:pt>
                <c:pt idx="1365">
                  <c:v>40232</c:v>
                </c:pt>
                <c:pt idx="1366">
                  <c:v>40233</c:v>
                </c:pt>
                <c:pt idx="1367">
                  <c:v>40234</c:v>
                </c:pt>
                <c:pt idx="1368">
                  <c:v>40235</c:v>
                </c:pt>
                <c:pt idx="1369">
                  <c:v>40238</c:v>
                </c:pt>
                <c:pt idx="1370">
                  <c:v>40239</c:v>
                </c:pt>
                <c:pt idx="1371">
                  <c:v>40240</c:v>
                </c:pt>
                <c:pt idx="1372">
                  <c:v>40241</c:v>
                </c:pt>
                <c:pt idx="1373">
                  <c:v>40242</c:v>
                </c:pt>
                <c:pt idx="1374">
                  <c:v>40245</c:v>
                </c:pt>
                <c:pt idx="1375">
                  <c:v>40246</c:v>
                </c:pt>
                <c:pt idx="1376">
                  <c:v>40247</c:v>
                </c:pt>
                <c:pt idx="1377">
                  <c:v>40248</c:v>
                </c:pt>
                <c:pt idx="1378">
                  <c:v>40249</c:v>
                </c:pt>
                <c:pt idx="1379">
                  <c:v>40252</c:v>
                </c:pt>
                <c:pt idx="1380">
                  <c:v>40253</c:v>
                </c:pt>
                <c:pt idx="1381">
                  <c:v>40254</c:v>
                </c:pt>
                <c:pt idx="1382">
                  <c:v>40255</c:v>
                </c:pt>
                <c:pt idx="1383">
                  <c:v>40256</c:v>
                </c:pt>
                <c:pt idx="1384">
                  <c:v>40259</c:v>
                </c:pt>
                <c:pt idx="1385">
                  <c:v>40260</c:v>
                </c:pt>
                <c:pt idx="1386">
                  <c:v>40261</c:v>
                </c:pt>
                <c:pt idx="1387">
                  <c:v>40262</c:v>
                </c:pt>
                <c:pt idx="1388">
                  <c:v>40263</c:v>
                </c:pt>
                <c:pt idx="1389">
                  <c:v>40266</c:v>
                </c:pt>
                <c:pt idx="1390">
                  <c:v>40267</c:v>
                </c:pt>
                <c:pt idx="1391">
                  <c:v>40268</c:v>
                </c:pt>
                <c:pt idx="1392">
                  <c:v>40269</c:v>
                </c:pt>
                <c:pt idx="1393">
                  <c:v>40273</c:v>
                </c:pt>
                <c:pt idx="1394">
                  <c:v>40274</c:v>
                </c:pt>
                <c:pt idx="1395">
                  <c:v>40275</c:v>
                </c:pt>
                <c:pt idx="1396">
                  <c:v>40276</c:v>
                </c:pt>
                <c:pt idx="1397">
                  <c:v>40277</c:v>
                </c:pt>
                <c:pt idx="1398">
                  <c:v>40280</c:v>
                </c:pt>
                <c:pt idx="1399">
                  <c:v>40281</c:v>
                </c:pt>
                <c:pt idx="1400">
                  <c:v>40282</c:v>
                </c:pt>
                <c:pt idx="1401">
                  <c:v>40283</c:v>
                </c:pt>
                <c:pt idx="1402">
                  <c:v>40284</c:v>
                </c:pt>
                <c:pt idx="1403">
                  <c:v>40287</c:v>
                </c:pt>
                <c:pt idx="1404">
                  <c:v>40288</c:v>
                </c:pt>
                <c:pt idx="1405">
                  <c:v>40290</c:v>
                </c:pt>
                <c:pt idx="1406">
                  <c:v>40291</c:v>
                </c:pt>
                <c:pt idx="1407">
                  <c:v>40294</c:v>
                </c:pt>
                <c:pt idx="1408">
                  <c:v>40295</c:v>
                </c:pt>
                <c:pt idx="1409">
                  <c:v>40296</c:v>
                </c:pt>
                <c:pt idx="1410">
                  <c:v>40297</c:v>
                </c:pt>
                <c:pt idx="1411">
                  <c:v>40298</c:v>
                </c:pt>
                <c:pt idx="1412">
                  <c:v>40301</c:v>
                </c:pt>
                <c:pt idx="1413">
                  <c:v>40302</c:v>
                </c:pt>
                <c:pt idx="1414">
                  <c:v>40303</c:v>
                </c:pt>
                <c:pt idx="1415">
                  <c:v>40304</c:v>
                </c:pt>
                <c:pt idx="1416">
                  <c:v>40305</c:v>
                </c:pt>
                <c:pt idx="1417">
                  <c:v>40308</c:v>
                </c:pt>
                <c:pt idx="1418">
                  <c:v>40309</c:v>
                </c:pt>
                <c:pt idx="1419">
                  <c:v>40310</c:v>
                </c:pt>
                <c:pt idx="1420">
                  <c:v>40311</c:v>
                </c:pt>
                <c:pt idx="1421">
                  <c:v>40312</c:v>
                </c:pt>
                <c:pt idx="1422">
                  <c:v>40315</c:v>
                </c:pt>
                <c:pt idx="1423">
                  <c:v>40316</c:v>
                </c:pt>
                <c:pt idx="1424">
                  <c:v>40317</c:v>
                </c:pt>
                <c:pt idx="1425">
                  <c:v>40318</c:v>
                </c:pt>
                <c:pt idx="1426">
                  <c:v>40319</c:v>
                </c:pt>
                <c:pt idx="1427">
                  <c:v>40322</c:v>
                </c:pt>
                <c:pt idx="1428">
                  <c:v>40323</c:v>
                </c:pt>
                <c:pt idx="1429">
                  <c:v>40324</c:v>
                </c:pt>
                <c:pt idx="1430">
                  <c:v>40325</c:v>
                </c:pt>
                <c:pt idx="1431">
                  <c:v>40326</c:v>
                </c:pt>
                <c:pt idx="1432">
                  <c:v>40329</c:v>
                </c:pt>
                <c:pt idx="1433">
                  <c:v>40330</c:v>
                </c:pt>
                <c:pt idx="1434">
                  <c:v>40331</c:v>
                </c:pt>
                <c:pt idx="1435">
                  <c:v>40333</c:v>
                </c:pt>
                <c:pt idx="1436">
                  <c:v>40336</c:v>
                </c:pt>
                <c:pt idx="1437">
                  <c:v>40337</c:v>
                </c:pt>
                <c:pt idx="1438">
                  <c:v>40338</c:v>
                </c:pt>
                <c:pt idx="1439">
                  <c:v>40339</c:v>
                </c:pt>
                <c:pt idx="1440">
                  <c:v>40340</c:v>
                </c:pt>
                <c:pt idx="1441">
                  <c:v>40343</c:v>
                </c:pt>
                <c:pt idx="1442">
                  <c:v>40344</c:v>
                </c:pt>
                <c:pt idx="1443">
                  <c:v>40345</c:v>
                </c:pt>
                <c:pt idx="1444">
                  <c:v>40346</c:v>
                </c:pt>
                <c:pt idx="1445">
                  <c:v>40347</c:v>
                </c:pt>
                <c:pt idx="1446">
                  <c:v>40350</c:v>
                </c:pt>
                <c:pt idx="1447">
                  <c:v>40351</c:v>
                </c:pt>
                <c:pt idx="1448">
                  <c:v>40352</c:v>
                </c:pt>
                <c:pt idx="1449">
                  <c:v>40353</c:v>
                </c:pt>
                <c:pt idx="1450">
                  <c:v>40354</c:v>
                </c:pt>
                <c:pt idx="1451">
                  <c:v>40357</c:v>
                </c:pt>
                <c:pt idx="1452">
                  <c:v>40358</c:v>
                </c:pt>
                <c:pt idx="1453">
                  <c:v>40359</c:v>
                </c:pt>
                <c:pt idx="1454">
                  <c:v>40360</c:v>
                </c:pt>
                <c:pt idx="1455">
                  <c:v>40361</c:v>
                </c:pt>
                <c:pt idx="1456">
                  <c:v>40364</c:v>
                </c:pt>
                <c:pt idx="1457">
                  <c:v>40365</c:v>
                </c:pt>
                <c:pt idx="1458">
                  <c:v>40366</c:v>
                </c:pt>
                <c:pt idx="1459">
                  <c:v>40367</c:v>
                </c:pt>
                <c:pt idx="1460">
                  <c:v>40368</c:v>
                </c:pt>
                <c:pt idx="1461">
                  <c:v>40371</c:v>
                </c:pt>
                <c:pt idx="1462">
                  <c:v>40372</c:v>
                </c:pt>
                <c:pt idx="1463">
                  <c:v>40373</c:v>
                </c:pt>
                <c:pt idx="1464">
                  <c:v>40374</c:v>
                </c:pt>
                <c:pt idx="1465">
                  <c:v>40375</c:v>
                </c:pt>
                <c:pt idx="1466">
                  <c:v>40378</c:v>
                </c:pt>
                <c:pt idx="1467">
                  <c:v>40379</c:v>
                </c:pt>
                <c:pt idx="1468">
                  <c:v>40380</c:v>
                </c:pt>
                <c:pt idx="1469">
                  <c:v>40381</c:v>
                </c:pt>
                <c:pt idx="1470">
                  <c:v>40382</c:v>
                </c:pt>
                <c:pt idx="1471">
                  <c:v>40385</c:v>
                </c:pt>
                <c:pt idx="1472">
                  <c:v>40386</c:v>
                </c:pt>
                <c:pt idx="1473">
                  <c:v>40387</c:v>
                </c:pt>
                <c:pt idx="1474">
                  <c:v>40388</c:v>
                </c:pt>
                <c:pt idx="1475">
                  <c:v>40389</c:v>
                </c:pt>
                <c:pt idx="1476">
                  <c:v>40392</c:v>
                </c:pt>
                <c:pt idx="1477">
                  <c:v>40393</c:v>
                </c:pt>
                <c:pt idx="1478">
                  <c:v>40394</c:v>
                </c:pt>
                <c:pt idx="1479">
                  <c:v>40395</c:v>
                </c:pt>
                <c:pt idx="1480">
                  <c:v>40396</c:v>
                </c:pt>
                <c:pt idx="1481">
                  <c:v>40399</c:v>
                </c:pt>
                <c:pt idx="1482">
                  <c:v>40400</c:v>
                </c:pt>
                <c:pt idx="1483">
                  <c:v>40401</c:v>
                </c:pt>
                <c:pt idx="1484">
                  <c:v>40402</c:v>
                </c:pt>
                <c:pt idx="1485">
                  <c:v>40403</c:v>
                </c:pt>
                <c:pt idx="1486">
                  <c:v>40406</c:v>
                </c:pt>
                <c:pt idx="1487">
                  <c:v>40407</c:v>
                </c:pt>
                <c:pt idx="1488">
                  <c:v>40408</c:v>
                </c:pt>
                <c:pt idx="1489">
                  <c:v>40409</c:v>
                </c:pt>
                <c:pt idx="1490">
                  <c:v>40410</c:v>
                </c:pt>
                <c:pt idx="1491">
                  <c:v>40413</c:v>
                </c:pt>
                <c:pt idx="1492">
                  <c:v>40414</c:v>
                </c:pt>
                <c:pt idx="1493">
                  <c:v>40415</c:v>
                </c:pt>
                <c:pt idx="1494">
                  <c:v>40416</c:v>
                </c:pt>
                <c:pt idx="1495">
                  <c:v>40417</c:v>
                </c:pt>
                <c:pt idx="1496">
                  <c:v>40420</c:v>
                </c:pt>
                <c:pt idx="1497">
                  <c:v>40421</c:v>
                </c:pt>
                <c:pt idx="1498">
                  <c:v>40422</c:v>
                </c:pt>
                <c:pt idx="1499">
                  <c:v>40423</c:v>
                </c:pt>
                <c:pt idx="1500">
                  <c:v>40424</c:v>
                </c:pt>
                <c:pt idx="1501">
                  <c:v>40427</c:v>
                </c:pt>
                <c:pt idx="1502">
                  <c:v>40429</c:v>
                </c:pt>
                <c:pt idx="1503">
                  <c:v>40430</c:v>
                </c:pt>
                <c:pt idx="1504">
                  <c:v>40431</c:v>
                </c:pt>
                <c:pt idx="1505">
                  <c:v>40434</c:v>
                </c:pt>
                <c:pt idx="1506">
                  <c:v>40435</c:v>
                </c:pt>
                <c:pt idx="1507">
                  <c:v>40436</c:v>
                </c:pt>
                <c:pt idx="1508">
                  <c:v>40437</c:v>
                </c:pt>
                <c:pt idx="1509">
                  <c:v>40438</c:v>
                </c:pt>
                <c:pt idx="1510">
                  <c:v>40441</c:v>
                </c:pt>
                <c:pt idx="1511">
                  <c:v>40442</c:v>
                </c:pt>
                <c:pt idx="1512">
                  <c:v>40443</c:v>
                </c:pt>
                <c:pt idx="1513">
                  <c:v>40444</c:v>
                </c:pt>
                <c:pt idx="1514">
                  <c:v>40445</c:v>
                </c:pt>
                <c:pt idx="1515">
                  <c:v>40448</c:v>
                </c:pt>
                <c:pt idx="1516">
                  <c:v>40449</c:v>
                </c:pt>
                <c:pt idx="1517">
                  <c:v>40450</c:v>
                </c:pt>
                <c:pt idx="1518">
                  <c:v>40451</c:v>
                </c:pt>
                <c:pt idx="1519">
                  <c:v>40452</c:v>
                </c:pt>
                <c:pt idx="1520">
                  <c:v>40455</c:v>
                </c:pt>
                <c:pt idx="1521">
                  <c:v>40456</c:v>
                </c:pt>
                <c:pt idx="1522">
                  <c:v>40457</c:v>
                </c:pt>
                <c:pt idx="1523">
                  <c:v>40458</c:v>
                </c:pt>
                <c:pt idx="1524">
                  <c:v>40459</c:v>
                </c:pt>
                <c:pt idx="1525">
                  <c:v>40462</c:v>
                </c:pt>
                <c:pt idx="1526">
                  <c:v>40464</c:v>
                </c:pt>
                <c:pt idx="1527">
                  <c:v>40465</c:v>
                </c:pt>
                <c:pt idx="1528">
                  <c:v>40466</c:v>
                </c:pt>
                <c:pt idx="1529">
                  <c:v>40469</c:v>
                </c:pt>
                <c:pt idx="1530">
                  <c:v>40470</c:v>
                </c:pt>
                <c:pt idx="1531">
                  <c:v>40471</c:v>
                </c:pt>
                <c:pt idx="1532">
                  <c:v>40472</c:v>
                </c:pt>
                <c:pt idx="1533">
                  <c:v>40473</c:v>
                </c:pt>
                <c:pt idx="1534">
                  <c:v>40476</c:v>
                </c:pt>
                <c:pt idx="1535">
                  <c:v>40477</c:v>
                </c:pt>
                <c:pt idx="1536">
                  <c:v>40478</c:v>
                </c:pt>
                <c:pt idx="1537">
                  <c:v>40479</c:v>
                </c:pt>
                <c:pt idx="1538">
                  <c:v>40480</c:v>
                </c:pt>
                <c:pt idx="1539">
                  <c:v>40483</c:v>
                </c:pt>
                <c:pt idx="1540">
                  <c:v>40485</c:v>
                </c:pt>
                <c:pt idx="1541">
                  <c:v>40486</c:v>
                </c:pt>
                <c:pt idx="1542">
                  <c:v>40487</c:v>
                </c:pt>
                <c:pt idx="1543">
                  <c:v>40490</c:v>
                </c:pt>
                <c:pt idx="1544">
                  <c:v>40491</c:v>
                </c:pt>
                <c:pt idx="1545">
                  <c:v>40492</c:v>
                </c:pt>
                <c:pt idx="1546">
                  <c:v>40493</c:v>
                </c:pt>
                <c:pt idx="1547">
                  <c:v>40494</c:v>
                </c:pt>
                <c:pt idx="1548">
                  <c:v>40498</c:v>
                </c:pt>
                <c:pt idx="1549">
                  <c:v>40499</c:v>
                </c:pt>
                <c:pt idx="1550">
                  <c:v>40500</c:v>
                </c:pt>
                <c:pt idx="1551">
                  <c:v>40501</c:v>
                </c:pt>
                <c:pt idx="1552">
                  <c:v>40504</c:v>
                </c:pt>
                <c:pt idx="1553">
                  <c:v>40505</c:v>
                </c:pt>
                <c:pt idx="1554">
                  <c:v>40506</c:v>
                </c:pt>
                <c:pt idx="1555">
                  <c:v>40507</c:v>
                </c:pt>
                <c:pt idx="1556">
                  <c:v>40508</c:v>
                </c:pt>
                <c:pt idx="1557">
                  <c:v>40511</c:v>
                </c:pt>
                <c:pt idx="1558">
                  <c:v>40512</c:v>
                </c:pt>
                <c:pt idx="1559">
                  <c:v>40513</c:v>
                </c:pt>
                <c:pt idx="1560">
                  <c:v>40514</c:v>
                </c:pt>
                <c:pt idx="1561">
                  <c:v>40515</c:v>
                </c:pt>
                <c:pt idx="1562">
                  <c:v>40518</c:v>
                </c:pt>
                <c:pt idx="1563">
                  <c:v>40519</c:v>
                </c:pt>
                <c:pt idx="1564">
                  <c:v>40520</c:v>
                </c:pt>
                <c:pt idx="1565">
                  <c:v>40521</c:v>
                </c:pt>
                <c:pt idx="1566">
                  <c:v>40522</c:v>
                </c:pt>
                <c:pt idx="1567">
                  <c:v>40525</c:v>
                </c:pt>
                <c:pt idx="1568">
                  <c:v>40526</c:v>
                </c:pt>
                <c:pt idx="1569">
                  <c:v>40527</c:v>
                </c:pt>
                <c:pt idx="1570">
                  <c:v>40528</c:v>
                </c:pt>
                <c:pt idx="1571">
                  <c:v>40529</c:v>
                </c:pt>
                <c:pt idx="1572">
                  <c:v>40532</c:v>
                </c:pt>
                <c:pt idx="1573">
                  <c:v>40533</c:v>
                </c:pt>
                <c:pt idx="1574">
                  <c:v>40534</c:v>
                </c:pt>
                <c:pt idx="1575">
                  <c:v>40535</c:v>
                </c:pt>
                <c:pt idx="1576">
                  <c:v>40536</c:v>
                </c:pt>
                <c:pt idx="1577">
                  <c:v>40539</c:v>
                </c:pt>
                <c:pt idx="1578">
                  <c:v>40540</c:v>
                </c:pt>
                <c:pt idx="1579">
                  <c:v>40541</c:v>
                </c:pt>
                <c:pt idx="1580">
                  <c:v>40542</c:v>
                </c:pt>
                <c:pt idx="1581">
                  <c:v>40543</c:v>
                </c:pt>
                <c:pt idx="1582">
                  <c:v>40546</c:v>
                </c:pt>
                <c:pt idx="1583">
                  <c:v>40547</c:v>
                </c:pt>
                <c:pt idx="1584">
                  <c:v>40548</c:v>
                </c:pt>
                <c:pt idx="1585">
                  <c:v>40549</c:v>
                </c:pt>
                <c:pt idx="1586">
                  <c:v>40550</c:v>
                </c:pt>
                <c:pt idx="1587">
                  <c:v>40553</c:v>
                </c:pt>
                <c:pt idx="1588">
                  <c:v>40554</c:v>
                </c:pt>
                <c:pt idx="1589">
                  <c:v>40555</c:v>
                </c:pt>
                <c:pt idx="1590">
                  <c:v>40556</c:v>
                </c:pt>
                <c:pt idx="1591">
                  <c:v>40557</c:v>
                </c:pt>
                <c:pt idx="1592">
                  <c:v>40560</c:v>
                </c:pt>
                <c:pt idx="1593">
                  <c:v>40561</c:v>
                </c:pt>
                <c:pt idx="1594">
                  <c:v>40562</c:v>
                </c:pt>
                <c:pt idx="1595">
                  <c:v>40563</c:v>
                </c:pt>
                <c:pt idx="1596">
                  <c:v>40564</c:v>
                </c:pt>
                <c:pt idx="1597">
                  <c:v>40567</c:v>
                </c:pt>
                <c:pt idx="1598">
                  <c:v>40568</c:v>
                </c:pt>
                <c:pt idx="1599">
                  <c:v>40569</c:v>
                </c:pt>
                <c:pt idx="1600">
                  <c:v>40570</c:v>
                </c:pt>
                <c:pt idx="1601">
                  <c:v>40571</c:v>
                </c:pt>
                <c:pt idx="1602">
                  <c:v>40574</c:v>
                </c:pt>
                <c:pt idx="1603">
                  <c:v>40575</c:v>
                </c:pt>
                <c:pt idx="1604">
                  <c:v>40576</c:v>
                </c:pt>
                <c:pt idx="1605">
                  <c:v>40577</c:v>
                </c:pt>
                <c:pt idx="1606">
                  <c:v>40578</c:v>
                </c:pt>
                <c:pt idx="1607">
                  <c:v>40581</c:v>
                </c:pt>
                <c:pt idx="1608">
                  <c:v>40582</c:v>
                </c:pt>
                <c:pt idx="1609">
                  <c:v>40583</c:v>
                </c:pt>
                <c:pt idx="1610">
                  <c:v>40584</c:v>
                </c:pt>
                <c:pt idx="1611">
                  <c:v>40585</c:v>
                </c:pt>
                <c:pt idx="1612">
                  <c:v>40588</c:v>
                </c:pt>
                <c:pt idx="1613">
                  <c:v>40589</c:v>
                </c:pt>
                <c:pt idx="1614">
                  <c:v>40590</c:v>
                </c:pt>
                <c:pt idx="1615">
                  <c:v>40591</c:v>
                </c:pt>
                <c:pt idx="1616">
                  <c:v>40592</c:v>
                </c:pt>
                <c:pt idx="1617">
                  <c:v>40595</c:v>
                </c:pt>
                <c:pt idx="1618">
                  <c:v>40596</c:v>
                </c:pt>
                <c:pt idx="1619">
                  <c:v>40597</c:v>
                </c:pt>
                <c:pt idx="1620">
                  <c:v>40598</c:v>
                </c:pt>
                <c:pt idx="1621">
                  <c:v>40599</c:v>
                </c:pt>
                <c:pt idx="1622">
                  <c:v>40602</c:v>
                </c:pt>
                <c:pt idx="1623">
                  <c:v>40603</c:v>
                </c:pt>
                <c:pt idx="1624">
                  <c:v>40604</c:v>
                </c:pt>
                <c:pt idx="1625">
                  <c:v>40605</c:v>
                </c:pt>
                <c:pt idx="1626">
                  <c:v>40606</c:v>
                </c:pt>
                <c:pt idx="1627">
                  <c:v>40611</c:v>
                </c:pt>
                <c:pt idx="1628">
                  <c:v>40612</c:v>
                </c:pt>
                <c:pt idx="1629">
                  <c:v>40613</c:v>
                </c:pt>
                <c:pt idx="1630">
                  <c:v>40616</c:v>
                </c:pt>
                <c:pt idx="1631">
                  <c:v>40617</c:v>
                </c:pt>
                <c:pt idx="1632">
                  <c:v>40618</c:v>
                </c:pt>
                <c:pt idx="1633">
                  <c:v>40619</c:v>
                </c:pt>
                <c:pt idx="1634">
                  <c:v>40620</c:v>
                </c:pt>
                <c:pt idx="1635">
                  <c:v>40623</c:v>
                </c:pt>
                <c:pt idx="1636">
                  <c:v>40624</c:v>
                </c:pt>
                <c:pt idx="1637">
                  <c:v>40625</c:v>
                </c:pt>
                <c:pt idx="1638">
                  <c:v>40626</c:v>
                </c:pt>
                <c:pt idx="1639">
                  <c:v>40627</c:v>
                </c:pt>
                <c:pt idx="1640">
                  <c:v>40630</c:v>
                </c:pt>
                <c:pt idx="1641">
                  <c:v>40631</c:v>
                </c:pt>
                <c:pt idx="1642">
                  <c:v>40632</c:v>
                </c:pt>
                <c:pt idx="1643">
                  <c:v>40633</c:v>
                </c:pt>
                <c:pt idx="1644">
                  <c:v>40634</c:v>
                </c:pt>
                <c:pt idx="1645">
                  <c:v>40637</c:v>
                </c:pt>
                <c:pt idx="1646">
                  <c:v>40638</c:v>
                </c:pt>
                <c:pt idx="1647">
                  <c:v>40639</c:v>
                </c:pt>
                <c:pt idx="1648">
                  <c:v>40640</c:v>
                </c:pt>
                <c:pt idx="1649">
                  <c:v>40641</c:v>
                </c:pt>
                <c:pt idx="1650">
                  <c:v>40644</c:v>
                </c:pt>
                <c:pt idx="1651">
                  <c:v>40645</c:v>
                </c:pt>
                <c:pt idx="1652">
                  <c:v>40646</c:v>
                </c:pt>
                <c:pt idx="1653">
                  <c:v>40647</c:v>
                </c:pt>
                <c:pt idx="1654">
                  <c:v>40648</c:v>
                </c:pt>
                <c:pt idx="1655">
                  <c:v>40651</c:v>
                </c:pt>
                <c:pt idx="1656">
                  <c:v>40652</c:v>
                </c:pt>
                <c:pt idx="1657">
                  <c:v>40653</c:v>
                </c:pt>
                <c:pt idx="1658">
                  <c:v>40658</c:v>
                </c:pt>
                <c:pt idx="1659">
                  <c:v>40659</c:v>
                </c:pt>
                <c:pt idx="1660">
                  <c:v>40660</c:v>
                </c:pt>
                <c:pt idx="1661">
                  <c:v>40661</c:v>
                </c:pt>
                <c:pt idx="1662">
                  <c:v>40662</c:v>
                </c:pt>
                <c:pt idx="1663">
                  <c:v>40665</c:v>
                </c:pt>
                <c:pt idx="1664">
                  <c:v>40666</c:v>
                </c:pt>
                <c:pt idx="1665">
                  <c:v>40667</c:v>
                </c:pt>
                <c:pt idx="1666">
                  <c:v>40668</c:v>
                </c:pt>
                <c:pt idx="1667">
                  <c:v>40669</c:v>
                </c:pt>
                <c:pt idx="1668">
                  <c:v>40672</c:v>
                </c:pt>
                <c:pt idx="1669">
                  <c:v>40673</c:v>
                </c:pt>
                <c:pt idx="1670">
                  <c:v>40674</c:v>
                </c:pt>
                <c:pt idx="1671">
                  <c:v>40675</c:v>
                </c:pt>
                <c:pt idx="1672">
                  <c:v>40676</c:v>
                </c:pt>
                <c:pt idx="1673">
                  <c:v>40679</c:v>
                </c:pt>
                <c:pt idx="1674">
                  <c:v>40680</c:v>
                </c:pt>
                <c:pt idx="1675">
                  <c:v>40681</c:v>
                </c:pt>
                <c:pt idx="1676">
                  <c:v>40682</c:v>
                </c:pt>
                <c:pt idx="1677">
                  <c:v>40683</c:v>
                </c:pt>
                <c:pt idx="1678">
                  <c:v>40686</c:v>
                </c:pt>
                <c:pt idx="1679">
                  <c:v>40687</c:v>
                </c:pt>
                <c:pt idx="1680">
                  <c:v>40688</c:v>
                </c:pt>
                <c:pt idx="1681">
                  <c:v>40689</c:v>
                </c:pt>
                <c:pt idx="1682">
                  <c:v>40690</c:v>
                </c:pt>
                <c:pt idx="1683">
                  <c:v>40693</c:v>
                </c:pt>
                <c:pt idx="1684">
                  <c:v>40694</c:v>
                </c:pt>
                <c:pt idx="1685">
                  <c:v>40695</c:v>
                </c:pt>
                <c:pt idx="1686">
                  <c:v>40696</c:v>
                </c:pt>
                <c:pt idx="1687">
                  <c:v>40697</c:v>
                </c:pt>
                <c:pt idx="1688">
                  <c:v>40700</c:v>
                </c:pt>
                <c:pt idx="1689">
                  <c:v>40701</c:v>
                </c:pt>
                <c:pt idx="1690">
                  <c:v>40702</c:v>
                </c:pt>
                <c:pt idx="1691">
                  <c:v>40703</c:v>
                </c:pt>
                <c:pt idx="1692">
                  <c:v>40704</c:v>
                </c:pt>
                <c:pt idx="1693">
                  <c:v>40707</c:v>
                </c:pt>
                <c:pt idx="1694">
                  <c:v>40708</c:v>
                </c:pt>
                <c:pt idx="1695">
                  <c:v>40709</c:v>
                </c:pt>
                <c:pt idx="1696">
                  <c:v>40710</c:v>
                </c:pt>
                <c:pt idx="1697">
                  <c:v>40711</c:v>
                </c:pt>
                <c:pt idx="1698">
                  <c:v>40714</c:v>
                </c:pt>
                <c:pt idx="1699">
                  <c:v>40715</c:v>
                </c:pt>
                <c:pt idx="1700">
                  <c:v>40716</c:v>
                </c:pt>
                <c:pt idx="1701">
                  <c:v>40718</c:v>
                </c:pt>
                <c:pt idx="1702">
                  <c:v>40721</c:v>
                </c:pt>
                <c:pt idx="1703">
                  <c:v>40722</c:v>
                </c:pt>
                <c:pt idx="1704">
                  <c:v>40723</c:v>
                </c:pt>
                <c:pt idx="1705">
                  <c:v>40724</c:v>
                </c:pt>
                <c:pt idx="1706">
                  <c:v>40725</c:v>
                </c:pt>
                <c:pt idx="1707">
                  <c:v>40728</c:v>
                </c:pt>
                <c:pt idx="1708">
                  <c:v>40729</c:v>
                </c:pt>
                <c:pt idx="1709">
                  <c:v>40730</c:v>
                </c:pt>
                <c:pt idx="1710">
                  <c:v>40731</c:v>
                </c:pt>
                <c:pt idx="1711">
                  <c:v>40732</c:v>
                </c:pt>
                <c:pt idx="1712">
                  <c:v>40735</c:v>
                </c:pt>
                <c:pt idx="1713">
                  <c:v>40736</c:v>
                </c:pt>
                <c:pt idx="1714">
                  <c:v>40737</c:v>
                </c:pt>
                <c:pt idx="1715">
                  <c:v>40738</c:v>
                </c:pt>
                <c:pt idx="1716">
                  <c:v>40739</c:v>
                </c:pt>
                <c:pt idx="1717">
                  <c:v>40742</c:v>
                </c:pt>
                <c:pt idx="1718">
                  <c:v>40743</c:v>
                </c:pt>
                <c:pt idx="1719">
                  <c:v>40744</c:v>
                </c:pt>
                <c:pt idx="1720">
                  <c:v>40745</c:v>
                </c:pt>
                <c:pt idx="1721">
                  <c:v>40746</c:v>
                </c:pt>
                <c:pt idx="1722">
                  <c:v>40749</c:v>
                </c:pt>
                <c:pt idx="1723">
                  <c:v>40750</c:v>
                </c:pt>
                <c:pt idx="1724">
                  <c:v>40751</c:v>
                </c:pt>
                <c:pt idx="1725">
                  <c:v>40752</c:v>
                </c:pt>
                <c:pt idx="1726">
                  <c:v>40753</c:v>
                </c:pt>
                <c:pt idx="1727">
                  <c:v>40756</c:v>
                </c:pt>
                <c:pt idx="1728">
                  <c:v>40757</c:v>
                </c:pt>
                <c:pt idx="1729">
                  <c:v>40758</c:v>
                </c:pt>
                <c:pt idx="1730">
                  <c:v>40759</c:v>
                </c:pt>
                <c:pt idx="1731">
                  <c:v>40760</c:v>
                </c:pt>
                <c:pt idx="1732">
                  <c:v>40763</c:v>
                </c:pt>
                <c:pt idx="1733">
                  <c:v>40764</c:v>
                </c:pt>
                <c:pt idx="1734">
                  <c:v>40765</c:v>
                </c:pt>
                <c:pt idx="1735">
                  <c:v>40766</c:v>
                </c:pt>
                <c:pt idx="1736">
                  <c:v>40767</c:v>
                </c:pt>
                <c:pt idx="1737">
                  <c:v>40770</c:v>
                </c:pt>
                <c:pt idx="1738">
                  <c:v>40771</c:v>
                </c:pt>
                <c:pt idx="1739">
                  <c:v>40772</c:v>
                </c:pt>
                <c:pt idx="1740">
                  <c:v>40773</c:v>
                </c:pt>
                <c:pt idx="1741">
                  <c:v>40774</c:v>
                </c:pt>
                <c:pt idx="1742">
                  <c:v>40777</c:v>
                </c:pt>
                <c:pt idx="1743">
                  <c:v>40778</c:v>
                </c:pt>
                <c:pt idx="1744">
                  <c:v>40779</c:v>
                </c:pt>
                <c:pt idx="1745">
                  <c:v>40780</c:v>
                </c:pt>
                <c:pt idx="1746">
                  <c:v>40781</c:v>
                </c:pt>
                <c:pt idx="1747">
                  <c:v>40784</c:v>
                </c:pt>
                <c:pt idx="1748">
                  <c:v>40785</c:v>
                </c:pt>
                <c:pt idx="1749">
                  <c:v>40786</c:v>
                </c:pt>
                <c:pt idx="1750">
                  <c:v>40787</c:v>
                </c:pt>
                <c:pt idx="1751">
                  <c:v>40788</c:v>
                </c:pt>
                <c:pt idx="1752">
                  <c:v>40791</c:v>
                </c:pt>
                <c:pt idx="1753">
                  <c:v>40792</c:v>
                </c:pt>
                <c:pt idx="1754">
                  <c:v>40794</c:v>
                </c:pt>
                <c:pt idx="1755">
                  <c:v>40795</c:v>
                </c:pt>
                <c:pt idx="1756">
                  <c:v>40798</c:v>
                </c:pt>
                <c:pt idx="1757">
                  <c:v>40799</c:v>
                </c:pt>
                <c:pt idx="1758">
                  <c:v>40800</c:v>
                </c:pt>
                <c:pt idx="1759">
                  <c:v>40801</c:v>
                </c:pt>
                <c:pt idx="1760">
                  <c:v>40802</c:v>
                </c:pt>
                <c:pt idx="1761">
                  <c:v>40805</c:v>
                </c:pt>
                <c:pt idx="1762">
                  <c:v>40806</c:v>
                </c:pt>
                <c:pt idx="1763">
                  <c:v>40807</c:v>
                </c:pt>
                <c:pt idx="1764">
                  <c:v>40808</c:v>
                </c:pt>
                <c:pt idx="1765">
                  <c:v>40809</c:v>
                </c:pt>
                <c:pt idx="1766">
                  <c:v>40812</c:v>
                </c:pt>
                <c:pt idx="1767">
                  <c:v>40813</c:v>
                </c:pt>
                <c:pt idx="1768">
                  <c:v>40814</c:v>
                </c:pt>
                <c:pt idx="1769">
                  <c:v>40815</c:v>
                </c:pt>
                <c:pt idx="1770">
                  <c:v>40816</c:v>
                </c:pt>
                <c:pt idx="1771">
                  <c:v>40819</c:v>
                </c:pt>
                <c:pt idx="1772">
                  <c:v>40820</c:v>
                </c:pt>
                <c:pt idx="1773">
                  <c:v>40821</c:v>
                </c:pt>
                <c:pt idx="1774">
                  <c:v>40822</c:v>
                </c:pt>
                <c:pt idx="1775">
                  <c:v>40823</c:v>
                </c:pt>
                <c:pt idx="1776">
                  <c:v>40826</c:v>
                </c:pt>
                <c:pt idx="1777">
                  <c:v>40827</c:v>
                </c:pt>
                <c:pt idx="1778">
                  <c:v>40829</c:v>
                </c:pt>
                <c:pt idx="1779">
                  <c:v>40830</c:v>
                </c:pt>
                <c:pt idx="1780">
                  <c:v>40833</c:v>
                </c:pt>
                <c:pt idx="1781">
                  <c:v>40834</c:v>
                </c:pt>
                <c:pt idx="1782">
                  <c:v>40835</c:v>
                </c:pt>
                <c:pt idx="1783">
                  <c:v>40836</c:v>
                </c:pt>
                <c:pt idx="1784">
                  <c:v>40837</c:v>
                </c:pt>
                <c:pt idx="1785">
                  <c:v>40840</c:v>
                </c:pt>
                <c:pt idx="1786">
                  <c:v>40841</c:v>
                </c:pt>
                <c:pt idx="1787">
                  <c:v>40842</c:v>
                </c:pt>
                <c:pt idx="1788">
                  <c:v>40843</c:v>
                </c:pt>
                <c:pt idx="1789">
                  <c:v>40844</c:v>
                </c:pt>
                <c:pt idx="1790">
                  <c:v>40847</c:v>
                </c:pt>
                <c:pt idx="1791">
                  <c:v>40848</c:v>
                </c:pt>
                <c:pt idx="1792">
                  <c:v>40850</c:v>
                </c:pt>
                <c:pt idx="1793">
                  <c:v>40851</c:v>
                </c:pt>
                <c:pt idx="1794">
                  <c:v>40854</c:v>
                </c:pt>
                <c:pt idx="1795">
                  <c:v>40855</c:v>
                </c:pt>
                <c:pt idx="1796">
                  <c:v>40856</c:v>
                </c:pt>
                <c:pt idx="1797">
                  <c:v>40857</c:v>
                </c:pt>
                <c:pt idx="1798">
                  <c:v>40858</c:v>
                </c:pt>
                <c:pt idx="1799">
                  <c:v>40861</c:v>
                </c:pt>
                <c:pt idx="1800">
                  <c:v>40863</c:v>
                </c:pt>
                <c:pt idx="1801">
                  <c:v>40864</c:v>
                </c:pt>
                <c:pt idx="1802">
                  <c:v>40865</c:v>
                </c:pt>
                <c:pt idx="1803">
                  <c:v>40868</c:v>
                </c:pt>
                <c:pt idx="1804">
                  <c:v>40869</c:v>
                </c:pt>
                <c:pt idx="1805">
                  <c:v>40870</c:v>
                </c:pt>
                <c:pt idx="1806">
                  <c:v>40871</c:v>
                </c:pt>
                <c:pt idx="1807">
                  <c:v>40872</c:v>
                </c:pt>
                <c:pt idx="1808">
                  <c:v>40875</c:v>
                </c:pt>
                <c:pt idx="1809">
                  <c:v>40876</c:v>
                </c:pt>
                <c:pt idx="1810">
                  <c:v>40877</c:v>
                </c:pt>
                <c:pt idx="1811">
                  <c:v>40878</c:v>
                </c:pt>
                <c:pt idx="1812">
                  <c:v>40879</c:v>
                </c:pt>
                <c:pt idx="1813">
                  <c:v>40882</c:v>
                </c:pt>
                <c:pt idx="1814">
                  <c:v>40883</c:v>
                </c:pt>
                <c:pt idx="1815">
                  <c:v>40884</c:v>
                </c:pt>
                <c:pt idx="1816">
                  <c:v>40885</c:v>
                </c:pt>
                <c:pt idx="1817">
                  <c:v>40886</c:v>
                </c:pt>
                <c:pt idx="1818">
                  <c:v>40889</c:v>
                </c:pt>
                <c:pt idx="1819">
                  <c:v>40890</c:v>
                </c:pt>
                <c:pt idx="1820">
                  <c:v>40891</c:v>
                </c:pt>
                <c:pt idx="1821">
                  <c:v>40892</c:v>
                </c:pt>
                <c:pt idx="1822">
                  <c:v>40893</c:v>
                </c:pt>
                <c:pt idx="1823">
                  <c:v>40896</c:v>
                </c:pt>
                <c:pt idx="1824">
                  <c:v>40897</c:v>
                </c:pt>
                <c:pt idx="1825">
                  <c:v>40898</c:v>
                </c:pt>
                <c:pt idx="1826">
                  <c:v>40899</c:v>
                </c:pt>
                <c:pt idx="1827">
                  <c:v>40900</c:v>
                </c:pt>
                <c:pt idx="1828">
                  <c:v>40903</c:v>
                </c:pt>
                <c:pt idx="1829">
                  <c:v>40904</c:v>
                </c:pt>
                <c:pt idx="1830">
                  <c:v>40905</c:v>
                </c:pt>
                <c:pt idx="1831">
                  <c:v>40906</c:v>
                </c:pt>
                <c:pt idx="1832">
                  <c:v>40907</c:v>
                </c:pt>
                <c:pt idx="1833">
                  <c:v>40910</c:v>
                </c:pt>
                <c:pt idx="1834">
                  <c:v>40911</c:v>
                </c:pt>
                <c:pt idx="1835">
                  <c:v>40912</c:v>
                </c:pt>
                <c:pt idx="1836">
                  <c:v>40913</c:v>
                </c:pt>
                <c:pt idx="1837">
                  <c:v>40914</c:v>
                </c:pt>
                <c:pt idx="1838">
                  <c:v>40917</c:v>
                </c:pt>
                <c:pt idx="1839">
                  <c:v>40918</c:v>
                </c:pt>
                <c:pt idx="1840">
                  <c:v>40919</c:v>
                </c:pt>
                <c:pt idx="1841">
                  <c:v>40920</c:v>
                </c:pt>
                <c:pt idx="1842">
                  <c:v>40921</c:v>
                </c:pt>
                <c:pt idx="1843">
                  <c:v>40924</c:v>
                </c:pt>
                <c:pt idx="1844">
                  <c:v>40925</c:v>
                </c:pt>
                <c:pt idx="1845">
                  <c:v>40926</c:v>
                </c:pt>
                <c:pt idx="1846">
                  <c:v>40927</c:v>
                </c:pt>
                <c:pt idx="1847">
                  <c:v>40928</c:v>
                </c:pt>
                <c:pt idx="1848">
                  <c:v>40931</c:v>
                </c:pt>
                <c:pt idx="1849">
                  <c:v>40932</c:v>
                </c:pt>
                <c:pt idx="1850">
                  <c:v>40933</c:v>
                </c:pt>
                <c:pt idx="1851">
                  <c:v>40934</c:v>
                </c:pt>
                <c:pt idx="1852">
                  <c:v>40935</c:v>
                </c:pt>
                <c:pt idx="1853">
                  <c:v>40938</c:v>
                </c:pt>
                <c:pt idx="1854">
                  <c:v>40939</c:v>
                </c:pt>
                <c:pt idx="1855">
                  <c:v>40940</c:v>
                </c:pt>
                <c:pt idx="1856">
                  <c:v>40941</c:v>
                </c:pt>
                <c:pt idx="1857">
                  <c:v>40942</c:v>
                </c:pt>
                <c:pt idx="1858">
                  <c:v>40945</c:v>
                </c:pt>
                <c:pt idx="1859">
                  <c:v>40946</c:v>
                </c:pt>
                <c:pt idx="1860">
                  <c:v>40947</c:v>
                </c:pt>
                <c:pt idx="1861">
                  <c:v>40948</c:v>
                </c:pt>
                <c:pt idx="1862">
                  <c:v>40949</c:v>
                </c:pt>
                <c:pt idx="1863">
                  <c:v>40952</c:v>
                </c:pt>
                <c:pt idx="1864">
                  <c:v>40953</c:v>
                </c:pt>
                <c:pt idx="1865">
                  <c:v>40954</c:v>
                </c:pt>
                <c:pt idx="1866">
                  <c:v>40955</c:v>
                </c:pt>
                <c:pt idx="1867">
                  <c:v>40956</c:v>
                </c:pt>
                <c:pt idx="1868">
                  <c:v>40961</c:v>
                </c:pt>
                <c:pt idx="1869">
                  <c:v>40962</c:v>
                </c:pt>
                <c:pt idx="1870">
                  <c:v>40963</c:v>
                </c:pt>
                <c:pt idx="1871">
                  <c:v>40966</c:v>
                </c:pt>
                <c:pt idx="1872">
                  <c:v>40967</c:v>
                </c:pt>
                <c:pt idx="1873">
                  <c:v>40968</c:v>
                </c:pt>
                <c:pt idx="1874">
                  <c:v>40969</c:v>
                </c:pt>
                <c:pt idx="1875">
                  <c:v>40970</c:v>
                </c:pt>
                <c:pt idx="1876">
                  <c:v>40973</c:v>
                </c:pt>
                <c:pt idx="1877">
                  <c:v>40974</c:v>
                </c:pt>
                <c:pt idx="1878">
                  <c:v>40975</c:v>
                </c:pt>
                <c:pt idx="1879">
                  <c:v>40976</c:v>
                </c:pt>
                <c:pt idx="1880">
                  <c:v>40977</c:v>
                </c:pt>
                <c:pt idx="1881">
                  <c:v>40980</c:v>
                </c:pt>
                <c:pt idx="1882">
                  <c:v>40981</c:v>
                </c:pt>
                <c:pt idx="1883">
                  <c:v>40982</c:v>
                </c:pt>
                <c:pt idx="1884">
                  <c:v>40983</c:v>
                </c:pt>
                <c:pt idx="1885">
                  <c:v>40984</c:v>
                </c:pt>
                <c:pt idx="1886">
                  <c:v>40987</c:v>
                </c:pt>
                <c:pt idx="1887">
                  <c:v>40988</c:v>
                </c:pt>
                <c:pt idx="1888">
                  <c:v>40989</c:v>
                </c:pt>
                <c:pt idx="1889">
                  <c:v>40990</c:v>
                </c:pt>
                <c:pt idx="1890">
                  <c:v>40991</c:v>
                </c:pt>
                <c:pt idx="1891">
                  <c:v>40994</c:v>
                </c:pt>
                <c:pt idx="1892">
                  <c:v>40995</c:v>
                </c:pt>
                <c:pt idx="1893">
                  <c:v>40996</c:v>
                </c:pt>
                <c:pt idx="1894">
                  <c:v>40997</c:v>
                </c:pt>
                <c:pt idx="1895">
                  <c:v>40998</c:v>
                </c:pt>
                <c:pt idx="1896">
                  <c:v>41001</c:v>
                </c:pt>
                <c:pt idx="1897">
                  <c:v>41002</c:v>
                </c:pt>
                <c:pt idx="1898">
                  <c:v>41003</c:v>
                </c:pt>
                <c:pt idx="1899">
                  <c:v>41004</c:v>
                </c:pt>
                <c:pt idx="1900">
                  <c:v>41008</c:v>
                </c:pt>
                <c:pt idx="1901">
                  <c:v>41009</c:v>
                </c:pt>
                <c:pt idx="1902">
                  <c:v>41010</c:v>
                </c:pt>
                <c:pt idx="1903">
                  <c:v>41011</c:v>
                </c:pt>
                <c:pt idx="1904">
                  <c:v>41012</c:v>
                </c:pt>
                <c:pt idx="1905">
                  <c:v>41015</c:v>
                </c:pt>
                <c:pt idx="1906">
                  <c:v>41016</c:v>
                </c:pt>
                <c:pt idx="1907">
                  <c:v>41017</c:v>
                </c:pt>
                <c:pt idx="1908">
                  <c:v>41018</c:v>
                </c:pt>
                <c:pt idx="1909">
                  <c:v>41019</c:v>
                </c:pt>
                <c:pt idx="1910">
                  <c:v>41022</c:v>
                </c:pt>
                <c:pt idx="1911">
                  <c:v>41023</c:v>
                </c:pt>
                <c:pt idx="1912">
                  <c:v>41024</c:v>
                </c:pt>
                <c:pt idx="1913">
                  <c:v>41025</c:v>
                </c:pt>
                <c:pt idx="1914">
                  <c:v>41026</c:v>
                </c:pt>
                <c:pt idx="1915">
                  <c:v>41029</c:v>
                </c:pt>
                <c:pt idx="1916">
                  <c:v>41031</c:v>
                </c:pt>
                <c:pt idx="1917">
                  <c:v>41032</c:v>
                </c:pt>
                <c:pt idx="1918">
                  <c:v>41033</c:v>
                </c:pt>
                <c:pt idx="1919">
                  <c:v>41036</c:v>
                </c:pt>
                <c:pt idx="1920">
                  <c:v>41037</c:v>
                </c:pt>
                <c:pt idx="1921">
                  <c:v>41038</c:v>
                </c:pt>
                <c:pt idx="1922">
                  <c:v>41039</c:v>
                </c:pt>
                <c:pt idx="1923">
                  <c:v>41040</c:v>
                </c:pt>
                <c:pt idx="1924">
                  <c:v>41043</c:v>
                </c:pt>
                <c:pt idx="1925">
                  <c:v>41044</c:v>
                </c:pt>
                <c:pt idx="1926">
                  <c:v>41045</c:v>
                </c:pt>
                <c:pt idx="1927">
                  <c:v>41046</c:v>
                </c:pt>
                <c:pt idx="1928">
                  <c:v>41047</c:v>
                </c:pt>
                <c:pt idx="1929">
                  <c:v>41050</c:v>
                </c:pt>
                <c:pt idx="1930">
                  <c:v>41051</c:v>
                </c:pt>
                <c:pt idx="1931">
                  <c:v>41052</c:v>
                </c:pt>
                <c:pt idx="1932">
                  <c:v>41053</c:v>
                </c:pt>
                <c:pt idx="1933">
                  <c:v>41054</c:v>
                </c:pt>
                <c:pt idx="1934">
                  <c:v>41057</c:v>
                </c:pt>
                <c:pt idx="1935">
                  <c:v>41058</c:v>
                </c:pt>
                <c:pt idx="1936">
                  <c:v>41059</c:v>
                </c:pt>
                <c:pt idx="1937">
                  <c:v>41060</c:v>
                </c:pt>
                <c:pt idx="1938">
                  <c:v>41061</c:v>
                </c:pt>
                <c:pt idx="1939">
                  <c:v>41064</c:v>
                </c:pt>
                <c:pt idx="1940">
                  <c:v>41065</c:v>
                </c:pt>
                <c:pt idx="1941">
                  <c:v>41066</c:v>
                </c:pt>
                <c:pt idx="1942">
                  <c:v>41068</c:v>
                </c:pt>
                <c:pt idx="1943">
                  <c:v>41071</c:v>
                </c:pt>
                <c:pt idx="1944">
                  <c:v>41072</c:v>
                </c:pt>
                <c:pt idx="1945">
                  <c:v>41073</c:v>
                </c:pt>
                <c:pt idx="1946">
                  <c:v>41074</c:v>
                </c:pt>
                <c:pt idx="1947">
                  <c:v>41075</c:v>
                </c:pt>
                <c:pt idx="1948">
                  <c:v>41078</c:v>
                </c:pt>
                <c:pt idx="1949">
                  <c:v>41079</c:v>
                </c:pt>
                <c:pt idx="1950">
                  <c:v>41080</c:v>
                </c:pt>
                <c:pt idx="1951">
                  <c:v>41081</c:v>
                </c:pt>
                <c:pt idx="1952">
                  <c:v>41082</c:v>
                </c:pt>
                <c:pt idx="1953">
                  <c:v>41085</c:v>
                </c:pt>
                <c:pt idx="1954">
                  <c:v>41086</c:v>
                </c:pt>
                <c:pt idx="1955">
                  <c:v>41087</c:v>
                </c:pt>
                <c:pt idx="1956">
                  <c:v>41088</c:v>
                </c:pt>
                <c:pt idx="1957">
                  <c:v>41089</c:v>
                </c:pt>
                <c:pt idx="1958">
                  <c:v>41092</c:v>
                </c:pt>
                <c:pt idx="1959">
                  <c:v>41093</c:v>
                </c:pt>
                <c:pt idx="1960">
                  <c:v>41094</c:v>
                </c:pt>
                <c:pt idx="1961">
                  <c:v>41095</c:v>
                </c:pt>
                <c:pt idx="1962">
                  <c:v>41096</c:v>
                </c:pt>
                <c:pt idx="1963">
                  <c:v>41099</c:v>
                </c:pt>
                <c:pt idx="1964">
                  <c:v>41100</c:v>
                </c:pt>
                <c:pt idx="1965">
                  <c:v>41101</c:v>
                </c:pt>
                <c:pt idx="1966">
                  <c:v>41102</c:v>
                </c:pt>
                <c:pt idx="1967">
                  <c:v>41103</c:v>
                </c:pt>
                <c:pt idx="1968">
                  <c:v>41106</c:v>
                </c:pt>
                <c:pt idx="1969">
                  <c:v>41107</c:v>
                </c:pt>
                <c:pt idx="1970">
                  <c:v>41108</c:v>
                </c:pt>
                <c:pt idx="1971">
                  <c:v>41109</c:v>
                </c:pt>
                <c:pt idx="1972">
                  <c:v>41110</c:v>
                </c:pt>
                <c:pt idx="1973">
                  <c:v>41113</c:v>
                </c:pt>
                <c:pt idx="1974">
                  <c:v>41114</c:v>
                </c:pt>
                <c:pt idx="1975">
                  <c:v>41115</c:v>
                </c:pt>
                <c:pt idx="1976">
                  <c:v>41116</c:v>
                </c:pt>
                <c:pt idx="1977">
                  <c:v>41117</c:v>
                </c:pt>
                <c:pt idx="1978">
                  <c:v>41120</c:v>
                </c:pt>
                <c:pt idx="1979">
                  <c:v>41121</c:v>
                </c:pt>
                <c:pt idx="1980">
                  <c:v>41122</c:v>
                </c:pt>
                <c:pt idx="1981">
                  <c:v>41123</c:v>
                </c:pt>
                <c:pt idx="1982">
                  <c:v>41124</c:v>
                </c:pt>
                <c:pt idx="1983">
                  <c:v>41127</c:v>
                </c:pt>
                <c:pt idx="1984">
                  <c:v>41128</c:v>
                </c:pt>
                <c:pt idx="1985">
                  <c:v>41129</c:v>
                </c:pt>
                <c:pt idx="1986">
                  <c:v>41130</c:v>
                </c:pt>
                <c:pt idx="1987">
                  <c:v>41131</c:v>
                </c:pt>
                <c:pt idx="1988">
                  <c:v>41134</c:v>
                </c:pt>
                <c:pt idx="1989">
                  <c:v>41135</c:v>
                </c:pt>
                <c:pt idx="1990">
                  <c:v>41136</c:v>
                </c:pt>
                <c:pt idx="1991">
                  <c:v>41137</c:v>
                </c:pt>
                <c:pt idx="1992">
                  <c:v>41138</c:v>
                </c:pt>
                <c:pt idx="1993">
                  <c:v>41141</c:v>
                </c:pt>
                <c:pt idx="1994">
                  <c:v>41142</c:v>
                </c:pt>
                <c:pt idx="1995">
                  <c:v>41143</c:v>
                </c:pt>
                <c:pt idx="1996">
                  <c:v>41144</c:v>
                </c:pt>
                <c:pt idx="1997">
                  <c:v>41145</c:v>
                </c:pt>
                <c:pt idx="1998">
                  <c:v>41148</c:v>
                </c:pt>
                <c:pt idx="1999">
                  <c:v>41149</c:v>
                </c:pt>
                <c:pt idx="2000">
                  <c:v>41150</c:v>
                </c:pt>
                <c:pt idx="2001">
                  <c:v>41151</c:v>
                </c:pt>
                <c:pt idx="2002">
                  <c:v>41152</c:v>
                </c:pt>
                <c:pt idx="2003">
                  <c:v>41155</c:v>
                </c:pt>
                <c:pt idx="2004">
                  <c:v>41156</c:v>
                </c:pt>
                <c:pt idx="2005">
                  <c:v>41157</c:v>
                </c:pt>
                <c:pt idx="2006">
                  <c:v>41158</c:v>
                </c:pt>
                <c:pt idx="2007">
                  <c:v>41162</c:v>
                </c:pt>
                <c:pt idx="2008">
                  <c:v>41163</c:v>
                </c:pt>
                <c:pt idx="2009">
                  <c:v>41164</c:v>
                </c:pt>
                <c:pt idx="2010">
                  <c:v>41165</c:v>
                </c:pt>
                <c:pt idx="2011">
                  <c:v>41166</c:v>
                </c:pt>
                <c:pt idx="2012">
                  <c:v>41169</c:v>
                </c:pt>
                <c:pt idx="2013">
                  <c:v>41170</c:v>
                </c:pt>
                <c:pt idx="2014">
                  <c:v>41171</c:v>
                </c:pt>
                <c:pt idx="2015">
                  <c:v>41172</c:v>
                </c:pt>
                <c:pt idx="2016">
                  <c:v>41173</c:v>
                </c:pt>
                <c:pt idx="2017">
                  <c:v>41176</c:v>
                </c:pt>
                <c:pt idx="2018">
                  <c:v>41177</c:v>
                </c:pt>
                <c:pt idx="2019">
                  <c:v>41178</c:v>
                </c:pt>
                <c:pt idx="2020">
                  <c:v>41179</c:v>
                </c:pt>
                <c:pt idx="2021">
                  <c:v>41180</c:v>
                </c:pt>
                <c:pt idx="2022">
                  <c:v>41183</c:v>
                </c:pt>
                <c:pt idx="2023">
                  <c:v>41184</c:v>
                </c:pt>
                <c:pt idx="2024">
                  <c:v>41185</c:v>
                </c:pt>
                <c:pt idx="2025">
                  <c:v>41186</c:v>
                </c:pt>
                <c:pt idx="2026">
                  <c:v>41187</c:v>
                </c:pt>
                <c:pt idx="2027">
                  <c:v>41190</c:v>
                </c:pt>
                <c:pt idx="2028">
                  <c:v>41191</c:v>
                </c:pt>
                <c:pt idx="2029">
                  <c:v>41192</c:v>
                </c:pt>
                <c:pt idx="2030">
                  <c:v>41193</c:v>
                </c:pt>
                <c:pt idx="2031">
                  <c:v>41197</c:v>
                </c:pt>
                <c:pt idx="2032">
                  <c:v>41198</c:v>
                </c:pt>
                <c:pt idx="2033">
                  <c:v>41199</c:v>
                </c:pt>
                <c:pt idx="2034">
                  <c:v>41200</c:v>
                </c:pt>
                <c:pt idx="2035">
                  <c:v>41201</c:v>
                </c:pt>
                <c:pt idx="2036">
                  <c:v>41204</c:v>
                </c:pt>
                <c:pt idx="2037">
                  <c:v>41205</c:v>
                </c:pt>
                <c:pt idx="2038">
                  <c:v>41206</c:v>
                </c:pt>
                <c:pt idx="2039">
                  <c:v>41207</c:v>
                </c:pt>
                <c:pt idx="2040">
                  <c:v>41208</c:v>
                </c:pt>
                <c:pt idx="2041">
                  <c:v>41211</c:v>
                </c:pt>
                <c:pt idx="2042">
                  <c:v>41212</c:v>
                </c:pt>
                <c:pt idx="2043">
                  <c:v>41213</c:v>
                </c:pt>
                <c:pt idx="2044">
                  <c:v>41214</c:v>
                </c:pt>
                <c:pt idx="2045">
                  <c:v>41218</c:v>
                </c:pt>
                <c:pt idx="2046">
                  <c:v>41219</c:v>
                </c:pt>
                <c:pt idx="2047">
                  <c:v>41220</c:v>
                </c:pt>
                <c:pt idx="2048">
                  <c:v>41221</c:v>
                </c:pt>
                <c:pt idx="2049">
                  <c:v>41222</c:v>
                </c:pt>
                <c:pt idx="2050">
                  <c:v>41225</c:v>
                </c:pt>
                <c:pt idx="2051">
                  <c:v>41226</c:v>
                </c:pt>
                <c:pt idx="2052">
                  <c:v>41227</c:v>
                </c:pt>
                <c:pt idx="2053">
                  <c:v>41229</c:v>
                </c:pt>
                <c:pt idx="2054">
                  <c:v>41232</c:v>
                </c:pt>
                <c:pt idx="2055">
                  <c:v>41233</c:v>
                </c:pt>
                <c:pt idx="2056">
                  <c:v>41234</c:v>
                </c:pt>
                <c:pt idx="2057">
                  <c:v>41235</c:v>
                </c:pt>
                <c:pt idx="2058">
                  <c:v>41236</c:v>
                </c:pt>
                <c:pt idx="2059">
                  <c:v>41239</c:v>
                </c:pt>
                <c:pt idx="2060">
                  <c:v>41240</c:v>
                </c:pt>
                <c:pt idx="2061">
                  <c:v>41241</c:v>
                </c:pt>
                <c:pt idx="2062">
                  <c:v>41242</c:v>
                </c:pt>
                <c:pt idx="2063">
                  <c:v>41243</c:v>
                </c:pt>
                <c:pt idx="2064">
                  <c:v>41246</c:v>
                </c:pt>
                <c:pt idx="2065">
                  <c:v>41247</c:v>
                </c:pt>
                <c:pt idx="2066">
                  <c:v>41248</c:v>
                </c:pt>
                <c:pt idx="2067">
                  <c:v>41249</c:v>
                </c:pt>
                <c:pt idx="2068">
                  <c:v>41250</c:v>
                </c:pt>
                <c:pt idx="2069">
                  <c:v>41253</c:v>
                </c:pt>
                <c:pt idx="2070">
                  <c:v>41254</c:v>
                </c:pt>
                <c:pt idx="2071">
                  <c:v>41255</c:v>
                </c:pt>
                <c:pt idx="2072">
                  <c:v>41256</c:v>
                </c:pt>
                <c:pt idx="2073">
                  <c:v>41257</c:v>
                </c:pt>
                <c:pt idx="2074">
                  <c:v>41260</c:v>
                </c:pt>
                <c:pt idx="2075">
                  <c:v>41261</c:v>
                </c:pt>
                <c:pt idx="2076">
                  <c:v>41262</c:v>
                </c:pt>
                <c:pt idx="2077">
                  <c:v>41263</c:v>
                </c:pt>
                <c:pt idx="2078">
                  <c:v>41264</c:v>
                </c:pt>
                <c:pt idx="2079">
                  <c:v>41267</c:v>
                </c:pt>
                <c:pt idx="2080">
                  <c:v>41269</c:v>
                </c:pt>
                <c:pt idx="2081">
                  <c:v>41270</c:v>
                </c:pt>
                <c:pt idx="2082">
                  <c:v>41271</c:v>
                </c:pt>
                <c:pt idx="2083">
                  <c:v>41274</c:v>
                </c:pt>
                <c:pt idx="2084">
                  <c:v>41276</c:v>
                </c:pt>
                <c:pt idx="2085">
                  <c:v>41277</c:v>
                </c:pt>
                <c:pt idx="2086">
                  <c:v>41278</c:v>
                </c:pt>
                <c:pt idx="2087">
                  <c:v>41281</c:v>
                </c:pt>
                <c:pt idx="2088">
                  <c:v>41282</c:v>
                </c:pt>
                <c:pt idx="2089">
                  <c:v>41283</c:v>
                </c:pt>
                <c:pt idx="2090">
                  <c:v>41284</c:v>
                </c:pt>
                <c:pt idx="2091">
                  <c:v>41285</c:v>
                </c:pt>
                <c:pt idx="2092">
                  <c:v>41288</c:v>
                </c:pt>
                <c:pt idx="2093">
                  <c:v>41289</c:v>
                </c:pt>
                <c:pt idx="2094">
                  <c:v>41290</c:v>
                </c:pt>
                <c:pt idx="2095">
                  <c:v>41291</c:v>
                </c:pt>
                <c:pt idx="2096">
                  <c:v>41292</c:v>
                </c:pt>
                <c:pt idx="2097">
                  <c:v>41295</c:v>
                </c:pt>
                <c:pt idx="2098">
                  <c:v>41296</c:v>
                </c:pt>
                <c:pt idx="2099">
                  <c:v>41297</c:v>
                </c:pt>
                <c:pt idx="2100">
                  <c:v>41298</c:v>
                </c:pt>
                <c:pt idx="2101">
                  <c:v>41299</c:v>
                </c:pt>
                <c:pt idx="2102">
                  <c:v>41302</c:v>
                </c:pt>
                <c:pt idx="2103">
                  <c:v>41303</c:v>
                </c:pt>
                <c:pt idx="2104">
                  <c:v>41304</c:v>
                </c:pt>
                <c:pt idx="2105">
                  <c:v>41305</c:v>
                </c:pt>
                <c:pt idx="2106">
                  <c:v>41306</c:v>
                </c:pt>
                <c:pt idx="2107">
                  <c:v>41309</c:v>
                </c:pt>
                <c:pt idx="2108">
                  <c:v>41310</c:v>
                </c:pt>
                <c:pt idx="2109">
                  <c:v>41311</c:v>
                </c:pt>
                <c:pt idx="2110">
                  <c:v>41312</c:v>
                </c:pt>
                <c:pt idx="2111">
                  <c:v>41313</c:v>
                </c:pt>
                <c:pt idx="2112">
                  <c:v>41318</c:v>
                </c:pt>
                <c:pt idx="2113">
                  <c:v>41319</c:v>
                </c:pt>
                <c:pt idx="2114">
                  <c:v>41320</c:v>
                </c:pt>
                <c:pt idx="2115">
                  <c:v>41323</c:v>
                </c:pt>
                <c:pt idx="2116">
                  <c:v>41324</c:v>
                </c:pt>
                <c:pt idx="2117">
                  <c:v>41325</c:v>
                </c:pt>
                <c:pt idx="2118">
                  <c:v>41326</c:v>
                </c:pt>
                <c:pt idx="2119">
                  <c:v>41327</c:v>
                </c:pt>
                <c:pt idx="2120">
                  <c:v>41330</c:v>
                </c:pt>
                <c:pt idx="2121">
                  <c:v>41331</c:v>
                </c:pt>
                <c:pt idx="2122">
                  <c:v>41332</c:v>
                </c:pt>
                <c:pt idx="2123">
                  <c:v>41333</c:v>
                </c:pt>
                <c:pt idx="2124">
                  <c:v>41334</c:v>
                </c:pt>
                <c:pt idx="2125">
                  <c:v>41337</c:v>
                </c:pt>
                <c:pt idx="2126">
                  <c:v>41338</c:v>
                </c:pt>
                <c:pt idx="2127">
                  <c:v>41339</c:v>
                </c:pt>
                <c:pt idx="2128">
                  <c:v>41340</c:v>
                </c:pt>
                <c:pt idx="2129">
                  <c:v>41341</c:v>
                </c:pt>
                <c:pt idx="2130">
                  <c:v>41344</c:v>
                </c:pt>
                <c:pt idx="2131">
                  <c:v>41345</c:v>
                </c:pt>
                <c:pt idx="2132">
                  <c:v>41346</c:v>
                </c:pt>
                <c:pt idx="2133">
                  <c:v>41347</c:v>
                </c:pt>
                <c:pt idx="2134">
                  <c:v>41348</c:v>
                </c:pt>
                <c:pt idx="2135">
                  <c:v>41351</c:v>
                </c:pt>
                <c:pt idx="2136">
                  <c:v>41352</c:v>
                </c:pt>
                <c:pt idx="2137">
                  <c:v>41353</c:v>
                </c:pt>
                <c:pt idx="2138">
                  <c:v>41354</c:v>
                </c:pt>
                <c:pt idx="2139">
                  <c:v>41355</c:v>
                </c:pt>
                <c:pt idx="2140">
                  <c:v>41358</c:v>
                </c:pt>
                <c:pt idx="2141">
                  <c:v>41359</c:v>
                </c:pt>
                <c:pt idx="2142">
                  <c:v>41360</c:v>
                </c:pt>
                <c:pt idx="2143">
                  <c:v>41361</c:v>
                </c:pt>
                <c:pt idx="2144">
                  <c:v>41365</c:v>
                </c:pt>
                <c:pt idx="2145">
                  <c:v>41366</c:v>
                </c:pt>
                <c:pt idx="2146">
                  <c:v>41367</c:v>
                </c:pt>
                <c:pt idx="2147">
                  <c:v>41368</c:v>
                </c:pt>
                <c:pt idx="2148">
                  <c:v>41369</c:v>
                </c:pt>
                <c:pt idx="2149">
                  <c:v>41372</c:v>
                </c:pt>
                <c:pt idx="2150">
                  <c:v>41373</c:v>
                </c:pt>
                <c:pt idx="2151">
                  <c:v>41374</c:v>
                </c:pt>
                <c:pt idx="2152">
                  <c:v>41375</c:v>
                </c:pt>
                <c:pt idx="2153">
                  <c:v>41376</c:v>
                </c:pt>
                <c:pt idx="2154">
                  <c:v>41379</c:v>
                </c:pt>
                <c:pt idx="2155">
                  <c:v>41380</c:v>
                </c:pt>
                <c:pt idx="2156">
                  <c:v>41381</c:v>
                </c:pt>
                <c:pt idx="2157">
                  <c:v>41382</c:v>
                </c:pt>
                <c:pt idx="2158">
                  <c:v>41383</c:v>
                </c:pt>
                <c:pt idx="2159">
                  <c:v>41386</c:v>
                </c:pt>
                <c:pt idx="2160">
                  <c:v>41387</c:v>
                </c:pt>
                <c:pt idx="2161">
                  <c:v>41388</c:v>
                </c:pt>
                <c:pt idx="2162">
                  <c:v>41389</c:v>
                </c:pt>
                <c:pt idx="2163">
                  <c:v>41390</c:v>
                </c:pt>
                <c:pt idx="2164">
                  <c:v>41393</c:v>
                </c:pt>
                <c:pt idx="2165">
                  <c:v>41394</c:v>
                </c:pt>
                <c:pt idx="2166">
                  <c:v>41396</c:v>
                </c:pt>
                <c:pt idx="2167">
                  <c:v>41397</c:v>
                </c:pt>
                <c:pt idx="2168">
                  <c:v>41400</c:v>
                </c:pt>
                <c:pt idx="2169">
                  <c:v>41401</c:v>
                </c:pt>
                <c:pt idx="2170">
                  <c:v>41402</c:v>
                </c:pt>
                <c:pt idx="2171">
                  <c:v>41403</c:v>
                </c:pt>
                <c:pt idx="2172">
                  <c:v>41404</c:v>
                </c:pt>
                <c:pt idx="2173">
                  <c:v>41407</c:v>
                </c:pt>
                <c:pt idx="2174">
                  <c:v>41408</c:v>
                </c:pt>
                <c:pt idx="2175">
                  <c:v>41409</c:v>
                </c:pt>
                <c:pt idx="2176">
                  <c:v>41410</c:v>
                </c:pt>
                <c:pt idx="2177">
                  <c:v>41411</c:v>
                </c:pt>
                <c:pt idx="2178">
                  <c:v>41414</c:v>
                </c:pt>
                <c:pt idx="2179">
                  <c:v>41415</c:v>
                </c:pt>
                <c:pt idx="2180">
                  <c:v>41416</c:v>
                </c:pt>
                <c:pt idx="2181">
                  <c:v>41417</c:v>
                </c:pt>
                <c:pt idx="2182">
                  <c:v>41418</c:v>
                </c:pt>
                <c:pt idx="2183">
                  <c:v>41421</c:v>
                </c:pt>
                <c:pt idx="2184">
                  <c:v>41422</c:v>
                </c:pt>
                <c:pt idx="2185">
                  <c:v>41423</c:v>
                </c:pt>
                <c:pt idx="2186">
                  <c:v>41425</c:v>
                </c:pt>
                <c:pt idx="2187">
                  <c:v>41428</c:v>
                </c:pt>
                <c:pt idx="2188">
                  <c:v>41429</c:v>
                </c:pt>
                <c:pt idx="2189">
                  <c:v>41430</c:v>
                </c:pt>
                <c:pt idx="2190">
                  <c:v>41431</c:v>
                </c:pt>
                <c:pt idx="2191">
                  <c:v>41432</c:v>
                </c:pt>
                <c:pt idx="2192">
                  <c:v>41435</c:v>
                </c:pt>
                <c:pt idx="2193">
                  <c:v>41436</c:v>
                </c:pt>
                <c:pt idx="2194">
                  <c:v>41437</c:v>
                </c:pt>
                <c:pt idx="2195">
                  <c:v>41438</c:v>
                </c:pt>
                <c:pt idx="2196">
                  <c:v>41439</c:v>
                </c:pt>
                <c:pt idx="2197">
                  <c:v>41442</c:v>
                </c:pt>
                <c:pt idx="2198">
                  <c:v>41443</c:v>
                </c:pt>
                <c:pt idx="2199">
                  <c:v>41444</c:v>
                </c:pt>
                <c:pt idx="2200">
                  <c:v>41445</c:v>
                </c:pt>
                <c:pt idx="2201">
                  <c:v>41446</c:v>
                </c:pt>
                <c:pt idx="2202">
                  <c:v>41449</c:v>
                </c:pt>
                <c:pt idx="2203">
                  <c:v>41450</c:v>
                </c:pt>
                <c:pt idx="2204">
                  <c:v>41451</c:v>
                </c:pt>
                <c:pt idx="2205">
                  <c:v>41452</c:v>
                </c:pt>
                <c:pt idx="2206">
                  <c:v>41453</c:v>
                </c:pt>
                <c:pt idx="2207">
                  <c:v>41456</c:v>
                </c:pt>
                <c:pt idx="2208">
                  <c:v>41457</c:v>
                </c:pt>
                <c:pt idx="2209">
                  <c:v>41458</c:v>
                </c:pt>
                <c:pt idx="2210">
                  <c:v>41459</c:v>
                </c:pt>
                <c:pt idx="2211">
                  <c:v>41460</c:v>
                </c:pt>
                <c:pt idx="2212">
                  <c:v>41463</c:v>
                </c:pt>
                <c:pt idx="2213">
                  <c:v>41464</c:v>
                </c:pt>
                <c:pt idx="2214">
                  <c:v>41465</c:v>
                </c:pt>
                <c:pt idx="2215">
                  <c:v>41466</c:v>
                </c:pt>
                <c:pt idx="2216">
                  <c:v>41467</c:v>
                </c:pt>
                <c:pt idx="2217">
                  <c:v>41470</c:v>
                </c:pt>
                <c:pt idx="2218">
                  <c:v>41471</c:v>
                </c:pt>
                <c:pt idx="2219">
                  <c:v>41472</c:v>
                </c:pt>
                <c:pt idx="2220">
                  <c:v>41473</c:v>
                </c:pt>
                <c:pt idx="2221">
                  <c:v>41474</c:v>
                </c:pt>
                <c:pt idx="2222">
                  <c:v>41477</c:v>
                </c:pt>
                <c:pt idx="2223">
                  <c:v>41478</c:v>
                </c:pt>
                <c:pt idx="2224">
                  <c:v>41479</c:v>
                </c:pt>
                <c:pt idx="2225">
                  <c:v>41480</c:v>
                </c:pt>
                <c:pt idx="2226">
                  <c:v>41481</c:v>
                </c:pt>
                <c:pt idx="2227">
                  <c:v>41484</c:v>
                </c:pt>
                <c:pt idx="2228">
                  <c:v>41485</c:v>
                </c:pt>
                <c:pt idx="2229">
                  <c:v>41486</c:v>
                </c:pt>
                <c:pt idx="2230">
                  <c:v>41487</c:v>
                </c:pt>
                <c:pt idx="2231">
                  <c:v>41488</c:v>
                </c:pt>
                <c:pt idx="2232">
                  <c:v>41491</c:v>
                </c:pt>
                <c:pt idx="2233">
                  <c:v>41492</c:v>
                </c:pt>
                <c:pt idx="2234">
                  <c:v>41493</c:v>
                </c:pt>
                <c:pt idx="2235">
                  <c:v>41494</c:v>
                </c:pt>
                <c:pt idx="2236">
                  <c:v>41495</c:v>
                </c:pt>
                <c:pt idx="2237">
                  <c:v>41498</c:v>
                </c:pt>
                <c:pt idx="2238">
                  <c:v>41499</c:v>
                </c:pt>
                <c:pt idx="2239">
                  <c:v>41500</c:v>
                </c:pt>
                <c:pt idx="2240">
                  <c:v>41501</c:v>
                </c:pt>
                <c:pt idx="2241">
                  <c:v>41502</c:v>
                </c:pt>
                <c:pt idx="2242">
                  <c:v>41505</c:v>
                </c:pt>
                <c:pt idx="2243">
                  <c:v>41506</c:v>
                </c:pt>
                <c:pt idx="2244">
                  <c:v>41507</c:v>
                </c:pt>
                <c:pt idx="2245">
                  <c:v>41508</c:v>
                </c:pt>
                <c:pt idx="2246">
                  <c:v>41509</c:v>
                </c:pt>
                <c:pt idx="2247">
                  <c:v>41512</c:v>
                </c:pt>
                <c:pt idx="2248">
                  <c:v>41513</c:v>
                </c:pt>
                <c:pt idx="2249">
                  <c:v>41514</c:v>
                </c:pt>
                <c:pt idx="2250">
                  <c:v>41515</c:v>
                </c:pt>
                <c:pt idx="2251">
                  <c:v>41516</c:v>
                </c:pt>
                <c:pt idx="2252">
                  <c:v>41519</c:v>
                </c:pt>
                <c:pt idx="2253">
                  <c:v>41520</c:v>
                </c:pt>
                <c:pt idx="2254">
                  <c:v>41521</c:v>
                </c:pt>
                <c:pt idx="2255">
                  <c:v>41522</c:v>
                </c:pt>
                <c:pt idx="2256">
                  <c:v>41523</c:v>
                </c:pt>
                <c:pt idx="2257">
                  <c:v>41526</c:v>
                </c:pt>
                <c:pt idx="2258">
                  <c:v>41527</c:v>
                </c:pt>
                <c:pt idx="2259">
                  <c:v>41528</c:v>
                </c:pt>
                <c:pt idx="2260">
                  <c:v>41529</c:v>
                </c:pt>
                <c:pt idx="2261">
                  <c:v>41530</c:v>
                </c:pt>
                <c:pt idx="2262">
                  <c:v>41533</c:v>
                </c:pt>
                <c:pt idx="2263">
                  <c:v>41534</c:v>
                </c:pt>
                <c:pt idx="2264">
                  <c:v>41535</c:v>
                </c:pt>
                <c:pt idx="2265">
                  <c:v>41536</c:v>
                </c:pt>
                <c:pt idx="2266">
                  <c:v>41537</c:v>
                </c:pt>
                <c:pt idx="2267">
                  <c:v>41540</c:v>
                </c:pt>
                <c:pt idx="2268">
                  <c:v>41541</c:v>
                </c:pt>
                <c:pt idx="2269">
                  <c:v>41542</c:v>
                </c:pt>
                <c:pt idx="2270">
                  <c:v>41543</c:v>
                </c:pt>
                <c:pt idx="2271">
                  <c:v>41544</c:v>
                </c:pt>
                <c:pt idx="2272">
                  <c:v>41547</c:v>
                </c:pt>
                <c:pt idx="2273">
                  <c:v>41548</c:v>
                </c:pt>
                <c:pt idx="2274">
                  <c:v>41549</c:v>
                </c:pt>
                <c:pt idx="2275">
                  <c:v>41550</c:v>
                </c:pt>
                <c:pt idx="2276">
                  <c:v>41551</c:v>
                </c:pt>
                <c:pt idx="2277">
                  <c:v>41554</c:v>
                </c:pt>
                <c:pt idx="2278">
                  <c:v>41555</c:v>
                </c:pt>
                <c:pt idx="2279">
                  <c:v>41556</c:v>
                </c:pt>
                <c:pt idx="2280">
                  <c:v>41557</c:v>
                </c:pt>
                <c:pt idx="2281">
                  <c:v>41558</c:v>
                </c:pt>
                <c:pt idx="2282">
                  <c:v>41561</c:v>
                </c:pt>
                <c:pt idx="2283">
                  <c:v>41562</c:v>
                </c:pt>
                <c:pt idx="2284">
                  <c:v>41563</c:v>
                </c:pt>
                <c:pt idx="2285">
                  <c:v>41564</c:v>
                </c:pt>
                <c:pt idx="2286">
                  <c:v>41565</c:v>
                </c:pt>
                <c:pt idx="2287">
                  <c:v>41568</c:v>
                </c:pt>
                <c:pt idx="2288">
                  <c:v>41569</c:v>
                </c:pt>
                <c:pt idx="2289">
                  <c:v>41570</c:v>
                </c:pt>
                <c:pt idx="2290">
                  <c:v>41571</c:v>
                </c:pt>
                <c:pt idx="2291">
                  <c:v>41572</c:v>
                </c:pt>
                <c:pt idx="2292">
                  <c:v>41575</c:v>
                </c:pt>
                <c:pt idx="2293">
                  <c:v>41576</c:v>
                </c:pt>
                <c:pt idx="2294">
                  <c:v>41577</c:v>
                </c:pt>
                <c:pt idx="2295">
                  <c:v>41578</c:v>
                </c:pt>
                <c:pt idx="2296">
                  <c:v>41579</c:v>
                </c:pt>
                <c:pt idx="2297">
                  <c:v>41582</c:v>
                </c:pt>
                <c:pt idx="2298">
                  <c:v>41583</c:v>
                </c:pt>
                <c:pt idx="2299">
                  <c:v>41584</c:v>
                </c:pt>
                <c:pt idx="2300">
                  <c:v>41585</c:v>
                </c:pt>
                <c:pt idx="2301">
                  <c:v>41586</c:v>
                </c:pt>
                <c:pt idx="2302">
                  <c:v>41589</c:v>
                </c:pt>
                <c:pt idx="2303">
                  <c:v>41590</c:v>
                </c:pt>
                <c:pt idx="2304">
                  <c:v>41591</c:v>
                </c:pt>
                <c:pt idx="2305">
                  <c:v>41592</c:v>
                </c:pt>
                <c:pt idx="2306">
                  <c:v>41596</c:v>
                </c:pt>
                <c:pt idx="2307">
                  <c:v>41597</c:v>
                </c:pt>
                <c:pt idx="2308">
                  <c:v>41598</c:v>
                </c:pt>
                <c:pt idx="2309">
                  <c:v>41599</c:v>
                </c:pt>
                <c:pt idx="2310">
                  <c:v>41600</c:v>
                </c:pt>
                <c:pt idx="2311">
                  <c:v>41603</c:v>
                </c:pt>
                <c:pt idx="2312">
                  <c:v>41604</c:v>
                </c:pt>
                <c:pt idx="2313">
                  <c:v>41605</c:v>
                </c:pt>
                <c:pt idx="2314">
                  <c:v>41606</c:v>
                </c:pt>
                <c:pt idx="2315">
                  <c:v>41607</c:v>
                </c:pt>
                <c:pt idx="2316">
                  <c:v>41610</c:v>
                </c:pt>
                <c:pt idx="2317">
                  <c:v>41611</c:v>
                </c:pt>
                <c:pt idx="2318">
                  <c:v>41612</c:v>
                </c:pt>
                <c:pt idx="2319">
                  <c:v>41613</c:v>
                </c:pt>
                <c:pt idx="2320">
                  <c:v>41614</c:v>
                </c:pt>
                <c:pt idx="2321">
                  <c:v>41617</c:v>
                </c:pt>
                <c:pt idx="2322">
                  <c:v>41618</c:v>
                </c:pt>
                <c:pt idx="2323">
                  <c:v>41619</c:v>
                </c:pt>
                <c:pt idx="2324">
                  <c:v>41620</c:v>
                </c:pt>
                <c:pt idx="2325">
                  <c:v>41621</c:v>
                </c:pt>
                <c:pt idx="2326">
                  <c:v>41624</c:v>
                </c:pt>
                <c:pt idx="2327">
                  <c:v>41625</c:v>
                </c:pt>
                <c:pt idx="2328">
                  <c:v>41626</c:v>
                </c:pt>
                <c:pt idx="2329">
                  <c:v>41627</c:v>
                </c:pt>
                <c:pt idx="2330">
                  <c:v>41628</c:v>
                </c:pt>
                <c:pt idx="2331">
                  <c:v>41631</c:v>
                </c:pt>
                <c:pt idx="2332">
                  <c:v>41632</c:v>
                </c:pt>
                <c:pt idx="2333">
                  <c:v>41634</c:v>
                </c:pt>
                <c:pt idx="2334">
                  <c:v>41635</c:v>
                </c:pt>
                <c:pt idx="2335">
                  <c:v>41638</c:v>
                </c:pt>
                <c:pt idx="2336">
                  <c:v>41639</c:v>
                </c:pt>
                <c:pt idx="2337">
                  <c:v>41641</c:v>
                </c:pt>
                <c:pt idx="2338">
                  <c:v>41642</c:v>
                </c:pt>
                <c:pt idx="2339">
                  <c:v>41645</c:v>
                </c:pt>
                <c:pt idx="2340">
                  <c:v>41646</c:v>
                </c:pt>
                <c:pt idx="2341">
                  <c:v>41647</c:v>
                </c:pt>
                <c:pt idx="2342">
                  <c:v>41648</c:v>
                </c:pt>
                <c:pt idx="2343">
                  <c:v>41649</c:v>
                </c:pt>
                <c:pt idx="2344">
                  <c:v>41652</c:v>
                </c:pt>
                <c:pt idx="2345">
                  <c:v>41653</c:v>
                </c:pt>
                <c:pt idx="2346">
                  <c:v>41654</c:v>
                </c:pt>
                <c:pt idx="2347">
                  <c:v>41655</c:v>
                </c:pt>
                <c:pt idx="2348">
                  <c:v>41656</c:v>
                </c:pt>
                <c:pt idx="2349">
                  <c:v>41659</c:v>
                </c:pt>
                <c:pt idx="2350">
                  <c:v>41660</c:v>
                </c:pt>
                <c:pt idx="2351">
                  <c:v>41661</c:v>
                </c:pt>
                <c:pt idx="2352">
                  <c:v>41662</c:v>
                </c:pt>
                <c:pt idx="2353">
                  <c:v>41663</c:v>
                </c:pt>
                <c:pt idx="2354">
                  <c:v>41666</c:v>
                </c:pt>
                <c:pt idx="2355">
                  <c:v>41667</c:v>
                </c:pt>
                <c:pt idx="2356">
                  <c:v>41668</c:v>
                </c:pt>
                <c:pt idx="2357">
                  <c:v>41669</c:v>
                </c:pt>
                <c:pt idx="2358">
                  <c:v>41670</c:v>
                </c:pt>
                <c:pt idx="2359">
                  <c:v>41673</c:v>
                </c:pt>
                <c:pt idx="2360">
                  <c:v>41674</c:v>
                </c:pt>
                <c:pt idx="2361">
                  <c:v>41675</c:v>
                </c:pt>
                <c:pt idx="2362">
                  <c:v>41676</c:v>
                </c:pt>
                <c:pt idx="2363">
                  <c:v>41677</c:v>
                </c:pt>
                <c:pt idx="2364">
                  <c:v>41680</c:v>
                </c:pt>
                <c:pt idx="2365">
                  <c:v>41681</c:v>
                </c:pt>
                <c:pt idx="2366">
                  <c:v>41682</c:v>
                </c:pt>
                <c:pt idx="2367">
                  <c:v>41683</c:v>
                </c:pt>
                <c:pt idx="2368">
                  <c:v>41684</c:v>
                </c:pt>
                <c:pt idx="2369">
                  <c:v>41687</c:v>
                </c:pt>
                <c:pt idx="2370">
                  <c:v>41688</c:v>
                </c:pt>
                <c:pt idx="2371">
                  <c:v>41689</c:v>
                </c:pt>
                <c:pt idx="2372">
                  <c:v>41690</c:v>
                </c:pt>
                <c:pt idx="2373">
                  <c:v>41691</c:v>
                </c:pt>
                <c:pt idx="2374">
                  <c:v>41694</c:v>
                </c:pt>
                <c:pt idx="2375">
                  <c:v>41695</c:v>
                </c:pt>
                <c:pt idx="2376">
                  <c:v>41696</c:v>
                </c:pt>
                <c:pt idx="2377">
                  <c:v>41697</c:v>
                </c:pt>
                <c:pt idx="2378">
                  <c:v>41698</c:v>
                </c:pt>
                <c:pt idx="2379">
                  <c:v>41703</c:v>
                </c:pt>
                <c:pt idx="2380">
                  <c:v>41704</c:v>
                </c:pt>
                <c:pt idx="2381">
                  <c:v>41705</c:v>
                </c:pt>
                <c:pt idx="2382">
                  <c:v>41708</c:v>
                </c:pt>
                <c:pt idx="2383">
                  <c:v>41709</c:v>
                </c:pt>
                <c:pt idx="2384">
                  <c:v>41710</c:v>
                </c:pt>
                <c:pt idx="2385">
                  <c:v>41711</c:v>
                </c:pt>
                <c:pt idx="2386">
                  <c:v>41712</c:v>
                </c:pt>
                <c:pt idx="2387">
                  <c:v>41715</c:v>
                </c:pt>
                <c:pt idx="2388">
                  <c:v>41716</c:v>
                </c:pt>
                <c:pt idx="2389">
                  <c:v>41717</c:v>
                </c:pt>
                <c:pt idx="2390">
                  <c:v>41718</c:v>
                </c:pt>
                <c:pt idx="2391">
                  <c:v>41719</c:v>
                </c:pt>
                <c:pt idx="2392">
                  <c:v>41722</c:v>
                </c:pt>
                <c:pt idx="2393">
                  <c:v>41723</c:v>
                </c:pt>
                <c:pt idx="2394">
                  <c:v>41724</c:v>
                </c:pt>
                <c:pt idx="2395">
                  <c:v>41725</c:v>
                </c:pt>
                <c:pt idx="2396">
                  <c:v>41726</c:v>
                </c:pt>
                <c:pt idx="2397">
                  <c:v>41729</c:v>
                </c:pt>
                <c:pt idx="2398">
                  <c:v>41730</c:v>
                </c:pt>
                <c:pt idx="2399">
                  <c:v>41731</c:v>
                </c:pt>
                <c:pt idx="2400">
                  <c:v>41732</c:v>
                </c:pt>
                <c:pt idx="2401">
                  <c:v>41733</c:v>
                </c:pt>
                <c:pt idx="2402">
                  <c:v>41736</c:v>
                </c:pt>
                <c:pt idx="2403">
                  <c:v>41737</c:v>
                </c:pt>
                <c:pt idx="2404">
                  <c:v>41738</c:v>
                </c:pt>
                <c:pt idx="2405">
                  <c:v>41739</c:v>
                </c:pt>
                <c:pt idx="2406">
                  <c:v>41740</c:v>
                </c:pt>
                <c:pt idx="2407">
                  <c:v>41743</c:v>
                </c:pt>
                <c:pt idx="2408">
                  <c:v>41744</c:v>
                </c:pt>
                <c:pt idx="2409">
                  <c:v>41745</c:v>
                </c:pt>
                <c:pt idx="2410">
                  <c:v>41746</c:v>
                </c:pt>
                <c:pt idx="2411">
                  <c:v>41751</c:v>
                </c:pt>
                <c:pt idx="2412">
                  <c:v>41752</c:v>
                </c:pt>
                <c:pt idx="2413">
                  <c:v>41753</c:v>
                </c:pt>
                <c:pt idx="2414">
                  <c:v>41754</c:v>
                </c:pt>
                <c:pt idx="2415">
                  <c:v>41757</c:v>
                </c:pt>
                <c:pt idx="2416">
                  <c:v>41758</c:v>
                </c:pt>
                <c:pt idx="2417">
                  <c:v>41759</c:v>
                </c:pt>
                <c:pt idx="2418">
                  <c:v>41761</c:v>
                </c:pt>
                <c:pt idx="2419">
                  <c:v>41764</c:v>
                </c:pt>
                <c:pt idx="2420">
                  <c:v>41765</c:v>
                </c:pt>
                <c:pt idx="2421">
                  <c:v>41766</c:v>
                </c:pt>
                <c:pt idx="2422">
                  <c:v>41767</c:v>
                </c:pt>
                <c:pt idx="2423">
                  <c:v>41768</c:v>
                </c:pt>
                <c:pt idx="2424">
                  <c:v>41771</c:v>
                </c:pt>
                <c:pt idx="2425">
                  <c:v>41772</c:v>
                </c:pt>
                <c:pt idx="2426">
                  <c:v>41773</c:v>
                </c:pt>
                <c:pt idx="2427">
                  <c:v>41774</c:v>
                </c:pt>
                <c:pt idx="2428">
                  <c:v>41775</c:v>
                </c:pt>
                <c:pt idx="2429">
                  <c:v>41778</c:v>
                </c:pt>
                <c:pt idx="2430">
                  <c:v>41779</c:v>
                </c:pt>
                <c:pt idx="2431">
                  <c:v>41780</c:v>
                </c:pt>
                <c:pt idx="2432">
                  <c:v>41781</c:v>
                </c:pt>
                <c:pt idx="2433">
                  <c:v>41782</c:v>
                </c:pt>
                <c:pt idx="2434">
                  <c:v>41785</c:v>
                </c:pt>
                <c:pt idx="2435">
                  <c:v>41786</c:v>
                </c:pt>
                <c:pt idx="2436">
                  <c:v>41787</c:v>
                </c:pt>
                <c:pt idx="2437">
                  <c:v>41788</c:v>
                </c:pt>
                <c:pt idx="2438">
                  <c:v>41789</c:v>
                </c:pt>
                <c:pt idx="2439">
                  <c:v>41792</c:v>
                </c:pt>
                <c:pt idx="2440">
                  <c:v>41793</c:v>
                </c:pt>
                <c:pt idx="2441">
                  <c:v>41794</c:v>
                </c:pt>
                <c:pt idx="2442">
                  <c:v>41795</c:v>
                </c:pt>
                <c:pt idx="2443">
                  <c:v>41796</c:v>
                </c:pt>
                <c:pt idx="2444">
                  <c:v>41799</c:v>
                </c:pt>
                <c:pt idx="2445">
                  <c:v>41800</c:v>
                </c:pt>
                <c:pt idx="2446">
                  <c:v>41801</c:v>
                </c:pt>
                <c:pt idx="2447">
                  <c:v>41802</c:v>
                </c:pt>
                <c:pt idx="2448">
                  <c:v>41803</c:v>
                </c:pt>
                <c:pt idx="2449">
                  <c:v>41806</c:v>
                </c:pt>
                <c:pt idx="2450">
                  <c:v>41807</c:v>
                </c:pt>
                <c:pt idx="2451">
                  <c:v>41808</c:v>
                </c:pt>
                <c:pt idx="2452">
                  <c:v>41810</c:v>
                </c:pt>
                <c:pt idx="2453">
                  <c:v>41813</c:v>
                </c:pt>
                <c:pt idx="2454">
                  <c:v>41814</c:v>
                </c:pt>
                <c:pt idx="2455">
                  <c:v>41815</c:v>
                </c:pt>
                <c:pt idx="2456">
                  <c:v>41816</c:v>
                </c:pt>
                <c:pt idx="2457">
                  <c:v>41817</c:v>
                </c:pt>
                <c:pt idx="2458">
                  <c:v>41820</c:v>
                </c:pt>
                <c:pt idx="2459">
                  <c:v>41821</c:v>
                </c:pt>
                <c:pt idx="2460">
                  <c:v>41822</c:v>
                </c:pt>
                <c:pt idx="2461">
                  <c:v>41823</c:v>
                </c:pt>
                <c:pt idx="2462">
                  <c:v>41824</c:v>
                </c:pt>
                <c:pt idx="2463">
                  <c:v>41827</c:v>
                </c:pt>
                <c:pt idx="2464">
                  <c:v>41828</c:v>
                </c:pt>
                <c:pt idx="2465">
                  <c:v>41829</c:v>
                </c:pt>
                <c:pt idx="2466">
                  <c:v>41830</c:v>
                </c:pt>
                <c:pt idx="2467">
                  <c:v>41831</c:v>
                </c:pt>
                <c:pt idx="2468">
                  <c:v>41834</c:v>
                </c:pt>
                <c:pt idx="2469">
                  <c:v>41835</c:v>
                </c:pt>
                <c:pt idx="2470">
                  <c:v>41836</c:v>
                </c:pt>
                <c:pt idx="2471">
                  <c:v>41837</c:v>
                </c:pt>
                <c:pt idx="2472">
                  <c:v>41838</c:v>
                </c:pt>
                <c:pt idx="2473">
                  <c:v>41841</c:v>
                </c:pt>
                <c:pt idx="2474">
                  <c:v>41842</c:v>
                </c:pt>
                <c:pt idx="2475">
                  <c:v>41843</c:v>
                </c:pt>
                <c:pt idx="2476">
                  <c:v>41844</c:v>
                </c:pt>
                <c:pt idx="2477">
                  <c:v>41845</c:v>
                </c:pt>
                <c:pt idx="2478">
                  <c:v>41848</c:v>
                </c:pt>
                <c:pt idx="2479">
                  <c:v>41849</c:v>
                </c:pt>
                <c:pt idx="2480">
                  <c:v>41850</c:v>
                </c:pt>
                <c:pt idx="2481">
                  <c:v>41851</c:v>
                </c:pt>
                <c:pt idx="2482">
                  <c:v>41852</c:v>
                </c:pt>
                <c:pt idx="2483">
                  <c:v>41855</c:v>
                </c:pt>
                <c:pt idx="2484">
                  <c:v>41856</c:v>
                </c:pt>
                <c:pt idx="2485">
                  <c:v>41857</c:v>
                </c:pt>
                <c:pt idx="2486">
                  <c:v>41858</c:v>
                </c:pt>
                <c:pt idx="2487">
                  <c:v>41859</c:v>
                </c:pt>
                <c:pt idx="2488">
                  <c:v>41862</c:v>
                </c:pt>
                <c:pt idx="2489">
                  <c:v>41863</c:v>
                </c:pt>
                <c:pt idx="2490">
                  <c:v>41864</c:v>
                </c:pt>
                <c:pt idx="2491">
                  <c:v>41865</c:v>
                </c:pt>
                <c:pt idx="2492">
                  <c:v>41866</c:v>
                </c:pt>
                <c:pt idx="2493">
                  <c:v>41869</c:v>
                </c:pt>
                <c:pt idx="2494">
                  <c:v>41870</c:v>
                </c:pt>
                <c:pt idx="2495">
                  <c:v>41871</c:v>
                </c:pt>
                <c:pt idx="2496">
                  <c:v>41872</c:v>
                </c:pt>
                <c:pt idx="2497">
                  <c:v>41873</c:v>
                </c:pt>
                <c:pt idx="2498">
                  <c:v>41876</c:v>
                </c:pt>
                <c:pt idx="2499">
                  <c:v>41877</c:v>
                </c:pt>
                <c:pt idx="2500">
                  <c:v>41878</c:v>
                </c:pt>
                <c:pt idx="2501">
                  <c:v>41879</c:v>
                </c:pt>
                <c:pt idx="2502">
                  <c:v>41880</c:v>
                </c:pt>
                <c:pt idx="2503">
                  <c:v>41883</c:v>
                </c:pt>
                <c:pt idx="2504">
                  <c:v>41884</c:v>
                </c:pt>
                <c:pt idx="2505">
                  <c:v>41885</c:v>
                </c:pt>
                <c:pt idx="2506">
                  <c:v>41886</c:v>
                </c:pt>
                <c:pt idx="2507">
                  <c:v>41887</c:v>
                </c:pt>
                <c:pt idx="2508">
                  <c:v>41890</c:v>
                </c:pt>
                <c:pt idx="2509">
                  <c:v>41891</c:v>
                </c:pt>
                <c:pt idx="2510">
                  <c:v>41892</c:v>
                </c:pt>
                <c:pt idx="2511">
                  <c:v>41893</c:v>
                </c:pt>
                <c:pt idx="2512">
                  <c:v>41894</c:v>
                </c:pt>
                <c:pt idx="2513">
                  <c:v>41897</c:v>
                </c:pt>
                <c:pt idx="2514">
                  <c:v>41898</c:v>
                </c:pt>
                <c:pt idx="2515">
                  <c:v>41899</c:v>
                </c:pt>
                <c:pt idx="2516">
                  <c:v>41900</c:v>
                </c:pt>
                <c:pt idx="2517">
                  <c:v>41901</c:v>
                </c:pt>
                <c:pt idx="2518">
                  <c:v>41904</c:v>
                </c:pt>
                <c:pt idx="2519">
                  <c:v>41905</c:v>
                </c:pt>
                <c:pt idx="2520">
                  <c:v>41906</c:v>
                </c:pt>
                <c:pt idx="2521">
                  <c:v>41907</c:v>
                </c:pt>
                <c:pt idx="2522">
                  <c:v>41908</c:v>
                </c:pt>
                <c:pt idx="2523">
                  <c:v>41911</c:v>
                </c:pt>
                <c:pt idx="2524">
                  <c:v>41912</c:v>
                </c:pt>
                <c:pt idx="2525">
                  <c:v>41913</c:v>
                </c:pt>
                <c:pt idx="2526">
                  <c:v>41914</c:v>
                </c:pt>
                <c:pt idx="2527">
                  <c:v>41915</c:v>
                </c:pt>
                <c:pt idx="2528">
                  <c:v>41918</c:v>
                </c:pt>
                <c:pt idx="2529">
                  <c:v>41919</c:v>
                </c:pt>
                <c:pt idx="2530">
                  <c:v>41920</c:v>
                </c:pt>
                <c:pt idx="2531">
                  <c:v>41921</c:v>
                </c:pt>
                <c:pt idx="2532">
                  <c:v>41922</c:v>
                </c:pt>
                <c:pt idx="2533">
                  <c:v>41925</c:v>
                </c:pt>
                <c:pt idx="2534">
                  <c:v>41926</c:v>
                </c:pt>
                <c:pt idx="2535">
                  <c:v>41927</c:v>
                </c:pt>
                <c:pt idx="2536">
                  <c:v>41928</c:v>
                </c:pt>
                <c:pt idx="2537">
                  <c:v>41929</c:v>
                </c:pt>
                <c:pt idx="2538">
                  <c:v>41932</c:v>
                </c:pt>
                <c:pt idx="2539">
                  <c:v>41933</c:v>
                </c:pt>
                <c:pt idx="2540">
                  <c:v>41934</c:v>
                </c:pt>
                <c:pt idx="2541">
                  <c:v>41935</c:v>
                </c:pt>
                <c:pt idx="2542">
                  <c:v>41936</c:v>
                </c:pt>
                <c:pt idx="2543">
                  <c:v>41939</c:v>
                </c:pt>
                <c:pt idx="2544">
                  <c:v>41940</c:v>
                </c:pt>
                <c:pt idx="2545">
                  <c:v>41941</c:v>
                </c:pt>
                <c:pt idx="2546">
                  <c:v>41942</c:v>
                </c:pt>
                <c:pt idx="2547">
                  <c:v>41943</c:v>
                </c:pt>
                <c:pt idx="2548">
                  <c:v>41946</c:v>
                </c:pt>
                <c:pt idx="2549">
                  <c:v>41947</c:v>
                </c:pt>
                <c:pt idx="2550">
                  <c:v>41948</c:v>
                </c:pt>
                <c:pt idx="2551">
                  <c:v>41949</c:v>
                </c:pt>
                <c:pt idx="2552">
                  <c:v>41950</c:v>
                </c:pt>
                <c:pt idx="2553">
                  <c:v>41953</c:v>
                </c:pt>
                <c:pt idx="2554">
                  <c:v>41954</c:v>
                </c:pt>
                <c:pt idx="2555">
                  <c:v>41955</c:v>
                </c:pt>
                <c:pt idx="2556">
                  <c:v>41956</c:v>
                </c:pt>
                <c:pt idx="2557">
                  <c:v>41957</c:v>
                </c:pt>
                <c:pt idx="2558">
                  <c:v>41960</c:v>
                </c:pt>
                <c:pt idx="2559">
                  <c:v>41961</c:v>
                </c:pt>
                <c:pt idx="2560">
                  <c:v>41962</c:v>
                </c:pt>
                <c:pt idx="2561">
                  <c:v>41963</c:v>
                </c:pt>
                <c:pt idx="2562">
                  <c:v>41964</c:v>
                </c:pt>
                <c:pt idx="2563">
                  <c:v>41967</c:v>
                </c:pt>
                <c:pt idx="2564">
                  <c:v>41968</c:v>
                </c:pt>
                <c:pt idx="2565">
                  <c:v>41969</c:v>
                </c:pt>
                <c:pt idx="2566">
                  <c:v>41970</c:v>
                </c:pt>
                <c:pt idx="2567">
                  <c:v>41971</c:v>
                </c:pt>
                <c:pt idx="2568">
                  <c:v>41974</c:v>
                </c:pt>
                <c:pt idx="2569">
                  <c:v>41975</c:v>
                </c:pt>
                <c:pt idx="2570">
                  <c:v>41976</c:v>
                </c:pt>
                <c:pt idx="2571">
                  <c:v>41977</c:v>
                </c:pt>
                <c:pt idx="2572">
                  <c:v>41978</c:v>
                </c:pt>
                <c:pt idx="2573">
                  <c:v>41981</c:v>
                </c:pt>
                <c:pt idx="2574">
                  <c:v>41982</c:v>
                </c:pt>
                <c:pt idx="2575">
                  <c:v>41983</c:v>
                </c:pt>
                <c:pt idx="2576">
                  <c:v>41984</c:v>
                </c:pt>
                <c:pt idx="2577">
                  <c:v>41985</c:v>
                </c:pt>
                <c:pt idx="2578">
                  <c:v>41988</c:v>
                </c:pt>
                <c:pt idx="2579">
                  <c:v>41989</c:v>
                </c:pt>
                <c:pt idx="2580">
                  <c:v>41990</c:v>
                </c:pt>
                <c:pt idx="2581">
                  <c:v>41991</c:v>
                </c:pt>
                <c:pt idx="2582">
                  <c:v>41992</c:v>
                </c:pt>
                <c:pt idx="2583">
                  <c:v>41995</c:v>
                </c:pt>
                <c:pt idx="2584">
                  <c:v>41996</c:v>
                </c:pt>
                <c:pt idx="2585">
                  <c:v>41997</c:v>
                </c:pt>
                <c:pt idx="2586">
                  <c:v>41999</c:v>
                </c:pt>
                <c:pt idx="2587">
                  <c:v>42002</c:v>
                </c:pt>
                <c:pt idx="2588">
                  <c:v>42003</c:v>
                </c:pt>
                <c:pt idx="2589">
                  <c:v>42004</c:v>
                </c:pt>
                <c:pt idx="2590">
                  <c:v>42006</c:v>
                </c:pt>
                <c:pt idx="2591">
                  <c:v>42009</c:v>
                </c:pt>
                <c:pt idx="2592">
                  <c:v>42010</c:v>
                </c:pt>
                <c:pt idx="2593">
                  <c:v>42011</c:v>
                </c:pt>
                <c:pt idx="2594">
                  <c:v>42012</c:v>
                </c:pt>
                <c:pt idx="2595">
                  <c:v>42013</c:v>
                </c:pt>
                <c:pt idx="2596">
                  <c:v>42016</c:v>
                </c:pt>
                <c:pt idx="2597">
                  <c:v>42017</c:v>
                </c:pt>
                <c:pt idx="2598">
                  <c:v>42018</c:v>
                </c:pt>
                <c:pt idx="2599">
                  <c:v>42019</c:v>
                </c:pt>
                <c:pt idx="2600">
                  <c:v>42020</c:v>
                </c:pt>
                <c:pt idx="2601">
                  <c:v>42023</c:v>
                </c:pt>
                <c:pt idx="2602">
                  <c:v>42024</c:v>
                </c:pt>
                <c:pt idx="2603">
                  <c:v>42025</c:v>
                </c:pt>
                <c:pt idx="2604">
                  <c:v>42026</c:v>
                </c:pt>
                <c:pt idx="2605">
                  <c:v>42027</c:v>
                </c:pt>
                <c:pt idx="2606">
                  <c:v>42030</c:v>
                </c:pt>
                <c:pt idx="2607">
                  <c:v>42031</c:v>
                </c:pt>
                <c:pt idx="2608">
                  <c:v>42032</c:v>
                </c:pt>
                <c:pt idx="2609">
                  <c:v>42033</c:v>
                </c:pt>
                <c:pt idx="2610">
                  <c:v>42034</c:v>
                </c:pt>
                <c:pt idx="2611">
                  <c:v>42037</c:v>
                </c:pt>
                <c:pt idx="2612">
                  <c:v>42038</c:v>
                </c:pt>
                <c:pt idx="2613">
                  <c:v>42039</c:v>
                </c:pt>
                <c:pt idx="2614">
                  <c:v>42040</c:v>
                </c:pt>
                <c:pt idx="2615">
                  <c:v>42041</c:v>
                </c:pt>
                <c:pt idx="2616">
                  <c:v>42044</c:v>
                </c:pt>
                <c:pt idx="2617">
                  <c:v>42045</c:v>
                </c:pt>
                <c:pt idx="2618">
                  <c:v>42046</c:v>
                </c:pt>
                <c:pt idx="2619">
                  <c:v>42047</c:v>
                </c:pt>
                <c:pt idx="2620">
                  <c:v>42048</c:v>
                </c:pt>
                <c:pt idx="2621">
                  <c:v>42053</c:v>
                </c:pt>
                <c:pt idx="2622">
                  <c:v>42054</c:v>
                </c:pt>
                <c:pt idx="2623">
                  <c:v>42055</c:v>
                </c:pt>
                <c:pt idx="2624">
                  <c:v>42058</c:v>
                </c:pt>
                <c:pt idx="2625">
                  <c:v>42059</c:v>
                </c:pt>
                <c:pt idx="2626">
                  <c:v>42060</c:v>
                </c:pt>
                <c:pt idx="2627">
                  <c:v>42061</c:v>
                </c:pt>
                <c:pt idx="2628">
                  <c:v>42062</c:v>
                </c:pt>
                <c:pt idx="2629">
                  <c:v>42065</c:v>
                </c:pt>
                <c:pt idx="2630">
                  <c:v>42066</c:v>
                </c:pt>
                <c:pt idx="2631">
                  <c:v>42067</c:v>
                </c:pt>
                <c:pt idx="2632">
                  <c:v>42068</c:v>
                </c:pt>
                <c:pt idx="2633">
                  <c:v>42069</c:v>
                </c:pt>
                <c:pt idx="2634">
                  <c:v>42072</c:v>
                </c:pt>
                <c:pt idx="2635">
                  <c:v>42073</c:v>
                </c:pt>
                <c:pt idx="2636">
                  <c:v>42074</c:v>
                </c:pt>
                <c:pt idx="2637">
                  <c:v>42075</c:v>
                </c:pt>
                <c:pt idx="2638">
                  <c:v>42076</c:v>
                </c:pt>
                <c:pt idx="2639">
                  <c:v>42079</c:v>
                </c:pt>
                <c:pt idx="2640">
                  <c:v>42080</c:v>
                </c:pt>
                <c:pt idx="2641">
                  <c:v>42081</c:v>
                </c:pt>
                <c:pt idx="2642">
                  <c:v>42082</c:v>
                </c:pt>
                <c:pt idx="2643">
                  <c:v>42083</c:v>
                </c:pt>
                <c:pt idx="2644">
                  <c:v>42086</c:v>
                </c:pt>
                <c:pt idx="2645">
                  <c:v>42087</c:v>
                </c:pt>
                <c:pt idx="2646">
                  <c:v>42088</c:v>
                </c:pt>
                <c:pt idx="2647">
                  <c:v>42089</c:v>
                </c:pt>
                <c:pt idx="2648">
                  <c:v>42090</c:v>
                </c:pt>
                <c:pt idx="2649">
                  <c:v>42093</c:v>
                </c:pt>
                <c:pt idx="2650">
                  <c:v>42094</c:v>
                </c:pt>
                <c:pt idx="2651">
                  <c:v>42095</c:v>
                </c:pt>
                <c:pt idx="2652">
                  <c:v>42096</c:v>
                </c:pt>
                <c:pt idx="2653">
                  <c:v>42100</c:v>
                </c:pt>
                <c:pt idx="2654">
                  <c:v>42101</c:v>
                </c:pt>
                <c:pt idx="2655">
                  <c:v>42102</c:v>
                </c:pt>
                <c:pt idx="2656">
                  <c:v>42103</c:v>
                </c:pt>
                <c:pt idx="2657">
                  <c:v>42104</c:v>
                </c:pt>
                <c:pt idx="2658">
                  <c:v>42107</c:v>
                </c:pt>
                <c:pt idx="2659">
                  <c:v>42108</c:v>
                </c:pt>
                <c:pt idx="2660">
                  <c:v>42109</c:v>
                </c:pt>
                <c:pt idx="2661">
                  <c:v>42110</c:v>
                </c:pt>
                <c:pt idx="2662">
                  <c:v>42111</c:v>
                </c:pt>
                <c:pt idx="2663">
                  <c:v>42114</c:v>
                </c:pt>
                <c:pt idx="2664">
                  <c:v>42116</c:v>
                </c:pt>
                <c:pt idx="2665">
                  <c:v>42117</c:v>
                </c:pt>
                <c:pt idx="2666">
                  <c:v>42118</c:v>
                </c:pt>
                <c:pt idx="2667">
                  <c:v>42121</c:v>
                </c:pt>
                <c:pt idx="2668">
                  <c:v>42122</c:v>
                </c:pt>
                <c:pt idx="2669">
                  <c:v>42123</c:v>
                </c:pt>
                <c:pt idx="2670">
                  <c:v>42124</c:v>
                </c:pt>
                <c:pt idx="2671">
                  <c:v>42128</c:v>
                </c:pt>
                <c:pt idx="2672">
                  <c:v>42129</c:v>
                </c:pt>
                <c:pt idx="2673">
                  <c:v>42130</c:v>
                </c:pt>
                <c:pt idx="2674">
                  <c:v>42131</c:v>
                </c:pt>
                <c:pt idx="2675">
                  <c:v>42132</c:v>
                </c:pt>
                <c:pt idx="2676">
                  <c:v>42135</c:v>
                </c:pt>
                <c:pt idx="2677">
                  <c:v>42136</c:v>
                </c:pt>
                <c:pt idx="2678">
                  <c:v>42137</c:v>
                </c:pt>
                <c:pt idx="2679">
                  <c:v>42138</c:v>
                </c:pt>
                <c:pt idx="2680">
                  <c:v>42139</c:v>
                </c:pt>
                <c:pt idx="2681">
                  <c:v>42142</c:v>
                </c:pt>
                <c:pt idx="2682">
                  <c:v>42143</c:v>
                </c:pt>
                <c:pt idx="2683">
                  <c:v>42144</c:v>
                </c:pt>
                <c:pt idx="2684">
                  <c:v>42145</c:v>
                </c:pt>
                <c:pt idx="2685">
                  <c:v>42146</c:v>
                </c:pt>
                <c:pt idx="2686">
                  <c:v>42149</c:v>
                </c:pt>
                <c:pt idx="2687">
                  <c:v>42150</c:v>
                </c:pt>
                <c:pt idx="2688">
                  <c:v>42151</c:v>
                </c:pt>
                <c:pt idx="2689">
                  <c:v>42152</c:v>
                </c:pt>
                <c:pt idx="2690">
                  <c:v>42153</c:v>
                </c:pt>
                <c:pt idx="2691">
                  <c:v>42156</c:v>
                </c:pt>
                <c:pt idx="2692">
                  <c:v>42157</c:v>
                </c:pt>
                <c:pt idx="2693">
                  <c:v>42158</c:v>
                </c:pt>
                <c:pt idx="2694">
                  <c:v>42160</c:v>
                </c:pt>
                <c:pt idx="2695">
                  <c:v>42163</c:v>
                </c:pt>
                <c:pt idx="2696">
                  <c:v>42164</c:v>
                </c:pt>
                <c:pt idx="2697">
                  <c:v>42165</c:v>
                </c:pt>
                <c:pt idx="2698">
                  <c:v>42166</c:v>
                </c:pt>
                <c:pt idx="2699">
                  <c:v>42167</c:v>
                </c:pt>
                <c:pt idx="2700">
                  <c:v>42170</c:v>
                </c:pt>
                <c:pt idx="2701">
                  <c:v>42171</c:v>
                </c:pt>
                <c:pt idx="2702">
                  <c:v>42172</c:v>
                </c:pt>
                <c:pt idx="2703">
                  <c:v>42173</c:v>
                </c:pt>
                <c:pt idx="2704">
                  <c:v>42174</c:v>
                </c:pt>
                <c:pt idx="2705">
                  <c:v>42177</c:v>
                </c:pt>
                <c:pt idx="2706">
                  <c:v>42178</c:v>
                </c:pt>
                <c:pt idx="2707">
                  <c:v>42179</c:v>
                </c:pt>
                <c:pt idx="2708">
                  <c:v>42180</c:v>
                </c:pt>
                <c:pt idx="2709">
                  <c:v>42181</c:v>
                </c:pt>
                <c:pt idx="2710">
                  <c:v>42184</c:v>
                </c:pt>
                <c:pt idx="2711">
                  <c:v>42185</c:v>
                </c:pt>
                <c:pt idx="2712">
                  <c:v>42186</c:v>
                </c:pt>
                <c:pt idx="2713">
                  <c:v>42187</c:v>
                </c:pt>
                <c:pt idx="2714">
                  <c:v>42188</c:v>
                </c:pt>
                <c:pt idx="2715">
                  <c:v>42191</c:v>
                </c:pt>
                <c:pt idx="2716">
                  <c:v>42192</c:v>
                </c:pt>
                <c:pt idx="2717">
                  <c:v>42193</c:v>
                </c:pt>
                <c:pt idx="2718">
                  <c:v>42194</c:v>
                </c:pt>
                <c:pt idx="2719">
                  <c:v>42195</c:v>
                </c:pt>
                <c:pt idx="2720">
                  <c:v>42198</c:v>
                </c:pt>
                <c:pt idx="2721">
                  <c:v>42199</c:v>
                </c:pt>
                <c:pt idx="2722">
                  <c:v>42200</c:v>
                </c:pt>
                <c:pt idx="2723">
                  <c:v>42201</c:v>
                </c:pt>
                <c:pt idx="2724">
                  <c:v>42202</c:v>
                </c:pt>
                <c:pt idx="2725">
                  <c:v>42205</c:v>
                </c:pt>
                <c:pt idx="2726">
                  <c:v>42206</c:v>
                </c:pt>
                <c:pt idx="2727">
                  <c:v>42207</c:v>
                </c:pt>
                <c:pt idx="2728">
                  <c:v>42208</c:v>
                </c:pt>
                <c:pt idx="2729">
                  <c:v>42209</c:v>
                </c:pt>
                <c:pt idx="2730">
                  <c:v>42212</c:v>
                </c:pt>
                <c:pt idx="2731">
                  <c:v>42213</c:v>
                </c:pt>
                <c:pt idx="2732">
                  <c:v>42214</c:v>
                </c:pt>
                <c:pt idx="2733">
                  <c:v>42215</c:v>
                </c:pt>
                <c:pt idx="2734">
                  <c:v>42216</c:v>
                </c:pt>
                <c:pt idx="2735">
                  <c:v>42219</c:v>
                </c:pt>
                <c:pt idx="2736">
                  <c:v>42220</c:v>
                </c:pt>
                <c:pt idx="2737">
                  <c:v>42221</c:v>
                </c:pt>
                <c:pt idx="2738">
                  <c:v>42222</c:v>
                </c:pt>
                <c:pt idx="2739">
                  <c:v>42223</c:v>
                </c:pt>
                <c:pt idx="2740">
                  <c:v>42226</c:v>
                </c:pt>
                <c:pt idx="2741">
                  <c:v>42227</c:v>
                </c:pt>
                <c:pt idx="2742">
                  <c:v>42228</c:v>
                </c:pt>
                <c:pt idx="2743">
                  <c:v>42229</c:v>
                </c:pt>
                <c:pt idx="2744">
                  <c:v>42230</c:v>
                </c:pt>
                <c:pt idx="2745">
                  <c:v>42233</c:v>
                </c:pt>
                <c:pt idx="2746">
                  <c:v>42234</c:v>
                </c:pt>
                <c:pt idx="2747">
                  <c:v>42235</c:v>
                </c:pt>
                <c:pt idx="2748">
                  <c:v>42236</c:v>
                </c:pt>
                <c:pt idx="2749">
                  <c:v>42237</c:v>
                </c:pt>
                <c:pt idx="2750">
                  <c:v>42240</c:v>
                </c:pt>
                <c:pt idx="2751">
                  <c:v>42241</c:v>
                </c:pt>
                <c:pt idx="2752">
                  <c:v>42242</c:v>
                </c:pt>
                <c:pt idx="2753">
                  <c:v>42243</c:v>
                </c:pt>
                <c:pt idx="2754">
                  <c:v>42244</c:v>
                </c:pt>
                <c:pt idx="2755">
                  <c:v>42247</c:v>
                </c:pt>
                <c:pt idx="2756">
                  <c:v>42248</c:v>
                </c:pt>
                <c:pt idx="2757">
                  <c:v>42249</c:v>
                </c:pt>
                <c:pt idx="2758">
                  <c:v>42250</c:v>
                </c:pt>
                <c:pt idx="2759">
                  <c:v>42251</c:v>
                </c:pt>
                <c:pt idx="2760">
                  <c:v>42255</c:v>
                </c:pt>
                <c:pt idx="2761">
                  <c:v>42256</c:v>
                </c:pt>
                <c:pt idx="2762">
                  <c:v>42257</c:v>
                </c:pt>
                <c:pt idx="2763">
                  <c:v>42258</c:v>
                </c:pt>
                <c:pt idx="2764">
                  <c:v>42261</c:v>
                </c:pt>
                <c:pt idx="2765">
                  <c:v>42262</c:v>
                </c:pt>
                <c:pt idx="2766">
                  <c:v>42263</c:v>
                </c:pt>
                <c:pt idx="2767">
                  <c:v>42264</c:v>
                </c:pt>
                <c:pt idx="2768">
                  <c:v>42265</c:v>
                </c:pt>
                <c:pt idx="2769">
                  <c:v>42268</c:v>
                </c:pt>
                <c:pt idx="2770">
                  <c:v>42269</c:v>
                </c:pt>
                <c:pt idx="2771">
                  <c:v>42270</c:v>
                </c:pt>
                <c:pt idx="2772">
                  <c:v>42271</c:v>
                </c:pt>
                <c:pt idx="2773">
                  <c:v>42272</c:v>
                </c:pt>
                <c:pt idx="2774">
                  <c:v>42275</c:v>
                </c:pt>
                <c:pt idx="2775">
                  <c:v>42276</c:v>
                </c:pt>
                <c:pt idx="2776">
                  <c:v>42277</c:v>
                </c:pt>
                <c:pt idx="2777">
                  <c:v>42278</c:v>
                </c:pt>
                <c:pt idx="2778">
                  <c:v>42279</c:v>
                </c:pt>
                <c:pt idx="2779">
                  <c:v>42282</c:v>
                </c:pt>
                <c:pt idx="2780">
                  <c:v>42283</c:v>
                </c:pt>
                <c:pt idx="2781">
                  <c:v>42284</c:v>
                </c:pt>
                <c:pt idx="2782">
                  <c:v>42285</c:v>
                </c:pt>
                <c:pt idx="2783">
                  <c:v>42286</c:v>
                </c:pt>
                <c:pt idx="2784">
                  <c:v>42290</c:v>
                </c:pt>
                <c:pt idx="2785">
                  <c:v>42291</c:v>
                </c:pt>
                <c:pt idx="2786">
                  <c:v>42292</c:v>
                </c:pt>
                <c:pt idx="2787">
                  <c:v>42293</c:v>
                </c:pt>
                <c:pt idx="2788">
                  <c:v>42296</c:v>
                </c:pt>
                <c:pt idx="2789">
                  <c:v>42297</c:v>
                </c:pt>
                <c:pt idx="2790">
                  <c:v>42298</c:v>
                </c:pt>
                <c:pt idx="2791">
                  <c:v>42299</c:v>
                </c:pt>
                <c:pt idx="2792">
                  <c:v>42300</c:v>
                </c:pt>
                <c:pt idx="2793">
                  <c:v>42303</c:v>
                </c:pt>
                <c:pt idx="2794">
                  <c:v>42304</c:v>
                </c:pt>
                <c:pt idx="2795">
                  <c:v>42305</c:v>
                </c:pt>
                <c:pt idx="2796">
                  <c:v>42306</c:v>
                </c:pt>
                <c:pt idx="2797">
                  <c:v>42307</c:v>
                </c:pt>
                <c:pt idx="2798">
                  <c:v>42311</c:v>
                </c:pt>
                <c:pt idx="2799">
                  <c:v>42312</c:v>
                </c:pt>
                <c:pt idx="2800">
                  <c:v>42313</c:v>
                </c:pt>
                <c:pt idx="2801">
                  <c:v>42314</c:v>
                </c:pt>
                <c:pt idx="2802">
                  <c:v>42317</c:v>
                </c:pt>
                <c:pt idx="2803">
                  <c:v>42318</c:v>
                </c:pt>
                <c:pt idx="2804">
                  <c:v>42319</c:v>
                </c:pt>
                <c:pt idx="2805">
                  <c:v>42320</c:v>
                </c:pt>
                <c:pt idx="2806">
                  <c:v>42321</c:v>
                </c:pt>
                <c:pt idx="2807">
                  <c:v>42324</c:v>
                </c:pt>
                <c:pt idx="2808">
                  <c:v>42325</c:v>
                </c:pt>
                <c:pt idx="2809">
                  <c:v>42326</c:v>
                </c:pt>
                <c:pt idx="2810">
                  <c:v>42327</c:v>
                </c:pt>
                <c:pt idx="2811">
                  <c:v>42328</c:v>
                </c:pt>
                <c:pt idx="2812">
                  <c:v>42331</c:v>
                </c:pt>
                <c:pt idx="2813">
                  <c:v>42332</c:v>
                </c:pt>
                <c:pt idx="2814">
                  <c:v>42333</c:v>
                </c:pt>
                <c:pt idx="2815">
                  <c:v>42334</c:v>
                </c:pt>
                <c:pt idx="2816">
                  <c:v>42335</c:v>
                </c:pt>
                <c:pt idx="2817">
                  <c:v>42338</c:v>
                </c:pt>
                <c:pt idx="2818">
                  <c:v>42339</c:v>
                </c:pt>
                <c:pt idx="2819">
                  <c:v>42340</c:v>
                </c:pt>
                <c:pt idx="2820">
                  <c:v>42341</c:v>
                </c:pt>
                <c:pt idx="2821">
                  <c:v>42342</c:v>
                </c:pt>
                <c:pt idx="2822">
                  <c:v>42345</c:v>
                </c:pt>
                <c:pt idx="2823">
                  <c:v>42346</c:v>
                </c:pt>
                <c:pt idx="2824">
                  <c:v>42347</c:v>
                </c:pt>
                <c:pt idx="2825">
                  <c:v>42348</c:v>
                </c:pt>
                <c:pt idx="2826">
                  <c:v>42349</c:v>
                </c:pt>
                <c:pt idx="2827">
                  <c:v>42352</c:v>
                </c:pt>
                <c:pt idx="2828">
                  <c:v>42353</c:v>
                </c:pt>
                <c:pt idx="2829">
                  <c:v>42354</c:v>
                </c:pt>
                <c:pt idx="2830">
                  <c:v>42355</c:v>
                </c:pt>
                <c:pt idx="2831">
                  <c:v>42356</c:v>
                </c:pt>
                <c:pt idx="2832">
                  <c:v>42359</c:v>
                </c:pt>
                <c:pt idx="2833">
                  <c:v>42360</c:v>
                </c:pt>
                <c:pt idx="2834">
                  <c:v>42361</c:v>
                </c:pt>
                <c:pt idx="2835">
                  <c:v>42362</c:v>
                </c:pt>
                <c:pt idx="2836">
                  <c:v>42366</c:v>
                </c:pt>
                <c:pt idx="2837">
                  <c:v>42367</c:v>
                </c:pt>
                <c:pt idx="2838">
                  <c:v>42368</c:v>
                </c:pt>
                <c:pt idx="2839">
                  <c:v>42369</c:v>
                </c:pt>
                <c:pt idx="2840">
                  <c:v>42373</c:v>
                </c:pt>
                <c:pt idx="2841">
                  <c:v>42374</c:v>
                </c:pt>
                <c:pt idx="2842">
                  <c:v>42375</c:v>
                </c:pt>
                <c:pt idx="2843">
                  <c:v>42376</c:v>
                </c:pt>
                <c:pt idx="2844">
                  <c:v>42377</c:v>
                </c:pt>
                <c:pt idx="2845">
                  <c:v>42380</c:v>
                </c:pt>
                <c:pt idx="2846">
                  <c:v>42381</c:v>
                </c:pt>
                <c:pt idx="2847">
                  <c:v>42382</c:v>
                </c:pt>
                <c:pt idx="2848">
                  <c:v>42383</c:v>
                </c:pt>
                <c:pt idx="2849">
                  <c:v>42384</c:v>
                </c:pt>
                <c:pt idx="2850">
                  <c:v>42387</c:v>
                </c:pt>
                <c:pt idx="2851">
                  <c:v>42388</c:v>
                </c:pt>
                <c:pt idx="2852">
                  <c:v>42389</c:v>
                </c:pt>
                <c:pt idx="2853">
                  <c:v>42390</c:v>
                </c:pt>
                <c:pt idx="2854">
                  <c:v>42391</c:v>
                </c:pt>
                <c:pt idx="2855">
                  <c:v>42394</c:v>
                </c:pt>
                <c:pt idx="2856">
                  <c:v>42395</c:v>
                </c:pt>
                <c:pt idx="2857">
                  <c:v>42396</c:v>
                </c:pt>
                <c:pt idx="2858">
                  <c:v>42397</c:v>
                </c:pt>
                <c:pt idx="2859">
                  <c:v>42398</c:v>
                </c:pt>
                <c:pt idx="2860">
                  <c:v>42401</c:v>
                </c:pt>
                <c:pt idx="2861">
                  <c:v>42402</c:v>
                </c:pt>
                <c:pt idx="2862">
                  <c:v>42403</c:v>
                </c:pt>
                <c:pt idx="2863">
                  <c:v>42404</c:v>
                </c:pt>
                <c:pt idx="2864">
                  <c:v>42405</c:v>
                </c:pt>
                <c:pt idx="2865">
                  <c:v>42410</c:v>
                </c:pt>
                <c:pt idx="2866">
                  <c:v>42411</c:v>
                </c:pt>
                <c:pt idx="2867">
                  <c:v>42412</c:v>
                </c:pt>
                <c:pt idx="2868">
                  <c:v>42415</c:v>
                </c:pt>
                <c:pt idx="2869">
                  <c:v>42416</c:v>
                </c:pt>
                <c:pt idx="2870">
                  <c:v>42417</c:v>
                </c:pt>
                <c:pt idx="2871">
                  <c:v>42418</c:v>
                </c:pt>
                <c:pt idx="2872">
                  <c:v>42419</c:v>
                </c:pt>
                <c:pt idx="2873">
                  <c:v>42422</c:v>
                </c:pt>
                <c:pt idx="2874">
                  <c:v>42423</c:v>
                </c:pt>
                <c:pt idx="2875">
                  <c:v>42424</c:v>
                </c:pt>
                <c:pt idx="2876">
                  <c:v>42425</c:v>
                </c:pt>
                <c:pt idx="2877">
                  <c:v>42426</c:v>
                </c:pt>
                <c:pt idx="2878">
                  <c:v>42429</c:v>
                </c:pt>
                <c:pt idx="2879">
                  <c:v>42430</c:v>
                </c:pt>
                <c:pt idx="2880">
                  <c:v>42431</c:v>
                </c:pt>
                <c:pt idx="2881">
                  <c:v>42432</c:v>
                </c:pt>
                <c:pt idx="2882">
                  <c:v>42433</c:v>
                </c:pt>
                <c:pt idx="2883">
                  <c:v>42436</c:v>
                </c:pt>
                <c:pt idx="2884">
                  <c:v>42437</c:v>
                </c:pt>
                <c:pt idx="2885">
                  <c:v>42438</c:v>
                </c:pt>
                <c:pt idx="2886">
                  <c:v>42439</c:v>
                </c:pt>
                <c:pt idx="2887">
                  <c:v>42440</c:v>
                </c:pt>
                <c:pt idx="2888">
                  <c:v>42443</c:v>
                </c:pt>
                <c:pt idx="2889">
                  <c:v>42444</c:v>
                </c:pt>
                <c:pt idx="2890">
                  <c:v>42445</c:v>
                </c:pt>
                <c:pt idx="2891">
                  <c:v>42446</c:v>
                </c:pt>
                <c:pt idx="2892">
                  <c:v>42447</c:v>
                </c:pt>
                <c:pt idx="2893">
                  <c:v>42450</c:v>
                </c:pt>
                <c:pt idx="2894">
                  <c:v>42451</c:v>
                </c:pt>
                <c:pt idx="2895">
                  <c:v>42452</c:v>
                </c:pt>
                <c:pt idx="2896">
                  <c:v>42453</c:v>
                </c:pt>
                <c:pt idx="2897">
                  <c:v>42457</c:v>
                </c:pt>
                <c:pt idx="2898">
                  <c:v>42458</c:v>
                </c:pt>
                <c:pt idx="2899">
                  <c:v>42459</c:v>
                </c:pt>
                <c:pt idx="2900">
                  <c:v>42460</c:v>
                </c:pt>
                <c:pt idx="2901">
                  <c:v>42461</c:v>
                </c:pt>
                <c:pt idx="2902">
                  <c:v>42464</c:v>
                </c:pt>
                <c:pt idx="2903">
                  <c:v>42465</c:v>
                </c:pt>
                <c:pt idx="2904">
                  <c:v>42466</c:v>
                </c:pt>
                <c:pt idx="2905">
                  <c:v>42467</c:v>
                </c:pt>
                <c:pt idx="2906">
                  <c:v>42468</c:v>
                </c:pt>
                <c:pt idx="2907">
                  <c:v>42471</c:v>
                </c:pt>
                <c:pt idx="2908">
                  <c:v>42472</c:v>
                </c:pt>
                <c:pt idx="2909">
                  <c:v>42473</c:v>
                </c:pt>
                <c:pt idx="2910">
                  <c:v>42474</c:v>
                </c:pt>
                <c:pt idx="2911">
                  <c:v>42475</c:v>
                </c:pt>
                <c:pt idx="2912">
                  <c:v>42478</c:v>
                </c:pt>
                <c:pt idx="2913">
                  <c:v>42479</c:v>
                </c:pt>
                <c:pt idx="2914">
                  <c:v>42480</c:v>
                </c:pt>
                <c:pt idx="2915">
                  <c:v>42482</c:v>
                </c:pt>
                <c:pt idx="2916">
                  <c:v>42485</c:v>
                </c:pt>
                <c:pt idx="2917">
                  <c:v>42486</c:v>
                </c:pt>
                <c:pt idx="2918">
                  <c:v>42487</c:v>
                </c:pt>
                <c:pt idx="2919">
                  <c:v>42488</c:v>
                </c:pt>
                <c:pt idx="2920">
                  <c:v>42489</c:v>
                </c:pt>
                <c:pt idx="2921">
                  <c:v>42492</c:v>
                </c:pt>
                <c:pt idx="2922">
                  <c:v>42493</c:v>
                </c:pt>
                <c:pt idx="2923">
                  <c:v>42494</c:v>
                </c:pt>
                <c:pt idx="2924">
                  <c:v>42495</c:v>
                </c:pt>
                <c:pt idx="2925">
                  <c:v>42496</c:v>
                </c:pt>
                <c:pt idx="2926">
                  <c:v>42499</c:v>
                </c:pt>
                <c:pt idx="2927">
                  <c:v>42500</c:v>
                </c:pt>
                <c:pt idx="2928">
                  <c:v>42501</c:v>
                </c:pt>
                <c:pt idx="2929">
                  <c:v>42502</c:v>
                </c:pt>
                <c:pt idx="2930">
                  <c:v>42503</c:v>
                </c:pt>
                <c:pt idx="2931">
                  <c:v>42506</c:v>
                </c:pt>
                <c:pt idx="2932">
                  <c:v>42507</c:v>
                </c:pt>
                <c:pt idx="2933">
                  <c:v>42508</c:v>
                </c:pt>
                <c:pt idx="2934">
                  <c:v>42509</c:v>
                </c:pt>
                <c:pt idx="2935">
                  <c:v>42510</c:v>
                </c:pt>
                <c:pt idx="2936">
                  <c:v>42513</c:v>
                </c:pt>
                <c:pt idx="2937">
                  <c:v>42514</c:v>
                </c:pt>
                <c:pt idx="2938">
                  <c:v>42515</c:v>
                </c:pt>
                <c:pt idx="2939">
                  <c:v>42517</c:v>
                </c:pt>
                <c:pt idx="2940">
                  <c:v>42520</c:v>
                </c:pt>
                <c:pt idx="2941">
                  <c:v>42521</c:v>
                </c:pt>
                <c:pt idx="2942">
                  <c:v>42522</c:v>
                </c:pt>
                <c:pt idx="2943">
                  <c:v>42523</c:v>
                </c:pt>
                <c:pt idx="2944">
                  <c:v>42524</c:v>
                </c:pt>
                <c:pt idx="2945">
                  <c:v>42527</c:v>
                </c:pt>
                <c:pt idx="2946">
                  <c:v>42528</c:v>
                </c:pt>
                <c:pt idx="2947">
                  <c:v>42529</c:v>
                </c:pt>
                <c:pt idx="2948">
                  <c:v>42530</c:v>
                </c:pt>
                <c:pt idx="2949">
                  <c:v>42531</c:v>
                </c:pt>
                <c:pt idx="2950">
                  <c:v>42534</c:v>
                </c:pt>
                <c:pt idx="2951">
                  <c:v>42535</c:v>
                </c:pt>
                <c:pt idx="2952">
                  <c:v>42536</c:v>
                </c:pt>
                <c:pt idx="2953">
                  <c:v>42537</c:v>
                </c:pt>
                <c:pt idx="2954">
                  <c:v>42538</c:v>
                </c:pt>
                <c:pt idx="2955">
                  <c:v>42541</c:v>
                </c:pt>
                <c:pt idx="2956">
                  <c:v>42542</c:v>
                </c:pt>
                <c:pt idx="2957">
                  <c:v>42543</c:v>
                </c:pt>
                <c:pt idx="2958">
                  <c:v>42544</c:v>
                </c:pt>
                <c:pt idx="2959">
                  <c:v>42545</c:v>
                </c:pt>
                <c:pt idx="2960">
                  <c:v>42548</c:v>
                </c:pt>
                <c:pt idx="2961">
                  <c:v>42549</c:v>
                </c:pt>
                <c:pt idx="2962">
                  <c:v>42550</c:v>
                </c:pt>
                <c:pt idx="2963">
                  <c:v>42551</c:v>
                </c:pt>
                <c:pt idx="2964">
                  <c:v>42552</c:v>
                </c:pt>
                <c:pt idx="2965">
                  <c:v>42555</c:v>
                </c:pt>
                <c:pt idx="2966">
                  <c:v>42556</c:v>
                </c:pt>
                <c:pt idx="2967">
                  <c:v>42557</c:v>
                </c:pt>
                <c:pt idx="2968">
                  <c:v>42558</c:v>
                </c:pt>
                <c:pt idx="2969">
                  <c:v>42559</c:v>
                </c:pt>
                <c:pt idx="2970">
                  <c:v>42562</c:v>
                </c:pt>
                <c:pt idx="2971">
                  <c:v>42563</c:v>
                </c:pt>
                <c:pt idx="2972">
                  <c:v>42564</c:v>
                </c:pt>
                <c:pt idx="2973">
                  <c:v>42565</c:v>
                </c:pt>
                <c:pt idx="2974">
                  <c:v>42566</c:v>
                </c:pt>
                <c:pt idx="2975">
                  <c:v>42569</c:v>
                </c:pt>
                <c:pt idx="2976">
                  <c:v>42570</c:v>
                </c:pt>
                <c:pt idx="2977">
                  <c:v>42571</c:v>
                </c:pt>
                <c:pt idx="2978">
                  <c:v>42572</c:v>
                </c:pt>
                <c:pt idx="2979">
                  <c:v>42573</c:v>
                </c:pt>
                <c:pt idx="2980">
                  <c:v>42576</c:v>
                </c:pt>
                <c:pt idx="2981">
                  <c:v>42577</c:v>
                </c:pt>
                <c:pt idx="2982">
                  <c:v>42578</c:v>
                </c:pt>
                <c:pt idx="2983">
                  <c:v>42579</c:v>
                </c:pt>
                <c:pt idx="2984">
                  <c:v>42580</c:v>
                </c:pt>
                <c:pt idx="2985">
                  <c:v>42583</c:v>
                </c:pt>
                <c:pt idx="2986">
                  <c:v>42584</c:v>
                </c:pt>
                <c:pt idx="2987">
                  <c:v>42585</c:v>
                </c:pt>
                <c:pt idx="2988">
                  <c:v>42586</c:v>
                </c:pt>
                <c:pt idx="2989">
                  <c:v>42587</c:v>
                </c:pt>
                <c:pt idx="2990">
                  <c:v>42590</c:v>
                </c:pt>
                <c:pt idx="2991">
                  <c:v>42591</c:v>
                </c:pt>
                <c:pt idx="2992">
                  <c:v>42592</c:v>
                </c:pt>
                <c:pt idx="2993">
                  <c:v>42593</c:v>
                </c:pt>
                <c:pt idx="2994">
                  <c:v>42594</c:v>
                </c:pt>
                <c:pt idx="2995">
                  <c:v>42597</c:v>
                </c:pt>
                <c:pt idx="2996">
                  <c:v>42598</c:v>
                </c:pt>
                <c:pt idx="2997">
                  <c:v>42599</c:v>
                </c:pt>
                <c:pt idx="2998">
                  <c:v>42600</c:v>
                </c:pt>
                <c:pt idx="2999">
                  <c:v>42601</c:v>
                </c:pt>
                <c:pt idx="3000">
                  <c:v>42604</c:v>
                </c:pt>
                <c:pt idx="3001">
                  <c:v>42605</c:v>
                </c:pt>
                <c:pt idx="3002">
                  <c:v>42606</c:v>
                </c:pt>
                <c:pt idx="3003">
                  <c:v>42607</c:v>
                </c:pt>
                <c:pt idx="3004">
                  <c:v>42608</c:v>
                </c:pt>
                <c:pt idx="3005">
                  <c:v>42611</c:v>
                </c:pt>
                <c:pt idx="3006">
                  <c:v>42612</c:v>
                </c:pt>
                <c:pt idx="3007">
                  <c:v>42613</c:v>
                </c:pt>
                <c:pt idx="3008">
                  <c:v>42614</c:v>
                </c:pt>
                <c:pt idx="3009">
                  <c:v>42615</c:v>
                </c:pt>
                <c:pt idx="3010">
                  <c:v>42618</c:v>
                </c:pt>
                <c:pt idx="3011">
                  <c:v>42619</c:v>
                </c:pt>
                <c:pt idx="3012">
                  <c:v>42621</c:v>
                </c:pt>
                <c:pt idx="3013">
                  <c:v>42622</c:v>
                </c:pt>
                <c:pt idx="3014">
                  <c:v>42625</c:v>
                </c:pt>
                <c:pt idx="3015">
                  <c:v>42626</c:v>
                </c:pt>
                <c:pt idx="3016">
                  <c:v>42627</c:v>
                </c:pt>
                <c:pt idx="3017">
                  <c:v>42628</c:v>
                </c:pt>
                <c:pt idx="3018">
                  <c:v>42629</c:v>
                </c:pt>
                <c:pt idx="3019">
                  <c:v>42632</c:v>
                </c:pt>
                <c:pt idx="3020">
                  <c:v>42633</c:v>
                </c:pt>
                <c:pt idx="3021">
                  <c:v>42634</c:v>
                </c:pt>
                <c:pt idx="3022">
                  <c:v>42635</c:v>
                </c:pt>
                <c:pt idx="3023">
                  <c:v>42636</c:v>
                </c:pt>
                <c:pt idx="3024">
                  <c:v>42639</c:v>
                </c:pt>
                <c:pt idx="3025">
                  <c:v>42640</c:v>
                </c:pt>
                <c:pt idx="3026">
                  <c:v>42641</c:v>
                </c:pt>
                <c:pt idx="3027">
                  <c:v>42642</c:v>
                </c:pt>
                <c:pt idx="3028">
                  <c:v>42643</c:v>
                </c:pt>
                <c:pt idx="3029">
                  <c:v>42646</c:v>
                </c:pt>
                <c:pt idx="3030">
                  <c:v>42647</c:v>
                </c:pt>
                <c:pt idx="3031">
                  <c:v>42648</c:v>
                </c:pt>
                <c:pt idx="3032">
                  <c:v>42649</c:v>
                </c:pt>
                <c:pt idx="3033">
                  <c:v>42650</c:v>
                </c:pt>
                <c:pt idx="3034">
                  <c:v>42653</c:v>
                </c:pt>
                <c:pt idx="3035">
                  <c:v>42654</c:v>
                </c:pt>
                <c:pt idx="3036">
                  <c:v>42656</c:v>
                </c:pt>
                <c:pt idx="3037">
                  <c:v>42657</c:v>
                </c:pt>
                <c:pt idx="3038">
                  <c:v>42660</c:v>
                </c:pt>
                <c:pt idx="3039">
                  <c:v>42661</c:v>
                </c:pt>
                <c:pt idx="3040">
                  <c:v>42662</c:v>
                </c:pt>
                <c:pt idx="3041">
                  <c:v>42663</c:v>
                </c:pt>
                <c:pt idx="3042">
                  <c:v>42664</c:v>
                </c:pt>
                <c:pt idx="3043">
                  <c:v>42667</c:v>
                </c:pt>
                <c:pt idx="3044">
                  <c:v>42668</c:v>
                </c:pt>
                <c:pt idx="3045">
                  <c:v>42669</c:v>
                </c:pt>
                <c:pt idx="3046">
                  <c:v>42670</c:v>
                </c:pt>
                <c:pt idx="3047">
                  <c:v>42671</c:v>
                </c:pt>
                <c:pt idx="3048">
                  <c:v>42674</c:v>
                </c:pt>
                <c:pt idx="3049">
                  <c:v>42675</c:v>
                </c:pt>
                <c:pt idx="3050">
                  <c:v>42677</c:v>
                </c:pt>
                <c:pt idx="3051">
                  <c:v>42678</c:v>
                </c:pt>
                <c:pt idx="3052">
                  <c:v>42681</c:v>
                </c:pt>
                <c:pt idx="3053">
                  <c:v>42682</c:v>
                </c:pt>
                <c:pt idx="3054">
                  <c:v>42683</c:v>
                </c:pt>
                <c:pt idx="3055">
                  <c:v>42684</c:v>
                </c:pt>
                <c:pt idx="3056">
                  <c:v>42685</c:v>
                </c:pt>
                <c:pt idx="3057">
                  <c:v>42688</c:v>
                </c:pt>
                <c:pt idx="3058">
                  <c:v>42690</c:v>
                </c:pt>
                <c:pt idx="3059">
                  <c:v>42691</c:v>
                </c:pt>
                <c:pt idx="3060">
                  <c:v>42692</c:v>
                </c:pt>
                <c:pt idx="3061">
                  <c:v>42695</c:v>
                </c:pt>
                <c:pt idx="3062">
                  <c:v>42696</c:v>
                </c:pt>
                <c:pt idx="3063">
                  <c:v>42697</c:v>
                </c:pt>
                <c:pt idx="3064">
                  <c:v>42698</c:v>
                </c:pt>
                <c:pt idx="3065">
                  <c:v>42699</c:v>
                </c:pt>
                <c:pt idx="3066">
                  <c:v>42702</c:v>
                </c:pt>
                <c:pt idx="3067">
                  <c:v>42703</c:v>
                </c:pt>
                <c:pt idx="3068">
                  <c:v>42704</c:v>
                </c:pt>
                <c:pt idx="3069">
                  <c:v>42705</c:v>
                </c:pt>
                <c:pt idx="3070">
                  <c:v>42706</c:v>
                </c:pt>
                <c:pt idx="3071">
                  <c:v>42709</c:v>
                </c:pt>
                <c:pt idx="3072">
                  <c:v>42710</c:v>
                </c:pt>
                <c:pt idx="3073">
                  <c:v>42711</c:v>
                </c:pt>
                <c:pt idx="3074">
                  <c:v>42712</c:v>
                </c:pt>
                <c:pt idx="3075">
                  <c:v>42713</c:v>
                </c:pt>
                <c:pt idx="3076">
                  <c:v>42716</c:v>
                </c:pt>
                <c:pt idx="3077">
                  <c:v>42717</c:v>
                </c:pt>
                <c:pt idx="3078">
                  <c:v>42718</c:v>
                </c:pt>
                <c:pt idx="3079">
                  <c:v>42719</c:v>
                </c:pt>
                <c:pt idx="3080">
                  <c:v>42720</c:v>
                </c:pt>
                <c:pt idx="3081">
                  <c:v>42723</c:v>
                </c:pt>
                <c:pt idx="3082">
                  <c:v>42724</c:v>
                </c:pt>
                <c:pt idx="3083">
                  <c:v>42725</c:v>
                </c:pt>
                <c:pt idx="3084">
                  <c:v>42726</c:v>
                </c:pt>
                <c:pt idx="3085">
                  <c:v>42727</c:v>
                </c:pt>
                <c:pt idx="3086">
                  <c:v>42730</c:v>
                </c:pt>
                <c:pt idx="3087">
                  <c:v>42731</c:v>
                </c:pt>
                <c:pt idx="3088">
                  <c:v>42732</c:v>
                </c:pt>
                <c:pt idx="3089">
                  <c:v>42733</c:v>
                </c:pt>
                <c:pt idx="3090">
                  <c:v>42734</c:v>
                </c:pt>
                <c:pt idx="3091">
                  <c:v>42737</c:v>
                </c:pt>
                <c:pt idx="3092">
                  <c:v>42738</c:v>
                </c:pt>
                <c:pt idx="3093">
                  <c:v>42739</c:v>
                </c:pt>
                <c:pt idx="3094">
                  <c:v>42740</c:v>
                </c:pt>
                <c:pt idx="3095">
                  <c:v>42741</c:v>
                </c:pt>
                <c:pt idx="3096">
                  <c:v>42744</c:v>
                </c:pt>
                <c:pt idx="3097">
                  <c:v>42745</c:v>
                </c:pt>
                <c:pt idx="3098">
                  <c:v>42746</c:v>
                </c:pt>
                <c:pt idx="3099">
                  <c:v>42747</c:v>
                </c:pt>
                <c:pt idx="3100">
                  <c:v>42748</c:v>
                </c:pt>
                <c:pt idx="3101">
                  <c:v>42751</c:v>
                </c:pt>
                <c:pt idx="3102">
                  <c:v>42752</c:v>
                </c:pt>
                <c:pt idx="3103">
                  <c:v>42753</c:v>
                </c:pt>
                <c:pt idx="3104">
                  <c:v>42754</c:v>
                </c:pt>
                <c:pt idx="3105">
                  <c:v>42755</c:v>
                </c:pt>
                <c:pt idx="3106">
                  <c:v>42758</c:v>
                </c:pt>
                <c:pt idx="3107">
                  <c:v>42759</c:v>
                </c:pt>
                <c:pt idx="3108">
                  <c:v>42760</c:v>
                </c:pt>
                <c:pt idx="3109">
                  <c:v>42761</c:v>
                </c:pt>
                <c:pt idx="3110">
                  <c:v>42762</c:v>
                </c:pt>
                <c:pt idx="3111">
                  <c:v>42765</c:v>
                </c:pt>
                <c:pt idx="3112">
                  <c:v>42766</c:v>
                </c:pt>
                <c:pt idx="3113">
                  <c:v>42767</c:v>
                </c:pt>
                <c:pt idx="3114">
                  <c:v>42768</c:v>
                </c:pt>
                <c:pt idx="3115">
                  <c:v>42769</c:v>
                </c:pt>
                <c:pt idx="3116">
                  <c:v>42772</c:v>
                </c:pt>
                <c:pt idx="3117">
                  <c:v>42773</c:v>
                </c:pt>
                <c:pt idx="3118">
                  <c:v>42774</c:v>
                </c:pt>
                <c:pt idx="3119">
                  <c:v>42775</c:v>
                </c:pt>
                <c:pt idx="3120">
                  <c:v>42776</c:v>
                </c:pt>
                <c:pt idx="3121">
                  <c:v>42779</c:v>
                </c:pt>
                <c:pt idx="3122">
                  <c:v>42780</c:v>
                </c:pt>
                <c:pt idx="3123">
                  <c:v>42781</c:v>
                </c:pt>
                <c:pt idx="3124">
                  <c:v>42782</c:v>
                </c:pt>
                <c:pt idx="3125">
                  <c:v>42783</c:v>
                </c:pt>
                <c:pt idx="3126">
                  <c:v>42786</c:v>
                </c:pt>
                <c:pt idx="3127">
                  <c:v>42787</c:v>
                </c:pt>
                <c:pt idx="3128">
                  <c:v>42788</c:v>
                </c:pt>
                <c:pt idx="3129">
                  <c:v>42789</c:v>
                </c:pt>
                <c:pt idx="3130">
                  <c:v>42790</c:v>
                </c:pt>
                <c:pt idx="3131">
                  <c:v>42795</c:v>
                </c:pt>
                <c:pt idx="3132">
                  <c:v>42796</c:v>
                </c:pt>
                <c:pt idx="3133">
                  <c:v>42797</c:v>
                </c:pt>
                <c:pt idx="3134">
                  <c:v>42800</c:v>
                </c:pt>
                <c:pt idx="3135">
                  <c:v>42801</c:v>
                </c:pt>
                <c:pt idx="3136">
                  <c:v>42802</c:v>
                </c:pt>
                <c:pt idx="3137">
                  <c:v>42803</c:v>
                </c:pt>
                <c:pt idx="3138">
                  <c:v>42804</c:v>
                </c:pt>
                <c:pt idx="3139">
                  <c:v>42807</c:v>
                </c:pt>
                <c:pt idx="3140">
                  <c:v>42808</c:v>
                </c:pt>
                <c:pt idx="3141">
                  <c:v>42809</c:v>
                </c:pt>
                <c:pt idx="3142">
                  <c:v>42810</c:v>
                </c:pt>
                <c:pt idx="3143">
                  <c:v>42811</c:v>
                </c:pt>
                <c:pt idx="3144">
                  <c:v>42814</c:v>
                </c:pt>
                <c:pt idx="3145">
                  <c:v>42815</c:v>
                </c:pt>
                <c:pt idx="3146">
                  <c:v>42816</c:v>
                </c:pt>
                <c:pt idx="3147">
                  <c:v>42817</c:v>
                </c:pt>
                <c:pt idx="3148">
                  <c:v>42818</c:v>
                </c:pt>
                <c:pt idx="3149">
                  <c:v>42821</c:v>
                </c:pt>
                <c:pt idx="3150">
                  <c:v>42822</c:v>
                </c:pt>
                <c:pt idx="3151">
                  <c:v>42823</c:v>
                </c:pt>
                <c:pt idx="3152">
                  <c:v>42824</c:v>
                </c:pt>
                <c:pt idx="3153">
                  <c:v>42825</c:v>
                </c:pt>
                <c:pt idx="3154">
                  <c:v>42828</c:v>
                </c:pt>
                <c:pt idx="3155">
                  <c:v>42829</c:v>
                </c:pt>
                <c:pt idx="3156">
                  <c:v>42830</c:v>
                </c:pt>
                <c:pt idx="3157">
                  <c:v>42831</c:v>
                </c:pt>
                <c:pt idx="3158">
                  <c:v>42832</c:v>
                </c:pt>
                <c:pt idx="3159">
                  <c:v>42835</c:v>
                </c:pt>
                <c:pt idx="3160">
                  <c:v>42836</c:v>
                </c:pt>
                <c:pt idx="3161">
                  <c:v>42837</c:v>
                </c:pt>
                <c:pt idx="3162">
                  <c:v>42838</c:v>
                </c:pt>
                <c:pt idx="3163">
                  <c:v>42842</c:v>
                </c:pt>
                <c:pt idx="3164">
                  <c:v>42843</c:v>
                </c:pt>
                <c:pt idx="3165">
                  <c:v>42844</c:v>
                </c:pt>
                <c:pt idx="3166">
                  <c:v>42845</c:v>
                </c:pt>
                <c:pt idx="3167">
                  <c:v>42849</c:v>
                </c:pt>
                <c:pt idx="3168">
                  <c:v>42850</c:v>
                </c:pt>
                <c:pt idx="3169">
                  <c:v>42851</c:v>
                </c:pt>
                <c:pt idx="3170">
                  <c:v>42852</c:v>
                </c:pt>
                <c:pt idx="3171">
                  <c:v>42853</c:v>
                </c:pt>
                <c:pt idx="3172">
                  <c:v>42857</c:v>
                </c:pt>
                <c:pt idx="3173">
                  <c:v>42858</c:v>
                </c:pt>
                <c:pt idx="3174">
                  <c:v>42859</c:v>
                </c:pt>
                <c:pt idx="3175">
                  <c:v>42860</c:v>
                </c:pt>
                <c:pt idx="3176">
                  <c:v>42863</c:v>
                </c:pt>
                <c:pt idx="3177">
                  <c:v>42864</c:v>
                </c:pt>
                <c:pt idx="3178">
                  <c:v>42865</c:v>
                </c:pt>
                <c:pt idx="3179">
                  <c:v>42866</c:v>
                </c:pt>
                <c:pt idx="3180">
                  <c:v>42867</c:v>
                </c:pt>
                <c:pt idx="3181">
                  <c:v>42870</c:v>
                </c:pt>
                <c:pt idx="3182">
                  <c:v>42871</c:v>
                </c:pt>
                <c:pt idx="3183">
                  <c:v>42872</c:v>
                </c:pt>
                <c:pt idx="3184">
                  <c:v>42873</c:v>
                </c:pt>
                <c:pt idx="3185">
                  <c:v>42874</c:v>
                </c:pt>
                <c:pt idx="3186">
                  <c:v>42877</c:v>
                </c:pt>
                <c:pt idx="3187">
                  <c:v>42878</c:v>
                </c:pt>
                <c:pt idx="3188">
                  <c:v>42879</c:v>
                </c:pt>
                <c:pt idx="3189">
                  <c:v>42880</c:v>
                </c:pt>
                <c:pt idx="3190">
                  <c:v>42881</c:v>
                </c:pt>
                <c:pt idx="3191">
                  <c:v>42884</c:v>
                </c:pt>
                <c:pt idx="3192">
                  <c:v>42885</c:v>
                </c:pt>
                <c:pt idx="3193">
                  <c:v>42886</c:v>
                </c:pt>
                <c:pt idx="3194">
                  <c:v>42887</c:v>
                </c:pt>
                <c:pt idx="3195">
                  <c:v>42888</c:v>
                </c:pt>
                <c:pt idx="3196">
                  <c:v>42891</c:v>
                </c:pt>
                <c:pt idx="3197">
                  <c:v>42892</c:v>
                </c:pt>
                <c:pt idx="3198">
                  <c:v>42893</c:v>
                </c:pt>
                <c:pt idx="3199">
                  <c:v>42894</c:v>
                </c:pt>
                <c:pt idx="3200">
                  <c:v>42895</c:v>
                </c:pt>
                <c:pt idx="3201">
                  <c:v>42898</c:v>
                </c:pt>
                <c:pt idx="3202">
                  <c:v>42899</c:v>
                </c:pt>
                <c:pt idx="3203">
                  <c:v>42900</c:v>
                </c:pt>
                <c:pt idx="3204">
                  <c:v>42902</c:v>
                </c:pt>
                <c:pt idx="3205">
                  <c:v>42905</c:v>
                </c:pt>
                <c:pt idx="3206">
                  <c:v>42906</c:v>
                </c:pt>
                <c:pt idx="3207">
                  <c:v>42907</c:v>
                </c:pt>
                <c:pt idx="3208">
                  <c:v>42908</c:v>
                </c:pt>
                <c:pt idx="3209">
                  <c:v>42909</c:v>
                </c:pt>
                <c:pt idx="3210">
                  <c:v>42912</c:v>
                </c:pt>
                <c:pt idx="3211">
                  <c:v>42913</c:v>
                </c:pt>
                <c:pt idx="3212">
                  <c:v>42914</c:v>
                </c:pt>
                <c:pt idx="3213">
                  <c:v>42915</c:v>
                </c:pt>
                <c:pt idx="3214">
                  <c:v>42916</c:v>
                </c:pt>
                <c:pt idx="3215">
                  <c:v>42919</c:v>
                </c:pt>
                <c:pt idx="3216">
                  <c:v>42920</c:v>
                </c:pt>
                <c:pt idx="3217">
                  <c:v>42921</c:v>
                </c:pt>
                <c:pt idx="3218">
                  <c:v>42922</c:v>
                </c:pt>
                <c:pt idx="3219">
                  <c:v>42923</c:v>
                </c:pt>
                <c:pt idx="3220">
                  <c:v>42926</c:v>
                </c:pt>
                <c:pt idx="3221">
                  <c:v>42927</c:v>
                </c:pt>
                <c:pt idx="3222">
                  <c:v>42928</c:v>
                </c:pt>
                <c:pt idx="3223">
                  <c:v>42929</c:v>
                </c:pt>
                <c:pt idx="3224">
                  <c:v>42930</c:v>
                </c:pt>
                <c:pt idx="3225">
                  <c:v>42933</c:v>
                </c:pt>
                <c:pt idx="3226">
                  <c:v>42934</c:v>
                </c:pt>
                <c:pt idx="3227">
                  <c:v>42935</c:v>
                </c:pt>
                <c:pt idx="3228">
                  <c:v>42936</c:v>
                </c:pt>
                <c:pt idx="3229">
                  <c:v>42937</c:v>
                </c:pt>
                <c:pt idx="3230">
                  <c:v>42940</c:v>
                </c:pt>
                <c:pt idx="3231">
                  <c:v>42941</c:v>
                </c:pt>
                <c:pt idx="3232">
                  <c:v>42942</c:v>
                </c:pt>
                <c:pt idx="3233">
                  <c:v>42943</c:v>
                </c:pt>
                <c:pt idx="3234">
                  <c:v>42944</c:v>
                </c:pt>
                <c:pt idx="3235">
                  <c:v>42947</c:v>
                </c:pt>
                <c:pt idx="3236">
                  <c:v>42948</c:v>
                </c:pt>
                <c:pt idx="3237">
                  <c:v>42949</c:v>
                </c:pt>
                <c:pt idx="3238">
                  <c:v>42950</c:v>
                </c:pt>
                <c:pt idx="3239">
                  <c:v>42951</c:v>
                </c:pt>
                <c:pt idx="3240">
                  <c:v>42954</c:v>
                </c:pt>
                <c:pt idx="3241">
                  <c:v>42955</c:v>
                </c:pt>
                <c:pt idx="3242">
                  <c:v>42956</c:v>
                </c:pt>
                <c:pt idx="3243">
                  <c:v>42957</c:v>
                </c:pt>
                <c:pt idx="3244">
                  <c:v>42958</c:v>
                </c:pt>
                <c:pt idx="3245">
                  <c:v>42961</c:v>
                </c:pt>
                <c:pt idx="3246">
                  <c:v>42962</c:v>
                </c:pt>
                <c:pt idx="3247">
                  <c:v>42963</c:v>
                </c:pt>
                <c:pt idx="3248">
                  <c:v>42964</c:v>
                </c:pt>
                <c:pt idx="3249">
                  <c:v>42965</c:v>
                </c:pt>
                <c:pt idx="3250">
                  <c:v>42968</c:v>
                </c:pt>
                <c:pt idx="3251">
                  <c:v>42969</c:v>
                </c:pt>
                <c:pt idx="3252">
                  <c:v>42970</c:v>
                </c:pt>
                <c:pt idx="3253">
                  <c:v>42971</c:v>
                </c:pt>
                <c:pt idx="3254">
                  <c:v>42972</c:v>
                </c:pt>
                <c:pt idx="3255">
                  <c:v>42975</c:v>
                </c:pt>
                <c:pt idx="3256">
                  <c:v>42976</c:v>
                </c:pt>
                <c:pt idx="3257">
                  <c:v>42977</c:v>
                </c:pt>
                <c:pt idx="3258">
                  <c:v>42978</c:v>
                </c:pt>
                <c:pt idx="3259">
                  <c:v>42979</c:v>
                </c:pt>
                <c:pt idx="3260">
                  <c:v>42982</c:v>
                </c:pt>
                <c:pt idx="3261">
                  <c:v>42983</c:v>
                </c:pt>
                <c:pt idx="3262">
                  <c:v>42984</c:v>
                </c:pt>
                <c:pt idx="3263">
                  <c:v>42986</c:v>
                </c:pt>
                <c:pt idx="3264">
                  <c:v>42989</c:v>
                </c:pt>
                <c:pt idx="3265">
                  <c:v>42990</c:v>
                </c:pt>
                <c:pt idx="3266">
                  <c:v>42991</c:v>
                </c:pt>
                <c:pt idx="3267">
                  <c:v>42992</c:v>
                </c:pt>
                <c:pt idx="3268">
                  <c:v>42993</c:v>
                </c:pt>
                <c:pt idx="3269">
                  <c:v>42996</c:v>
                </c:pt>
                <c:pt idx="3270">
                  <c:v>42997</c:v>
                </c:pt>
                <c:pt idx="3271">
                  <c:v>42998</c:v>
                </c:pt>
                <c:pt idx="3272">
                  <c:v>42999</c:v>
                </c:pt>
                <c:pt idx="3273">
                  <c:v>43000</c:v>
                </c:pt>
                <c:pt idx="3274">
                  <c:v>43003</c:v>
                </c:pt>
                <c:pt idx="3275">
                  <c:v>43004</c:v>
                </c:pt>
                <c:pt idx="3276">
                  <c:v>43005</c:v>
                </c:pt>
                <c:pt idx="3277">
                  <c:v>43006</c:v>
                </c:pt>
                <c:pt idx="3278">
                  <c:v>43007</c:v>
                </c:pt>
                <c:pt idx="3279">
                  <c:v>43010</c:v>
                </c:pt>
                <c:pt idx="3280">
                  <c:v>43011</c:v>
                </c:pt>
                <c:pt idx="3281">
                  <c:v>43012</c:v>
                </c:pt>
                <c:pt idx="3282">
                  <c:v>43013</c:v>
                </c:pt>
                <c:pt idx="3283">
                  <c:v>43014</c:v>
                </c:pt>
                <c:pt idx="3284">
                  <c:v>43017</c:v>
                </c:pt>
                <c:pt idx="3285">
                  <c:v>43018</c:v>
                </c:pt>
                <c:pt idx="3286">
                  <c:v>43019</c:v>
                </c:pt>
                <c:pt idx="3287">
                  <c:v>43021</c:v>
                </c:pt>
                <c:pt idx="3288">
                  <c:v>43024</c:v>
                </c:pt>
                <c:pt idx="3289">
                  <c:v>43025</c:v>
                </c:pt>
                <c:pt idx="3290">
                  <c:v>43026</c:v>
                </c:pt>
                <c:pt idx="3291">
                  <c:v>43027</c:v>
                </c:pt>
                <c:pt idx="3292">
                  <c:v>43028</c:v>
                </c:pt>
                <c:pt idx="3293">
                  <c:v>43031</c:v>
                </c:pt>
                <c:pt idx="3294">
                  <c:v>43032</c:v>
                </c:pt>
                <c:pt idx="3295">
                  <c:v>43033</c:v>
                </c:pt>
                <c:pt idx="3296">
                  <c:v>43034</c:v>
                </c:pt>
                <c:pt idx="3297">
                  <c:v>43035</c:v>
                </c:pt>
                <c:pt idx="3298">
                  <c:v>43038</c:v>
                </c:pt>
                <c:pt idx="3299">
                  <c:v>43039</c:v>
                </c:pt>
                <c:pt idx="3300">
                  <c:v>43040</c:v>
                </c:pt>
                <c:pt idx="3301">
                  <c:v>43042</c:v>
                </c:pt>
                <c:pt idx="3302">
                  <c:v>43045</c:v>
                </c:pt>
                <c:pt idx="3303">
                  <c:v>43046</c:v>
                </c:pt>
                <c:pt idx="3304">
                  <c:v>43047</c:v>
                </c:pt>
                <c:pt idx="3305">
                  <c:v>43048</c:v>
                </c:pt>
                <c:pt idx="3306">
                  <c:v>43049</c:v>
                </c:pt>
                <c:pt idx="3307">
                  <c:v>43052</c:v>
                </c:pt>
                <c:pt idx="3308">
                  <c:v>43053</c:v>
                </c:pt>
                <c:pt idx="3309">
                  <c:v>43055</c:v>
                </c:pt>
                <c:pt idx="3310">
                  <c:v>43056</c:v>
                </c:pt>
                <c:pt idx="3311">
                  <c:v>43059</c:v>
                </c:pt>
                <c:pt idx="3312">
                  <c:v>43060</c:v>
                </c:pt>
                <c:pt idx="3313">
                  <c:v>43061</c:v>
                </c:pt>
                <c:pt idx="3314">
                  <c:v>43062</c:v>
                </c:pt>
                <c:pt idx="3315">
                  <c:v>43063</c:v>
                </c:pt>
                <c:pt idx="3316">
                  <c:v>43066</c:v>
                </c:pt>
                <c:pt idx="3317">
                  <c:v>43067</c:v>
                </c:pt>
                <c:pt idx="3318">
                  <c:v>43068</c:v>
                </c:pt>
                <c:pt idx="3319">
                  <c:v>43069</c:v>
                </c:pt>
                <c:pt idx="3320">
                  <c:v>43070</c:v>
                </c:pt>
                <c:pt idx="3321">
                  <c:v>43073</c:v>
                </c:pt>
                <c:pt idx="3322">
                  <c:v>43074</c:v>
                </c:pt>
                <c:pt idx="3323">
                  <c:v>43075</c:v>
                </c:pt>
                <c:pt idx="3324">
                  <c:v>43076</c:v>
                </c:pt>
                <c:pt idx="3325">
                  <c:v>43077</c:v>
                </c:pt>
                <c:pt idx="3326">
                  <c:v>43080</c:v>
                </c:pt>
                <c:pt idx="3327">
                  <c:v>43081</c:v>
                </c:pt>
                <c:pt idx="3328">
                  <c:v>43082</c:v>
                </c:pt>
                <c:pt idx="3329">
                  <c:v>43083</c:v>
                </c:pt>
                <c:pt idx="3330">
                  <c:v>43084</c:v>
                </c:pt>
                <c:pt idx="3331">
                  <c:v>43087</c:v>
                </c:pt>
                <c:pt idx="3332">
                  <c:v>43088</c:v>
                </c:pt>
                <c:pt idx="3333">
                  <c:v>43089</c:v>
                </c:pt>
                <c:pt idx="3334">
                  <c:v>43090</c:v>
                </c:pt>
                <c:pt idx="3335">
                  <c:v>43091</c:v>
                </c:pt>
                <c:pt idx="3336">
                  <c:v>43095</c:v>
                </c:pt>
                <c:pt idx="3337">
                  <c:v>43096</c:v>
                </c:pt>
                <c:pt idx="3338">
                  <c:v>43097</c:v>
                </c:pt>
                <c:pt idx="3339">
                  <c:v>43098</c:v>
                </c:pt>
                <c:pt idx="3340">
                  <c:v>43102</c:v>
                </c:pt>
                <c:pt idx="3341">
                  <c:v>43103</c:v>
                </c:pt>
                <c:pt idx="3342">
                  <c:v>43104</c:v>
                </c:pt>
                <c:pt idx="3343">
                  <c:v>43105</c:v>
                </c:pt>
                <c:pt idx="3344">
                  <c:v>43108</c:v>
                </c:pt>
                <c:pt idx="3345">
                  <c:v>43109</c:v>
                </c:pt>
                <c:pt idx="3346">
                  <c:v>43110</c:v>
                </c:pt>
                <c:pt idx="3347">
                  <c:v>43111</c:v>
                </c:pt>
                <c:pt idx="3348">
                  <c:v>43112</c:v>
                </c:pt>
                <c:pt idx="3349">
                  <c:v>43115</c:v>
                </c:pt>
                <c:pt idx="3350">
                  <c:v>43116</c:v>
                </c:pt>
                <c:pt idx="3351">
                  <c:v>43117</c:v>
                </c:pt>
                <c:pt idx="3352">
                  <c:v>43118</c:v>
                </c:pt>
                <c:pt idx="3353">
                  <c:v>43119</c:v>
                </c:pt>
                <c:pt idx="3354">
                  <c:v>43122</c:v>
                </c:pt>
                <c:pt idx="3355">
                  <c:v>43123</c:v>
                </c:pt>
                <c:pt idx="3356">
                  <c:v>43124</c:v>
                </c:pt>
                <c:pt idx="3357">
                  <c:v>43125</c:v>
                </c:pt>
                <c:pt idx="3358">
                  <c:v>43126</c:v>
                </c:pt>
                <c:pt idx="3359">
                  <c:v>43129</c:v>
                </c:pt>
                <c:pt idx="3360">
                  <c:v>43130</c:v>
                </c:pt>
                <c:pt idx="3361">
                  <c:v>43131</c:v>
                </c:pt>
                <c:pt idx="3362">
                  <c:v>43132</c:v>
                </c:pt>
                <c:pt idx="3363">
                  <c:v>43133</c:v>
                </c:pt>
                <c:pt idx="3364">
                  <c:v>43136</c:v>
                </c:pt>
                <c:pt idx="3365">
                  <c:v>43137</c:v>
                </c:pt>
                <c:pt idx="3366">
                  <c:v>43138</c:v>
                </c:pt>
                <c:pt idx="3367">
                  <c:v>43139</c:v>
                </c:pt>
                <c:pt idx="3368">
                  <c:v>43140</c:v>
                </c:pt>
                <c:pt idx="3369">
                  <c:v>43145</c:v>
                </c:pt>
                <c:pt idx="3370">
                  <c:v>43146</c:v>
                </c:pt>
                <c:pt idx="3371">
                  <c:v>43147</c:v>
                </c:pt>
                <c:pt idx="3372">
                  <c:v>43150</c:v>
                </c:pt>
                <c:pt idx="3373">
                  <c:v>43151</c:v>
                </c:pt>
                <c:pt idx="3374">
                  <c:v>43152</c:v>
                </c:pt>
                <c:pt idx="3375">
                  <c:v>43153</c:v>
                </c:pt>
                <c:pt idx="3376">
                  <c:v>43154</c:v>
                </c:pt>
                <c:pt idx="3377">
                  <c:v>43157</c:v>
                </c:pt>
                <c:pt idx="3378">
                  <c:v>43158</c:v>
                </c:pt>
                <c:pt idx="3379">
                  <c:v>43159</c:v>
                </c:pt>
                <c:pt idx="3380">
                  <c:v>43160</c:v>
                </c:pt>
                <c:pt idx="3381">
                  <c:v>43161</c:v>
                </c:pt>
                <c:pt idx="3382">
                  <c:v>43164</c:v>
                </c:pt>
                <c:pt idx="3383">
                  <c:v>43165</c:v>
                </c:pt>
                <c:pt idx="3384">
                  <c:v>43166</c:v>
                </c:pt>
                <c:pt idx="3385">
                  <c:v>43167</c:v>
                </c:pt>
                <c:pt idx="3386">
                  <c:v>43168</c:v>
                </c:pt>
                <c:pt idx="3387">
                  <c:v>43171</c:v>
                </c:pt>
                <c:pt idx="3388">
                  <c:v>43172</c:v>
                </c:pt>
                <c:pt idx="3389">
                  <c:v>43173</c:v>
                </c:pt>
                <c:pt idx="3390">
                  <c:v>43174</c:v>
                </c:pt>
                <c:pt idx="3391">
                  <c:v>43175</c:v>
                </c:pt>
                <c:pt idx="3392">
                  <c:v>43178</c:v>
                </c:pt>
                <c:pt idx="3393">
                  <c:v>43179</c:v>
                </c:pt>
                <c:pt idx="3394">
                  <c:v>43180</c:v>
                </c:pt>
                <c:pt idx="3395">
                  <c:v>43181</c:v>
                </c:pt>
                <c:pt idx="3396">
                  <c:v>43182</c:v>
                </c:pt>
                <c:pt idx="3397">
                  <c:v>43185</c:v>
                </c:pt>
                <c:pt idx="3398">
                  <c:v>43186</c:v>
                </c:pt>
                <c:pt idx="3399">
                  <c:v>43187</c:v>
                </c:pt>
                <c:pt idx="3400">
                  <c:v>43188</c:v>
                </c:pt>
                <c:pt idx="3401">
                  <c:v>43192</c:v>
                </c:pt>
                <c:pt idx="3402">
                  <c:v>43193</c:v>
                </c:pt>
                <c:pt idx="3403">
                  <c:v>43194</c:v>
                </c:pt>
                <c:pt idx="3404">
                  <c:v>43195</c:v>
                </c:pt>
                <c:pt idx="3405">
                  <c:v>43196</c:v>
                </c:pt>
                <c:pt idx="3406">
                  <c:v>43199</c:v>
                </c:pt>
                <c:pt idx="3407">
                  <c:v>43200</c:v>
                </c:pt>
                <c:pt idx="3408">
                  <c:v>43201</c:v>
                </c:pt>
                <c:pt idx="3409">
                  <c:v>43202</c:v>
                </c:pt>
                <c:pt idx="3410">
                  <c:v>43203</c:v>
                </c:pt>
                <c:pt idx="3411">
                  <c:v>43206</c:v>
                </c:pt>
                <c:pt idx="3412">
                  <c:v>43207</c:v>
                </c:pt>
                <c:pt idx="3413">
                  <c:v>43208</c:v>
                </c:pt>
                <c:pt idx="3414">
                  <c:v>43209</c:v>
                </c:pt>
                <c:pt idx="3415">
                  <c:v>43210</c:v>
                </c:pt>
                <c:pt idx="3416">
                  <c:v>43213</c:v>
                </c:pt>
                <c:pt idx="3417">
                  <c:v>43214</c:v>
                </c:pt>
                <c:pt idx="3418">
                  <c:v>43215</c:v>
                </c:pt>
                <c:pt idx="3419">
                  <c:v>43216</c:v>
                </c:pt>
                <c:pt idx="3420">
                  <c:v>43217</c:v>
                </c:pt>
                <c:pt idx="3421">
                  <c:v>43220</c:v>
                </c:pt>
                <c:pt idx="3422">
                  <c:v>43222</c:v>
                </c:pt>
                <c:pt idx="3423">
                  <c:v>43223</c:v>
                </c:pt>
                <c:pt idx="3424">
                  <c:v>43224</c:v>
                </c:pt>
                <c:pt idx="3425">
                  <c:v>43227</c:v>
                </c:pt>
                <c:pt idx="3426">
                  <c:v>43228</c:v>
                </c:pt>
                <c:pt idx="3427">
                  <c:v>43229</c:v>
                </c:pt>
                <c:pt idx="3428">
                  <c:v>43230</c:v>
                </c:pt>
                <c:pt idx="3429">
                  <c:v>43231</c:v>
                </c:pt>
                <c:pt idx="3430">
                  <c:v>43234</c:v>
                </c:pt>
                <c:pt idx="3431">
                  <c:v>43235</c:v>
                </c:pt>
                <c:pt idx="3432">
                  <c:v>43236</c:v>
                </c:pt>
                <c:pt idx="3433">
                  <c:v>43237</c:v>
                </c:pt>
                <c:pt idx="3434">
                  <c:v>43238</c:v>
                </c:pt>
                <c:pt idx="3435">
                  <c:v>43241</c:v>
                </c:pt>
                <c:pt idx="3436">
                  <c:v>43242</c:v>
                </c:pt>
                <c:pt idx="3437">
                  <c:v>43243</c:v>
                </c:pt>
                <c:pt idx="3438">
                  <c:v>43244</c:v>
                </c:pt>
                <c:pt idx="3439">
                  <c:v>43245</c:v>
                </c:pt>
                <c:pt idx="3440">
                  <c:v>43248</c:v>
                </c:pt>
                <c:pt idx="3441">
                  <c:v>43249</c:v>
                </c:pt>
                <c:pt idx="3442">
                  <c:v>43250</c:v>
                </c:pt>
                <c:pt idx="3443">
                  <c:v>43252</c:v>
                </c:pt>
                <c:pt idx="3444">
                  <c:v>43255</c:v>
                </c:pt>
                <c:pt idx="3445">
                  <c:v>43256</c:v>
                </c:pt>
                <c:pt idx="3446">
                  <c:v>43257</c:v>
                </c:pt>
                <c:pt idx="3447">
                  <c:v>43258</c:v>
                </c:pt>
                <c:pt idx="3448">
                  <c:v>43259</c:v>
                </c:pt>
                <c:pt idx="3449">
                  <c:v>43262</c:v>
                </c:pt>
                <c:pt idx="3450">
                  <c:v>43263</c:v>
                </c:pt>
                <c:pt idx="3451">
                  <c:v>43264</c:v>
                </c:pt>
                <c:pt idx="3452">
                  <c:v>43265</c:v>
                </c:pt>
                <c:pt idx="3453">
                  <c:v>43266</c:v>
                </c:pt>
                <c:pt idx="3454">
                  <c:v>43269</c:v>
                </c:pt>
                <c:pt idx="3455">
                  <c:v>43270</c:v>
                </c:pt>
                <c:pt idx="3456">
                  <c:v>43271</c:v>
                </c:pt>
                <c:pt idx="3457">
                  <c:v>43272</c:v>
                </c:pt>
                <c:pt idx="3458">
                  <c:v>43273</c:v>
                </c:pt>
                <c:pt idx="3459">
                  <c:v>43276</c:v>
                </c:pt>
                <c:pt idx="3460">
                  <c:v>43277</c:v>
                </c:pt>
                <c:pt idx="3461">
                  <c:v>43278</c:v>
                </c:pt>
                <c:pt idx="3462">
                  <c:v>43279</c:v>
                </c:pt>
                <c:pt idx="3463">
                  <c:v>43280</c:v>
                </c:pt>
                <c:pt idx="3464">
                  <c:v>43283</c:v>
                </c:pt>
                <c:pt idx="3465">
                  <c:v>43284</c:v>
                </c:pt>
                <c:pt idx="3466">
                  <c:v>43285</c:v>
                </c:pt>
                <c:pt idx="3467">
                  <c:v>43286</c:v>
                </c:pt>
                <c:pt idx="3468">
                  <c:v>43287</c:v>
                </c:pt>
                <c:pt idx="3469">
                  <c:v>43290</c:v>
                </c:pt>
                <c:pt idx="3470">
                  <c:v>43291</c:v>
                </c:pt>
                <c:pt idx="3471">
                  <c:v>43292</c:v>
                </c:pt>
                <c:pt idx="3472">
                  <c:v>43293</c:v>
                </c:pt>
                <c:pt idx="3473">
                  <c:v>43294</c:v>
                </c:pt>
                <c:pt idx="3474">
                  <c:v>43297</c:v>
                </c:pt>
                <c:pt idx="3475">
                  <c:v>43298</c:v>
                </c:pt>
                <c:pt idx="3476">
                  <c:v>43299</c:v>
                </c:pt>
                <c:pt idx="3477">
                  <c:v>43300</c:v>
                </c:pt>
                <c:pt idx="3478">
                  <c:v>43301</c:v>
                </c:pt>
                <c:pt idx="3479">
                  <c:v>43304</c:v>
                </c:pt>
                <c:pt idx="3480">
                  <c:v>43305</c:v>
                </c:pt>
                <c:pt idx="3481">
                  <c:v>43306</c:v>
                </c:pt>
                <c:pt idx="3482">
                  <c:v>43307</c:v>
                </c:pt>
                <c:pt idx="3483">
                  <c:v>43308</c:v>
                </c:pt>
                <c:pt idx="3484">
                  <c:v>43311</c:v>
                </c:pt>
                <c:pt idx="3485">
                  <c:v>43312</c:v>
                </c:pt>
                <c:pt idx="3486">
                  <c:v>43313</c:v>
                </c:pt>
                <c:pt idx="3487">
                  <c:v>43314</c:v>
                </c:pt>
                <c:pt idx="3488">
                  <c:v>43315</c:v>
                </c:pt>
                <c:pt idx="3489">
                  <c:v>43318</c:v>
                </c:pt>
                <c:pt idx="3490">
                  <c:v>43319</c:v>
                </c:pt>
                <c:pt idx="3491">
                  <c:v>43320</c:v>
                </c:pt>
                <c:pt idx="3492">
                  <c:v>43321</c:v>
                </c:pt>
                <c:pt idx="3493">
                  <c:v>43322</c:v>
                </c:pt>
                <c:pt idx="3494">
                  <c:v>43325</c:v>
                </c:pt>
                <c:pt idx="3495">
                  <c:v>43326</c:v>
                </c:pt>
                <c:pt idx="3496">
                  <c:v>43327</c:v>
                </c:pt>
                <c:pt idx="3497">
                  <c:v>43328</c:v>
                </c:pt>
                <c:pt idx="3498">
                  <c:v>43329</c:v>
                </c:pt>
                <c:pt idx="3499">
                  <c:v>43332</c:v>
                </c:pt>
                <c:pt idx="3500">
                  <c:v>43333</c:v>
                </c:pt>
                <c:pt idx="3501">
                  <c:v>43334</c:v>
                </c:pt>
                <c:pt idx="3502">
                  <c:v>43335</c:v>
                </c:pt>
                <c:pt idx="3503">
                  <c:v>43336</c:v>
                </c:pt>
                <c:pt idx="3504">
                  <c:v>43339</c:v>
                </c:pt>
                <c:pt idx="3505">
                  <c:v>43340</c:v>
                </c:pt>
                <c:pt idx="3506">
                  <c:v>43341</c:v>
                </c:pt>
                <c:pt idx="3507">
                  <c:v>43342</c:v>
                </c:pt>
                <c:pt idx="3508">
                  <c:v>43343</c:v>
                </c:pt>
                <c:pt idx="3509">
                  <c:v>43346</c:v>
                </c:pt>
                <c:pt idx="3510">
                  <c:v>43347</c:v>
                </c:pt>
                <c:pt idx="3511">
                  <c:v>43348</c:v>
                </c:pt>
                <c:pt idx="3512">
                  <c:v>43349</c:v>
                </c:pt>
                <c:pt idx="3513">
                  <c:v>43353</c:v>
                </c:pt>
                <c:pt idx="3514">
                  <c:v>43354</c:v>
                </c:pt>
                <c:pt idx="3515">
                  <c:v>43355</c:v>
                </c:pt>
                <c:pt idx="3516">
                  <c:v>43356</c:v>
                </c:pt>
                <c:pt idx="3517">
                  <c:v>43357</c:v>
                </c:pt>
                <c:pt idx="3518">
                  <c:v>43360</c:v>
                </c:pt>
                <c:pt idx="3519">
                  <c:v>43361</c:v>
                </c:pt>
                <c:pt idx="3520">
                  <c:v>43362</c:v>
                </c:pt>
                <c:pt idx="3521">
                  <c:v>43363</c:v>
                </c:pt>
                <c:pt idx="3522">
                  <c:v>43364</c:v>
                </c:pt>
                <c:pt idx="3523">
                  <c:v>43367</c:v>
                </c:pt>
                <c:pt idx="3524">
                  <c:v>43368</c:v>
                </c:pt>
                <c:pt idx="3525">
                  <c:v>43369</c:v>
                </c:pt>
                <c:pt idx="3526">
                  <c:v>43370</c:v>
                </c:pt>
                <c:pt idx="3527">
                  <c:v>43371</c:v>
                </c:pt>
                <c:pt idx="3528">
                  <c:v>43374</c:v>
                </c:pt>
                <c:pt idx="3529">
                  <c:v>43375</c:v>
                </c:pt>
                <c:pt idx="3530">
                  <c:v>43376</c:v>
                </c:pt>
                <c:pt idx="3531">
                  <c:v>43377</c:v>
                </c:pt>
                <c:pt idx="3532">
                  <c:v>43378</c:v>
                </c:pt>
                <c:pt idx="3533">
                  <c:v>43381</c:v>
                </c:pt>
                <c:pt idx="3534">
                  <c:v>43382</c:v>
                </c:pt>
                <c:pt idx="3535">
                  <c:v>43383</c:v>
                </c:pt>
                <c:pt idx="3536">
                  <c:v>43384</c:v>
                </c:pt>
                <c:pt idx="3537">
                  <c:v>43388</c:v>
                </c:pt>
                <c:pt idx="3538">
                  <c:v>43389</c:v>
                </c:pt>
                <c:pt idx="3539">
                  <c:v>43390</c:v>
                </c:pt>
                <c:pt idx="3540">
                  <c:v>43391</c:v>
                </c:pt>
                <c:pt idx="3541">
                  <c:v>43392</c:v>
                </c:pt>
                <c:pt idx="3542">
                  <c:v>43395</c:v>
                </c:pt>
                <c:pt idx="3543">
                  <c:v>43396</c:v>
                </c:pt>
                <c:pt idx="3544">
                  <c:v>43397</c:v>
                </c:pt>
                <c:pt idx="3545">
                  <c:v>43398</c:v>
                </c:pt>
                <c:pt idx="3546">
                  <c:v>43399</c:v>
                </c:pt>
                <c:pt idx="3547">
                  <c:v>43402</c:v>
                </c:pt>
                <c:pt idx="3548">
                  <c:v>43403</c:v>
                </c:pt>
                <c:pt idx="3549">
                  <c:v>43404</c:v>
                </c:pt>
                <c:pt idx="3550">
                  <c:v>43405</c:v>
                </c:pt>
                <c:pt idx="3551">
                  <c:v>43409</c:v>
                </c:pt>
                <c:pt idx="3552">
                  <c:v>43410</c:v>
                </c:pt>
                <c:pt idx="3553">
                  <c:v>43411</c:v>
                </c:pt>
                <c:pt idx="3554">
                  <c:v>43412</c:v>
                </c:pt>
                <c:pt idx="3555">
                  <c:v>43413</c:v>
                </c:pt>
                <c:pt idx="3556">
                  <c:v>43416</c:v>
                </c:pt>
                <c:pt idx="3557">
                  <c:v>43417</c:v>
                </c:pt>
                <c:pt idx="3558">
                  <c:v>43418</c:v>
                </c:pt>
                <c:pt idx="3559">
                  <c:v>43420</c:v>
                </c:pt>
                <c:pt idx="3560">
                  <c:v>43423</c:v>
                </c:pt>
                <c:pt idx="3561">
                  <c:v>43424</c:v>
                </c:pt>
                <c:pt idx="3562">
                  <c:v>43425</c:v>
                </c:pt>
                <c:pt idx="3563">
                  <c:v>43426</c:v>
                </c:pt>
                <c:pt idx="3564">
                  <c:v>43427</c:v>
                </c:pt>
                <c:pt idx="3565">
                  <c:v>43430</c:v>
                </c:pt>
                <c:pt idx="3566">
                  <c:v>43431</c:v>
                </c:pt>
                <c:pt idx="3567">
                  <c:v>43432</c:v>
                </c:pt>
                <c:pt idx="3568">
                  <c:v>43433</c:v>
                </c:pt>
                <c:pt idx="3569">
                  <c:v>43434</c:v>
                </c:pt>
                <c:pt idx="3570">
                  <c:v>43437</c:v>
                </c:pt>
                <c:pt idx="3571">
                  <c:v>43438</c:v>
                </c:pt>
                <c:pt idx="3572">
                  <c:v>43439</c:v>
                </c:pt>
                <c:pt idx="3573">
                  <c:v>43440</c:v>
                </c:pt>
                <c:pt idx="3574">
                  <c:v>43441</c:v>
                </c:pt>
                <c:pt idx="3575">
                  <c:v>43444</c:v>
                </c:pt>
                <c:pt idx="3576">
                  <c:v>43445</c:v>
                </c:pt>
                <c:pt idx="3577">
                  <c:v>43446</c:v>
                </c:pt>
                <c:pt idx="3578">
                  <c:v>43447</c:v>
                </c:pt>
                <c:pt idx="3579">
                  <c:v>43448</c:v>
                </c:pt>
                <c:pt idx="3580">
                  <c:v>43451</c:v>
                </c:pt>
                <c:pt idx="3581">
                  <c:v>43452</c:v>
                </c:pt>
                <c:pt idx="3582">
                  <c:v>43453</c:v>
                </c:pt>
                <c:pt idx="3583">
                  <c:v>43454</c:v>
                </c:pt>
                <c:pt idx="3584">
                  <c:v>43455</c:v>
                </c:pt>
                <c:pt idx="3585">
                  <c:v>43458</c:v>
                </c:pt>
                <c:pt idx="3586">
                  <c:v>43460</c:v>
                </c:pt>
                <c:pt idx="3587">
                  <c:v>43461</c:v>
                </c:pt>
                <c:pt idx="3588">
                  <c:v>43462</c:v>
                </c:pt>
                <c:pt idx="3589">
                  <c:v>43465</c:v>
                </c:pt>
                <c:pt idx="3590">
                  <c:v>43467</c:v>
                </c:pt>
                <c:pt idx="3591">
                  <c:v>43468</c:v>
                </c:pt>
                <c:pt idx="3592">
                  <c:v>43469</c:v>
                </c:pt>
                <c:pt idx="3593">
                  <c:v>43472</c:v>
                </c:pt>
                <c:pt idx="3594">
                  <c:v>43473</c:v>
                </c:pt>
                <c:pt idx="3595">
                  <c:v>43474</c:v>
                </c:pt>
                <c:pt idx="3596">
                  <c:v>43475</c:v>
                </c:pt>
                <c:pt idx="3597">
                  <c:v>43476</c:v>
                </c:pt>
                <c:pt idx="3598">
                  <c:v>43479</c:v>
                </c:pt>
                <c:pt idx="3599">
                  <c:v>43480</c:v>
                </c:pt>
                <c:pt idx="3600">
                  <c:v>43481</c:v>
                </c:pt>
                <c:pt idx="3601">
                  <c:v>43482</c:v>
                </c:pt>
                <c:pt idx="3602">
                  <c:v>43483</c:v>
                </c:pt>
                <c:pt idx="3603">
                  <c:v>43486</c:v>
                </c:pt>
                <c:pt idx="3604">
                  <c:v>43487</c:v>
                </c:pt>
                <c:pt idx="3605">
                  <c:v>43488</c:v>
                </c:pt>
                <c:pt idx="3606">
                  <c:v>43489</c:v>
                </c:pt>
                <c:pt idx="3607">
                  <c:v>43490</c:v>
                </c:pt>
                <c:pt idx="3608">
                  <c:v>43493</c:v>
                </c:pt>
                <c:pt idx="3609">
                  <c:v>43494</c:v>
                </c:pt>
                <c:pt idx="3610">
                  <c:v>43495</c:v>
                </c:pt>
                <c:pt idx="3611">
                  <c:v>43496</c:v>
                </c:pt>
                <c:pt idx="3612">
                  <c:v>43497</c:v>
                </c:pt>
                <c:pt idx="3613">
                  <c:v>43500</c:v>
                </c:pt>
                <c:pt idx="3614">
                  <c:v>43501</c:v>
                </c:pt>
                <c:pt idx="3615">
                  <c:v>43502</c:v>
                </c:pt>
                <c:pt idx="3616">
                  <c:v>43503</c:v>
                </c:pt>
                <c:pt idx="3617">
                  <c:v>43504</c:v>
                </c:pt>
                <c:pt idx="3618">
                  <c:v>43507</c:v>
                </c:pt>
                <c:pt idx="3619">
                  <c:v>43508</c:v>
                </c:pt>
                <c:pt idx="3620">
                  <c:v>43509</c:v>
                </c:pt>
                <c:pt idx="3621">
                  <c:v>43510</c:v>
                </c:pt>
                <c:pt idx="3622">
                  <c:v>43511</c:v>
                </c:pt>
                <c:pt idx="3623">
                  <c:v>43514</c:v>
                </c:pt>
                <c:pt idx="3624">
                  <c:v>43515</c:v>
                </c:pt>
                <c:pt idx="3625">
                  <c:v>43516</c:v>
                </c:pt>
                <c:pt idx="3626">
                  <c:v>43517</c:v>
                </c:pt>
                <c:pt idx="3627">
                  <c:v>43518</c:v>
                </c:pt>
                <c:pt idx="3628">
                  <c:v>43521</c:v>
                </c:pt>
                <c:pt idx="3629">
                  <c:v>43522</c:v>
                </c:pt>
                <c:pt idx="3630">
                  <c:v>43523</c:v>
                </c:pt>
                <c:pt idx="3631">
                  <c:v>43524</c:v>
                </c:pt>
                <c:pt idx="3632">
                  <c:v>43525</c:v>
                </c:pt>
                <c:pt idx="3633">
                  <c:v>43530</c:v>
                </c:pt>
                <c:pt idx="3634">
                  <c:v>43531</c:v>
                </c:pt>
                <c:pt idx="3635">
                  <c:v>43532</c:v>
                </c:pt>
                <c:pt idx="3636">
                  <c:v>43535</c:v>
                </c:pt>
                <c:pt idx="3637">
                  <c:v>43536</c:v>
                </c:pt>
                <c:pt idx="3638">
                  <c:v>43537</c:v>
                </c:pt>
                <c:pt idx="3639">
                  <c:v>43538</c:v>
                </c:pt>
                <c:pt idx="3640">
                  <c:v>43539</c:v>
                </c:pt>
                <c:pt idx="3641">
                  <c:v>43542</c:v>
                </c:pt>
                <c:pt idx="3642">
                  <c:v>43543</c:v>
                </c:pt>
                <c:pt idx="3643">
                  <c:v>43544</c:v>
                </c:pt>
                <c:pt idx="3644">
                  <c:v>43545</c:v>
                </c:pt>
                <c:pt idx="3645">
                  <c:v>43546</c:v>
                </c:pt>
                <c:pt idx="3646">
                  <c:v>43549</c:v>
                </c:pt>
                <c:pt idx="3647">
                  <c:v>43550</c:v>
                </c:pt>
                <c:pt idx="3648">
                  <c:v>43551</c:v>
                </c:pt>
                <c:pt idx="3649">
                  <c:v>43552</c:v>
                </c:pt>
                <c:pt idx="3650">
                  <c:v>43553</c:v>
                </c:pt>
                <c:pt idx="3651">
                  <c:v>43556</c:v>
                </c:pt>
                <c:pt idx="3652">
                  <c:v>43557</c:v>
                </c:pt>
                <c:pt idx="3653">
                  <c:v>43558</c:v>
                </c:pt>
                <c:pt idx="3654">
                  <c:v>43559</c:v>
                </c:pt>
                <c:pt idx="3655">
                  <c:v>43560</c:v>
                </c:pt>
                <c:pt idx="3656">
                  <c:v>43563</c:v>
                </c:pt>
                <c:pt idx="3657">
                  <c:v>43564</c:v>
                </c:pt>
                <c:pt idx="3658">
                  <c:v>43565</c:v>
                </c:pt>
                <c:pt idx="3659">
                  <c:v>43566</c:v>
                </c:pt>
                <c:pt idx="3660">
                  <c:v>43567</c:v>
                </c:pt>
                <c:pt idx="3661">
                  <c:v>43570</c:v>
                </c:pt>
                <c:pt idx="3662">
                  <c:v>43571</c:v>
                </c:pt>
                <c:pt idx="3663">
                  <c:v>43572</c:v>
                </c:pt>
                <c:pt idx="3664">
                  <c:v>43573</c:v>
                </c:pt>
                <c:pt idx="3665">
                  <c:v>43577</c:v>
                </c:pt>
                <c:pt idx="3666">
                  <c:v>43578</c:v>
                </c:pt>
                <c:pt idx="3667">
                  <c:v>43579</c:v>
                </c:pt>
                <c:pt idx="3668">
                  <c:v>43580</c:v>
                </c:pt>
                <c:pt idx="3669">
                  <c:v>43581</c:v>
                </c:pt>
                <c:pt idx="3670">
                  <c:v>43584</c:v>
                </c:pt>
                <c:pt idx="3671">
                  <c:v>43585</c:v>
                </c:pt>
                <c:pt idx="3672">
                  <c:v>43587</c:v>
                </c:pt>
                <c:pt idx="3673">
                  <c:v>43588</c:v>
                </c:pt>
                <c:pt idx="3674">
                  <c:v>43591</c:v>
                </c:pt>
                <c:pt idx="3675">
                  <c:v>43592</c:v>
                </c:pt>
                <c:pt idx="3676">
                  <c:v>43593</c:v>
                </c:pt>
                <c:pt idx="3677">
                  <c:v>43594</c:v>
                </c:pt>
                <c:pt idx="3678">
                  <c:v>43595</c:v>
                </c:pt>
                <c:pt idx="3679">
                  <c:v>43598</c:v>
                </c:pt>
                <c:pt idx="3680">
                  <c:v>43599</c:v>
                </c:pt>
                <c:pt idx="3681">
                  <c:v>43600</c:v>
                </c:pt>
                <c:pt idx="3682">
                  <c:v>43601</c:v>
                </c:pt>
                <c:pt idx="3683">
                  <c:v>43602</c:v>
                </c:pt>
                <c:pt idx="3684">
                  <c:v>43605</c:v>
                </c:pt>
                <c:pt idx="3685">
                  <c:v>43606</c:v>
                </c:pt>
                <c:pt idx="3686">
                  <c:v>43607</c:v>
                </c:pt>
                <c:pt idx="3687">
                  <c:v>43608</c:v>
                </c:pt>
                <c:pt idx="3688">
                  <c:v>43609</c:v>
                </c:pt>
                <c:pt idx="3689">
                  <c:v>43612</c:v>
                </c:pt>
                <c:pt idx="3690">
                  <c:v>43613</c:v>
                </c:pt>
                <c:pt idx="3691">
                  <c:v>43614</c:v>
                </c:pt>
                <c:pt idx="3692">
                  <c:v>43615</c:v>
                </c:pt>
                <c:pt idx="3693">
                  <c:v>43616</c:v>
                </c:pt>
              </c:numCache>
            </c:numRef>
          </c:cat>
          <c:val>
            <c:numRef>
              <c:f>'[DadosIndustria325.xlsx]Quantum Axis'!$K$2:$K$3697</c:f>
              <c:numCache>
                <c:formatCode>0%</c:formatCode>
                <c:ptCount val="3696"/>
                <c:pt idx="0">
                  <c:v>0</c:v>
                </c:pt>
                <c:pt idx="1">
                  <c:v>-1.4269047832720094E-2</c:v>
                </c:pt>
                <c:pt idx="2">
                  <c:v>-2.1403571749080141E-2</c:v>
                </c:pt>
                <c:pt idx="3">
                  <c:v>1.0320380507942151E-3</c:v>
                </c:pt>
                <c:pt idx="4">
                  <c:v>2.5576595171856731E-3</c:v>
                </c:pt>
                <c:pt idx="5">
                  <c:v>2.6429148344251807E-2</c:v>
                </c:pt>
                <c:pt idx="6">
                  <c:v>3.531364982500218E-2</c:v>
                </c:pt>
                <c:pt idx="7">
                  <c:v>3.5538005923001048E-2</c:v>
                </c:pt>
                <c:pt idx="8">
                  <c:v>3.674952885219418E-2</c:v>
                </c:pt>
                <c:pt idx="9">
                  <c:v>2.0730503455083982E-2</c:v>
                </c:pt>
                <c:pt idx="10">
                  <c:v>2.9480391277034945E-2</c:v>
                </c:pt>
                <c:pt idx="11">
                  <c:v>3.0781656645427757E-2</c:v>
                </c:pt>
                <c:pt idx="12">
                  <c:v>2.4589428340662467E-2</c:v>
                </c:pt>
                <c:pt idx="13">
                  <c:v>4.2358431302162769E-2</c:v>
                </c:pt>
                <c:pt idx="14">
                  <c:v>4.1371264470968283E-2</c:v>
                </c:pt>
                <c:pt idx="15">
                  <c:v>4.3031499596158929E-2</c:v>
                </c:pt>
                <c:pt idx="16">
                  <c:v>6.6902988423225285E-2</c:v>
                </c:pt>
                <c:pt idx="17">
                  <c:v>8.3639953333931594E-2</c:v>
                </c:pt>
                <c:pt idx="18">
                  <c:v>8.6107870411917808E-2</c:v>
                </c:pt>
                <c:pt idx="19">
                  <c:v>7.8120793323162463E-2</c:v>
                </c:pt>
                <c:pt idx="20">
                  <c:v>8.1575877232343164E-2</c:v>
                </c:pt>
                <c:pt idx="21">
                  <c:v>7.3588800143587818E-2</c:v>
                </c:pt>
                <c:pt idx="22">
                  <c:v>7.480032307278095E-2</c:v>
                </c:pt>
                <c:pt idx="23">
                  <c:v>4.50058332585479E-2</c:v>
                </c:pt>
                <c:pt idx="24">
                  <c:v>3.0198330790630834E-2</c:v>
                </c:pt>
                <c:pt idx="25">
                  <c:v>4.850578838732833E-2</c:v>
                </c:pt>
                <c:pt idx="26">
                  <c:v>5.0480122049717302E-2</c:v>
                </c:pt>
                <c:pt idx="27">
                  <c:v>2.7191959077447647E-2</c:v>
                </c:pt>
                <c:pt idx="28">
                  <c:v>2.6339405905052349E-2</c:v>
                </c:pt>
                <c:pt idx="29">
                  <c:v>3.4640581531005799E-2</c:v>
                </c:pt>
                <c:pt idx="30">
                  <c:v>2.0147177600286836E-2</c:v>
                </c:pt>
                <c:pt idx="31">
                  <c:v>1.4179305393520192E-2</c:v>
                </c:pt>
                <c:pt idx="32">
                  <c:v>2.5217625415058231E-2</c:v>
                </c:pt>
                <c:pt idx="33">
                  <c:v>3.9666158126177464E-2</c:v>
                </c:pt>
                <c:pt idx="34">
                  <c:v>2.8807322983038119E-2</c:v>
                </c:pt>
                <c:pt idx="35">
                  <c:v>3.4371354213406979E-2</c:v>
                </c:pt>
                <c:pt idx="36">
                  <c:v>4.4243022525351616E-2</c:v>
                </c:pt>
                <c:pt idx="37">
                  <c:v>6.1653055730054085E-2</c:v>
                </c:pt>
                <c:pt idx="38">
                  <c:v>7.1479852822398993E-2</c:v>
                </c:pt>
                <c:pt idx="39">
                  <c:v>5.6313380597683871E-2</c:v>
                </c:pt>
                <c:pt idx="40">
                  <c:v>4.1505878129766804E-2</c:v>
                </c:pt>
                <c:pt idx="41">
                  <c:v>4.1685363008165721E-2</c:v>
                </c:pt>
                <c:pt idx="42">
                  <c:v>5.2409584492505656E-2</c:v>
                </c:pt>
                <c:pt idx="43">
                  <c:v>5.5371084986089114E-2</c:v>
                </c:pt>
                <c:pt idx="44">
                  <c:v>7.847976307995963E-2</c:v>
                </c:pt>
                <c:pt idx="45">
                  <c:v>6.6678632325225751E-2</c:v>
                </c:pt>
                <c:pt idx="46">
                  <c:v>8.4492506506326004E-2</c:v>
                </c:pt>
                <c:pt idx="47">
                  <c:v>8.3325854796732601E-2</c:v>
                </c:pt>
                <c:pt idx="48">
                  <c:v>7.8434891860359901E-2</c:v>
                </c:pt>
                <c:pt idx="49">
                  <c:v>9.6832091896256856E-2</c:v>
                </c:pt>
                <c:pt idx="50">
                  <c:v>9.2165485057883023E-2</c:v>
                </c:pt>
                <c:pt idx="51">
                  <c:v>9.3421879206675884E-2</c:v>
                </c:pt>
                <c:pt idx="52">
                  <c:v>0.11576774656735078</c:v>
                </c:pt>
                <c:pt idx="53">
                  <c:v>0.12164587633491775</c:v>
                </c:pt>
                <c:pt idx="54">
                  <c:v>0.11522929193215359</c:v>
                </c:pt>
                <c:pt idx="55">
                  <c:v>0.12752400610248471</c:v>
                </c:pt>
                <c:pt idx="56">
                  <c:v>0.132280355380058</c:v>
                </c:pt>
                <c:pt idx="57">
                  <c:v>0.13075473391366654</c:v>
                </c:pt>
                <c:pt idx="58">
                  <c:v>0.14273534954679934</c:v>
                </c:pt>
                <c:pt idx="59">
                  <c:v>0.15013910078075798</c:v>
                </c:pt>
                <c:pt idx="60">
                  <c:v>0.12124203535851996</c:v>
                </c:pt>
                <c:pt idx="61">
                  <c:v>0.12034461096652493</c:v>
                </c:pt>
                <c:pt idx="62">
                  <c:v>0.10051153190343598</c:v>
                </c:pt>
                <c:pt idx="63">
                  <c:v>0.11877411828053375</c:v>
                </c:pt>
                <c:pt idx="64">
                  <c:v>0.13187651440366022</c:v>
                </c:pt>
                <c:pt idx="65">
                  <c:v>0.14704298662837534</c:v>
                </c:pt>
                <c:pt idx="66">
                  <c:v>0.14758144126357253</c:v>
                </c:pt>
                <c:pt idx="67">
                  <c:v>0.15906847348110809</c:v>
                </c:pt>
                <c:pt idx="68">
                  <c:v>0.15135062370995134</c:v>
                </c:pt>
                <c:pt idx="69">
                  <c:v>0.14583146369918221</c:v>
                </c:pt>
                <c:pt idx="70">
                  <c:v>0.16167100421789349</c:v>
                </c:pt>
                <c:pt idx="71">
                  <c:v>0.15422238176433534</c:v>
                </c:pt>
                <c:pt idx="72">
                  <c:v>0.16117742080229647</c:v>
                </c:pt>
                <c:pt idx="73">
                  <c:v>0.16117742080229647</c:v>
                </c:pt>
                <c:pt idx="74">
                  <c:v>0.16377995153908187</c:v>
                </c:pt>
                <c:pt idx="75">
                  <c:v>0.17185677106703667</c:v>
                </c:pt>
                <c:pt idx="76">
                  <c:v>0.17387597594902515</c:v>
                </c:pt>
                <c:pt idx="77">
                  <c:v>0.17544646863501634</c:v>
                </c:pt>
                <c:pt idx="78">
                  <c:v>0.17544646863501634</c:v>
                </c:pt>
                <c:pt idx="79">
                  <c:v>0.15417751054473561</c:v>
                </c:pt>
                <c:pt idx="80">
                  <c:v>0.11496006461455521</c:v>
                </c:pt>
                <c:pt idx="81">
                  <c:v>0.10791528313739462</c:v>
                </c:pt>
                <c:pt idx="82">
                  <c:v>9.3332136767476426E-2</c:v>
                </c:pt>
                <c:pt idx="83">
                  <c:v>0.11042807143498057</c:v>
                </c:pt>
                <c:pt idx="84">
                  <c:v>8.9966795297495183E-2</c:v>
                </c:pt>
                <c:pt idx="85">
                  <c:v>9.3466750426275613E-2</c:v>
                </c:pt>
                <c:pt idx="86">
                  <c:v>9.9748721170240362E-2</c:v>
                </c:pt>
                <c:pt idx="87">
                  <c:v>0.11303060217176597</c:v>
                </c:pt>
                <c:pt idx="88">
                  <c:v>0.11837027730413596</c:v>
                </c:pt>
                <c:pt idx="89">
                  <c:v>0.10001794848783874</c:v>
                </c:pt>
                <c:pt idx="90">
                  <c:v>8.0902808938345672E-2</c:v>
                </c:pt>
                <c:pt idx="91">
                  <c:v>8.9069370905499934E-2</c:v>
                </c:pt>
                <c:pt idx="92">
                  <c:v>5.9364623530466343E-2</c:v>
                </c:pt>
                <c:pt idx="93">
                  <c:v>6.8742708426813737E-2</c:v>
                </c:pt>
                <c:pt idx="94">
                  <c:v>8.5748900655118421E-2</c:v>
                </c:pt>
                <c:pt idx="95">
                  <c:v>8.5748900655118421E-2</c:v>
                </c:pt>
                <c:pt idx="96">
                  <c:v>0.1006910167818349</c:v>
                </c:pt>
                <c:pt idx="97">
                  <c:v>7.8210535762360811E-2</c:v>
                </c:pt>
                <c:pt idx="98">
                  <c:v>7.5473391366776221E-2</c:v>
                </c:pt>
                <c:pt idx="99">
                  <c:v>9.2614197253880093E-2</c:v>
                </c:pt>
                <c:pt idx="100">
                  <c:v>8.3595082114330532E-2</c:v>
                </c:pt>
                <c:pt idx="101">
                  <c:v>0.10405635825181592</c:v>
                </c:pt>
                <c:pt idx="102">
                  <c:v>0.11608184510454866</c:v>
                </c:pt>
                <c:pt idx="103">
                  <c:v>0.15458135152113317</c:v>
                </c:pt>
                <c:pt idx="104">
                  <c:v>0.18069640132818687</c:v>
                </c:pt>
                <c:pt idx="105">
                  <c:v>0.18527326572736103</c:v>
                </c:pt>
                <c:pt idx="106">
                  <c:v>0.19671542672529685</c:v>
                </c:pt>
                <c:pt idx="107">
                  <c:v>0.19047832720093183</c:v>
                </c:pt>
                <c:pt idx="108">
                  <c:v>0.19402315354931199</c:v>
                </c:pt>
                <c:pt idx="109">
                  <c:v>0.18388225791976875</c:v>
                </c:pt>
                <c:pt idx="110">
                  <c:v>0.2155613389571911</c:v>
                </c:pt>
                <c:pt idx="111">
                  <c:v>0.20057435161087489</c:v>
                </c:pt>
                <c:pt idx="112">
                  <c:v>0.20492685991205062</c:v>
                </c:pt>
                <c:pt idx="113">
                  <c:v>0.199856412097279</c:v>
                </c:pt>
                <c:pt idx="114">
                  <c:v>0.22040743067396384</c:v>
                </c:pt>
                <c:pt idx="115">
                  <c:v>0.27595800053845276</c:v>
                </c:pt>
                <c:pt idx="116">
                  <c:v>0.27546441712285552</c:v>
                </c:pt>
                <c:pt idx="117">
                  <c:v>0.26263124831732743</c:v>
                </c:pt>
                <c:pt idx="118">
                  <c:v>0.24423404828143047</c:v>
                </c:pt>
                <c:pt idx="119">
                  <c:v>0.26532352149331229</c:v>
                </c:pt>
                <c:pt idx="120">
                  <c:v>0.28636812348559437</c:v>
                </c:pt>
                <c:pt idx="121">
                  <c:v>0.31010499865386154</c:v>
                </c:pt>
                <c:pt idx="122">
                  <c:v>0.32168177331059655</c:v>
                </c:pt>
                <c:pt idx="123">
                  <c:v>0.30220766400430565</c:v>
                </c:pt>
                <c:pt idx="124">
                  <c:v>0.27945795566723297</c:v>
                </c:pt>
                <c:pt idx="125">
                  <c:v>0.28183613030601951</c:v>
                </c:pt>
                <c:pt idx="126">
                  <c:v>0.25971461904334348</c:v>
                </c:pt>
                <c:pt idx="127">
                  <c:v>0.26079152831373742</c:v>
                </c:pt>
                <c:pt idx="128">
                  <c:v>0.23786233509826582</c:v>
                </c:pt>
                <c:pt idx="129">
                  <c:v>0.24858655658260598</c:v>
                </c:pt>
                <c:pt idx="130">
                  <c:v>0.26020820245894094</c:v>
                </c:pt>
                <c:pt idx="131">
                  <c:v>0.23813156241586464</c:v>
                </c:pt>
                <c:pt idx="132">
                  <c:v>0.22996500044871038</c:v>
                </c:pt>
                <c:pt idx="133">
                  <c:v>0.19438212330610982</c:v>
                </c:pt>
                <c:pt idx="134">
                  <c:v>0.1777797720542027</c:v>
                </c:pt>
                <c:pt idx="135">
                  <c:v>0.19810643453288868</c:v>
                </c:pt>
                <c:pt idx="136">
                  <c:v>0.17818361303060026</c:v>
                </c:pt>
                <c:pt idx="137">
                  <c:v>0.15956205689670466</c:v>
                </c:pt>
                <c:pt idx="138">
                  <c:v>0.18769631158574707</c:v>
                </c:pt>
                <c:pt idx="139">
                  <c:v>0.19402315354931154</c:v>
                </c:pt>
                <c:pt idx="140">
                  <c:v>0.20133716234407073</c:v>
                </c:pt>
                <c:pt idx="141">
                  <c:v>0.18486942475096302</c:v>
                </c:pt>
                <c:pt idx="142">
                  <c:v>0.16835681593825558</c:v>
                </c:pt>
                <c:pt idx="143">
                  <c:v>0.15296598761554181</c:v>
                </c:pt>
                <c:pt idx="144">
                  <c:v>0.18042717401058783</c:v>
                </c:pt>
                <c:pt idx="145">
                  <c:v>0.16144664811989418</c:v>
                </c:pt>
                <c:pt idx="146">
                  <c:v>0.16211971641389034</c:v>
                </c:pt>
                <c:pt idx="147">
                  <c:v>0.17589518083101319</c:v>
                </c:pt>
                <c:pt idx="148">
                  <c:v>0.16961321008704844</c:v>
                </c:pt>
                <c:pt idx="149">
                  <c:v>0.12106255048012038</c:v>
                </c:pt>
                <c:pt idx="150">
                  <c:v>0.10629991923180304</c:v>
                </c:pt>
                <c:pt idx="151">
                  <c:v>0.11626132998294736</c:v>
                </c:pt>
                <c:pt idx="152">
                  <c:v>0.14717760028717408</c:v>
                </c:pt>
                <c:pt idx="153">
                  <c:v>0.12456250560890081</c:v>
                </c:pt>
                <c:pt idx="154">
                  <c:v>0.11132549582697493</c:v>
                </c:pt>
                <c:pt idx="155">
                  <c:v>0.13214574172125837</c:v>
                </c:pt>
                <c:pt idx="156">
                  <c:v>0.13542134075203993</c:v>
                </c:pt>
                <c:pt idx="157">
                  <c:v>0.13259445391725566</c:v>
                </c:pt>
                <c:pt idx="158">
                  <c:v>9.6607735798257099E-2</c:v>
                </c:pt>
                <c:pt idx="159">
                  <c:v>0.11473570851655546</c:v>
                </c:pt>
                <c:pt idx="160">
                  <c:v>0.10849860899219044</c:v>
                </c:pt>
                <c:pt idx="161">
                  <c:v>0.10899219240778768</c:v>
                </c:pt>
                <c:pt idx="162">
                  <c:v>0.143049448083997</c:v>
                </c:pt>
                <c:pt idx="163">
                  <c:v>0.14129947051960667</c:v>
                </c:pt>
                <c:pt idx="164">
                  <c:v>0.14820963833796807</c:v>
                </c:pt>
                <c:pt idx="165">
                  <c:v>0.14260073588799949</c:v>
                </c:pt>
                <c:pt idx="166">
                  <c:v>0.11110113972897606</c:v>
                </c:pt>
                <c:pt idx="167">
                  <c:v>0.10822938167459206</c:v>
                </c:pt>
                <c:pt idx="168">
                  <c:v>8.2159203087138089E-2</c:v>
                </c:pt>
                <c:pt idx="169">
                  <c:v>7.1838822579195938E-2</c:v>
                </c:pt>
                <c:pt idx="170">
                  <c:v>9.387059140267251E-2</c:v>
                </c:pt>
                <c:pt idx="171">
                  <c:v>9.5396212869063968E-2</c:v>
                </c:pt>
                <c:pt idx="172">
                  <c:v>0.11720362559454189</c:v>
                </c:pt>
                <c:pt idx="173">
                  <c:v>0.11410751144215925</c:v>
                </c:pt>
                <c:pt idx="174">
                  <c:v>0.1003320470250364</c:v>
                </c:pt>
                <c:pt idx="175">
                  <c:v>8.6511711388313817E-2</c:v>
                </c:pt>
                <c:pt idx="176">
                  <c:v>0.10136408507583061</c:v>
                </c:pt>
                <c:pt idx="177">
                  <c:v>9.8357713362647425E-2</c:v>
                </c:pt>
                <c:pt idx="178">
                  <c:v>0.13322265099165209</c:v>
                </c:pt>
                <c:pt idx="179">
                  <c:v>0.14080588710400965</c:v>
                </c:pt>
                <c:pt idx="180">
                  <c:v>0.1310688324508642</c:v>
                </c:pt>
                <c:pt idx="181">
                  <c:v>0.16431840617427795</c:v>
                </c:pt>
                <c:pt idx="182">
                  <c:v>0.19532441891770436</c:v>
                </c:pt>
                <c:pt idx="183">
                  <c:v>0.18302970474737323</c:v>
                </c:pt>
                <c:pt idx="184">
                  <c:v>0.14672888809117657</c:v>
                </c:pt>
                <c:pt idx="185">
                  <c:v>0.12294714170330967</c:v>
                </c:pt>
                <c:pt idx="186">
                  <c:v>0.10836399533339125</c:v>
                </c:pt>
                <c:pt idx="187">
                  <c:v>9.8582069460646071E-2</c:v>
                </c:pt>
                <c:pt idx="188">
                  <c:v>0.1195369290137287</c:v>
                </c:pt>
                <c:pt idx="189">
                  <c:v>0.11733823925334108</c:v>
                </c:pt>
                <c:pt idx="190">
                  <c:v>0.15516467737592921</c:v>
                </c:pt>
                <c:pt idx="191">
                  <c:v>0.14336354662119533</c:v>
                </c:pt>
                <c:pt idx="192">
                  <c:v>0.15543390469352758</c:v>
                </c:pt>
                <c:pt idx="193">
                  <c:v>0.1707798617966414</c:v>
                </c:pt>
                <c:pt idx="194">
                  <c:v>0.16867091447545324</c:v>
                </c:pt>
                <c:pt idx="195">
                  <c:v>0.15413263932513477</c:v>
                </c:pt>
                <c:pt idx="196">
                  <c:v>0.15220317688234553</c:v>
                </c:pt>
                <c:pt idx="197">
                  <c:v>0.11347931436776237</c:v>
                </c:pt>
                <c:pt idx="198">
                  <c:v>0.11801130754733702</c:v>
                </c:pt>
                <c:pt idx="199">
                  <c:v>0.13187651440365933</c:v>
                </c:pt>
                <c:pt idx="200">
                  <c:v>0.13349187830925024</c:v>
                </c:pt>
                <c:pt idx="201">
                  <c:v>0.12743426366328414</c:v>
                </c:pt>
                <c:pt idx="202">
                  <c:v>0.12406892219330312</c:v>
                </c:pt>
                <c:pt idx="203">
                  <c:v>0.13573543928923759</c:v>
                </c:pt>
                <c:pt idx="204">
                  <c:v>0.1237548236561048</c:v>
                </c:pt>
                <c:pt idx="205">
                  <c:v>0.10715247240419767</c:v>
                </c:pt>
                <c:pt idx="206">
                  <c:v>0.10006281970743736</c:v>
                </c:pt>
                <c:pt idx="207">
                  <c:v>9.7056447994254169E-2</c:v>
                </c:pt>
                <c:pt idx="208">
                  <c:v>9.5844925065061037E-2</c:v>
                </c:pt>
                <c:pt idx="209">
                  <c:v>0.12245355828771198</c:v>
                </c:pt>
                <c:pt idx="210">
                  <c:v>0.1458314636991811</c:v>
                </c:pt>
                <c:pt idx="211">
                  <c:v>0.16014538275150092</c:v>
                </c:pt>
                <c:pt idx="212">
                  <c:v>0.1630171408058847</c:v>
                </c:pt>
                <c:pt idx="213">
                  <c:v>0.13169702952526019</c:v>
                </c:pt>
                <c:pt idx="214">
                  <c:v>0.13618415148523511</c:v>
                </c:pt>
                <c:pt idx="215">
                  <c:v>0.13389571928564803</c:v>
                </c:pt>
                <c:pt idx="216">
                  <c:v>0.15336982859193893</c:v>
                </c:pt>
                <c:pt idx="217">
                  <c:v>0.15956205689670422</c:v>
                </c:pt>
                <c:pt idx="218">
                  <c:v>0.13932513685721748</c:v>
                </c:pt>
                <c:pt idx="219">
                  <c:v>0.10069101678183379</c:v>
                </c:pt>
                <c:pt idx="220">
                  <c:v>0.11585748900654891</c:v>
                </c:pt>
                <c:pt idx="221">
                  <c:v>0.13690209099883099</c:v>
                </c:pt>
                <c:pt idx="222">
                  <c:v>0.16970295252624723</c:v>
                </c:pt>
                <c:pt idx="223">
                  <c:v>0.16853630081665383</c:v>
                </c:pt>
                <c:pt idx="224">
                  <c:v>0.18002333303418938</c:v>
                </c:pt>
                <c:pt idx="225">
                  <c:v>0.202010230638066</c:v>
                </c:pt>
                <c:pt idx="226">
                  <c:v>0.19868976038768449</c:v>
                </c:pt>
                <c:pt idx="227">
                  <c:v>0.18769631158574618</c:v>
                </c:pt>
                <c:pt idx="228">
                  <c:v>0.18985013012653407</c:v>
                </c:pt>
                <c:pt idx="229">
                  <c:v>0.1985551467288853</c:v>
                </c:pt>
                <c:pt idx="230">
                  <c:v>0.22458045409673932</c:v>
                </c:pt>
                <c:pt idx="231">
                  <c:v>0.21672799066678339</c:v>
                </c:pt>
                <c:pt idx="232">
                  <c:v>0.19505519160010487</c:v>
                </c:pt>
                <c:pt idx="233">
                  <c:v>0.20927936821322524</c:v>
                </c:pt>
                <c:pt idx="234">
                  <c:v>0.22834963654311857</c:v>
                </c:pt>
                <c:pt idx="235">
                  <c:v>0.21511262676119269</c:v>
                </c:pt>
                <c:pt idx="236">
                  <c:v>0.23018935654670813</c:v>
                </c:pt>
                <c:pt idx="237">
                  <c:v>0.20699093601363816</c:v>
                </c:pt>
                <c:pt idx="238">
                  <c:v>0.19550390379610239</c:v>
                </c:pt>
                <c:pt idx="239">
                  <c:v>0.22318944628914728</c:v>
                </c:pt>
                <c:pt idx="240">
                  <c:v>0.2011576774656707</c:v>
                </c:pt>
                <c:pt idx="241">
                  <c:v>0.19860001794848503</c:v>
                </c:pt>
                <c:pt idx="242">
                  <c:v>0.22951628825271175</c:v>
                </c:pt>
                <c:pt idx="243">
                  <c:v>0.2157408238355889</c:v>
                </c:pt>
                <c:pt idx="244">
                  <c:v>0.22875347751951614</c:v>
                </c:pt>
                <c:pt idx="245">
                  <c:v>0.23858027461186104</c:v>
                </c:pt>
                <c:pt idx="246">
                  <c:v>0.25836848245535005</c:v>
                </c:pt>
                <c:pt idx="247">
                  <c:v>0.2546890424481707</c:v>
                </c:pt>
                <c:pt idx="248">
                  <c:v>0.2707080678452809</c:v>
                </c:pt>
                <c:pt idx="249">
                  <c:v>0.27981692542402992</c:v>
                </c:pt>
                <c:pt idx="250">
                  <c:v>0.29471417033114644</c:v>
                </c:pt>
                <c:pt idx="251">
                  <c:v>0.29354751862155304</c:v>
                </c:pt>
                <c:pt idx="252">
                  <c:v>0.31504083280983264</c:v>
                </c:pt>
                <c:pt idx="253">
                  <c:v>0.30512429327828805</c:v>
                </c:pt>
                <c:pt idx="254">
                  <c:v>0.29556672350354152</c:v>
                </c:pt>
                <c:pt idx="255">
                  <c:v>0.3034640581530974</c:v>
                </c:pt>
                <c:pt idx="256">
                  <c:v>0.31768823476621777</c:v>
                </c:pt>
                <c:pt idx="257">
                  <c:v>0.33783541236650483</c:v>
                </c:pt>
                <c:pt idx="258">
                  <c:v>0.34954680068203925</c:v>
                </c:pt>
                <c:pt idx="259">
                  <c:v>0.34873911872924368</c:v>
                </c:pt>
                <c:pt idx="260">
                  <c:v>0.3836937987974478</c:v>
                </c:pt>
                <c:pt idx="261">
                  <c:v>0.37655927488108776</c:v>
                </c:pt>
                <c:pt idx="262">
                  <c:v>0.40419994615453292</c:v>
                </c:pt>
                <c:pt idx="263">
                  <c:v>0.39733464955577147</c:v>
                </c:pt>
                <c:pt idx="264">
                  <c:v>0.38535403392263867</c:v>
                </c:pt>
                <c:pt idx="265">
                  <c:v>0.40523198420532736</c:v>
                </c:pt>
                <c:pt idx="266">
                  <c:v>0.40034102126895466</c:v>
                </c:pt>
                <c:pt idx="267">
                  <c:v>0.41716772861886042</c:v>
                </c:pt>
                <c:pt idx="268">
                  <c:v>0.42941757156959182</c:v>
                </c:pt>
                <c:pt idx="269">
                  <c:v>0.4037063627389359</c:v>
                </c:pt>
                <c:pt idx="270">
                  <c:v>0.35345059678721746</c:v>
                </c:pt>
                <c:pt idx="271">
                  <c:v>0.31145113524185275</c:v>
                </c:pt>
                <c:pt idx="272">
                  <c:v>0.34488019384366542</c:v>
                </c:pt>
                <c:pt idx="273">
                  <c:v>0.35856591582158881</c:v>
                </c:pt>
                <c:pt idx="274">
                  <c:v>0.3736875168267042</c:v>
                </c:pt>
                <c:pt idx="275">
                  <c:v>0.34075204164048878</c:v>
                </c:pt>
                <c:pt idx="276">
                  <c:v>0.33581620748451635</c:v>
                </c:pt>
                <c:pt idx="277">
                  <c:v>0.35695055191599789</c:v>
                </c:pt>
                <c:pt idx="278">
                  <c:v>0.30427174010589297</c:v>
                </c:pt>
                <c:pt idx="279">
                  <c:v>0.31459212061383535</c:v>
                </c:pt>
                <c:pt idx="280">
                  <c:v>0.27182984833527502</c:v>
                </c:pt>
                <c:pt idx="281">
                  <c:v>0.30911783182266617</c:v>
                </c:pt>
                <c:pt idx="282">
                  <c:v>0.33868796553890035</c:v>
                </c:pt>
                <c:pt idx="283">
                  <c:v>0.32361123575338469</c:v>
                </c:pt>
                <c:pt idx="284">
                  <c:v>0.33397648748092656</c:v>
                </c:pt>
                <c:pt idx="285">
                  <c:v>0.30718836937987648</c:v>
                </c:pt>
                <c:pt idx="286">
                  <c:v>0.31553441622542966</c:v>
                </c:pt>
                <c:pt idx="287">
                  <c:v>0.35479673337520956</c:v>
                </c:pt>
                <c:pt idx="288">
                  <c:v>0.38647581441263212</c:v>
                </c:pt>
                <c:pt idx="289">
                  <c:v>0.39545005833258173</c:v>
                </c:pt>
                <c:pt idx="290">
                  <c:v>0.38593735977743493</c:v>
                </c:pt>
                <c:pt idx="291">
                  <c:v>0.38885398905141866</c:v>
                </c:pt>
                <c:pt idx="292">
                  <c:v>0.38966167100421423</c:v>
                </c:pt>
                <c:pt idx="293">
                  <c:v>0.37602082024589056</c:v>
                </c:pt>
                <c:pt idx="294">
                  <c:v>0.37862335098267619</c:v>
                </c:pt>
                <c:pt idx="295">
                  <c:v>0.36902090998832993</c:v>
                </c:pt>
                <c:pt idx="296">
                  <c:v>0.35591851386520346</c:v>
                </c:pt>
                <c:pt idx="297">
                  <c:v>0.36776451583953707</c:v>
                </c:pt>
                <c:pt idx="298">
                  <c:v>0.39491160369738476</c:v>
                </c:pt>
                <c:pt idx="299">
                  <c:v>0.39558467199138092</c:v>
                </c:pt>
                <c:pt idx="300">
                  <c:v>0.39594364174817898</c:v>
                </c:pt>
                <c:pt idx="301">
                  <c:v>0.41294983397648366</c:v>
                </c:pt>
                <c:pt idx="302">
                  <c:v>0.43327649645516986</c:v>
                </c:pt>
                <c:pt idx="303">
                  <c:v>0.43336623889436932</c:v>
                </c:pt>
                <c:pt idx="304">
                  <c:v>0.43224445840437564</c:v>
                </c:pt>
                <c:pt idx="305">
                  <c:v>0.40702683298931697</c:v>
                </c:pt>
                <c:pt idx="306">
                  <c:v>0.42021897155164312</c:v>
                </c:pt>
                <c:pt idx="307">
                  <c:v>0.43210984474557668</c:v>
                </c:pt>
                <c:pt idx="308">
                  <c:v>0.46356456968500037</c:v>
                </c:pt>
                <c:pt idx="309">
                  <c:v>0.47321188189894614</c:v>
                </c:pt>
                <c:pt idx="310">
                  <c:v>0.46733375213137918</c:v>
                </c:pt>
                <c:pt idx="311">
                  <c:v>0.49075652876244802</c:v>
                </c:pt>
                <c:pt idx="312">
                  <c:v>0.46980166920936539</c:v>
                </c:pt>
                <c:pt idx="313">
                  <c:v>0.45741721259983481</c:v>
                </c:pt>
                <c:pt idx="314">
                  <c:v>0.47720542044332381</c:v>
                </c:pt>
                <c:pt idx="315">
                  <c:v>0.47940411020371165</c:v>
                </c:pt>
                <c:pt idx="316">
                  <c:v>0.49955128780399871</c:v>
                </c:pt>
                <c:pt idx="317">
                  <c:v>0.50897424391994606</c:v>
                </c:pt>
                <c:pt idx="318">
                  <c:v>0.4894103921744557</c:v>
                </c:pt>
                <c:pt idx="319">
                  <c:v>0.49380777169523093</c:v>
                </c:pt>
                <c:pt idx="320">
                  <c:v>0.48097460288970284</c:v>
                </c:pt>
                <c:pt idx="321">
                  <c:v>0.48371174728528765</c:v>
                </c:pt>
                <c:pt idx="322">
                  <c:v>0.50394866732477439</c:v>
                </c:pt>
                <c:pt idx="323">
                  <c:v>0.50372431122677552</c:v>
                </c:pt>
                <c:pt idx="324">
                  <c:v>0.49560262047922099</c:v>
                </c:pt>
                <c:pt idx="325">
                  <c:v>0.49407699901282953</c:v>
                </c:pt>
                <c:pt idx="326">
                  <c:v>0.49735259804361109</c:v>
                </c:pt>
                <c:pt idx="327">
                  <c:v>0.48694247509646948</c:v>
                </c:pt>
                <c:pt idx="328">
                  <c:v>0.50116665170958963</c:v>
                </c:pt>
                <c:pt idx="329">
                  <c:v>0.50116665170958963</c:v>
                </c:pt>
                <c:pt idx="330">
                  <c:v>0.50349995512877643</c:v>
                </c:pt>
                <c:pt idx="331">
                  <c:v>0.54985192497531665</c:v>
                </c:pt>
                <c:pt idx="332">
                  <c:v>0.57058242843040063</c:v>
                </c:pt>
                <c:pt idx="333">
                  <c:v>0.5676209279368174</c:v>
                </c:pt>
                <c:pt idx="334">
                  <c:v>0.59180651530108186</c:v>
                </c:pt>
                <c:pt idx="335">
                  <c:v>0.58561428699631657</c:v>
                </c:pt>
                <c:pt idx="336">
                  <c:v>0.57269137575158902</c:v>
                </c:pt>
                <c:pt idx="337">
                  <c:v>0.61321008705016222</c:v>
                </c:pt>
                <c:pt idx="338">
                  <c:v>0.60544736605940574</c:v>
                </c:pt>
                <c:pt idx="339">
                  <c:v>0.61074216997217623</c:v>
                </c:pt>
                <c:pt idx="340">
                  <c:v>0.63928026563761642</c:v>
                </c:pt>
                <c:pt idx="341">
                  <c:v>0.62070358072332055</c:v>
                </c:pt>
                <c:pt idx="342">
                  <c:v>0.60661401776899937</c:v>
                </c:pt>
                <c:pt idx="343">
                  <c:v>0.65386341200753484</c:v>
                </c:pt>
                <c:pt idx="344">
                  <c:v>0.64650453199317592</c:v>
                </c:pt>
                <c:pt idx="345">
                  <c:v>0.64367764515839188</c:v>
                </c:pt>
                <c:pt idx="346">
                  <c:v>0.67813874181099876</c:v>
                </c:pt>
                <c:pt idx="347">
                  <c:v>0.67813874181099876</c:v>
                </c:pt>
                <c:pt idx="348">
                  <c:v>0.70573454186484441</c:v>
                </c:pt>
                <c:pt idx="349">
                  <c:v>0.69711926770169264</c:v>
                </c:pt>
                <c:pt idx="350">
                  <c:v>0.71596517993358688</c:v>
                </c:pt>
                <c:pt idx="351">
                  <c:v>0.72224715067755185</c:v>
                </c:pt>
                <c:pt idx="352">
                  <c:v>0.72682401507672623</c:v>
                </c:pt>
                <c:pt idx="353">
                  <c:v>0.67387597594902271</c:v>
                </c:pt>
                <c:pt idx="354">
                  <c:v>0.67194651350623347</c:v>
                </c:pt>
                <c:pt idx="355">
                  <c:v>0.67463878668221855</c:v>
                </c:pt>
                <c:pt idx="356">
                  <c:v>0.6405366597864095</c:v>
                </c:pt>
                <c:pt idx="357">
                  <c:v>0.63775464417122496</c:v>
                </c:pt>
                <c:pt idx="358">
                  <c:v>0.65494032127792856</c:v>
                </c:pt>
                <c:pt idx="359">
                  <c:v>0.65911334470070515</c:v>
                </c:pt>
                <c:pt idx="360">
                  <c:v>0.62043435340572195</c:v>
                </c:pt>
                <c:pt idx="361">
                  <c:v>0.64345328906039301</c:v>
                </c:pt>
                <c:pt idx="362">
                  <c:v>0.67095934667503898</c:v>
                </c:pt>
                <c:pt idx="363">
                  <c:v>0.71659337700798309</c:v>
                </c:pt>
                <c:pt idx="364">
                  <c:v>0.72399712824194151</c:v>
                </c:pt>
                <c:pt idx="365">
                  <c:v>0.72929193215471178</c:v>
                </c:pt>
                <c:pt idx="366">
                  <c:v>0.71251009602440574</c:v>
                </c:pt>
                <c:pt idx="367">
                  <c:v>0.71614466481198558</c:v>
                </c:pt>
                <c:pt idx="368">
                  <c:v>0.72327918872834562</c:v>
                </c:pt>
                <c:pt idx="369">
                  <c:v>0.7324777887462941</c:v>
                </c:pt>
                <c:pt idx="370">
                  <c:v>0.75791977025935164</c:v>
                </c:pt>
                <c:pt idx="371">
                  <c:v>0.75558646684016484</c:v>
                </c:pt>
                <c:pt idx="372">
                  <c:v>0.76070178587453618</c:v>
                </c:pt>
                <c:pt idx="373">
                  <c:v>0.72094588530915904</c:v>
                </c:pt>
                <c:pt idx="374">
                  <c:v>0.67917077986179297</c:v>
                </c:pt>
                <c:pt idx="375">
                  <c:v>0.67320290765502633</c:v>
                </c:pt>
                <c:pt idx="376">
                  <c:v>0.62936372610607183</c:v>
                </c:pt>
                <c:pt idx="377">
                  <c:v>0.65529929103472639</c:v>
                </c:pt>
                <c:pt idx="378">
                  <c:v>0.65090191151395094</c:v>
                </c:pt>
                <c:pt idx="379">
                  <c:v>0.68451045499416252</c:v>
                </c:pt>
                <c:pt idx="380">
                  <c:v>0.71601005115318594</c:v>
                </c:pt>
                <c:pt idx="381">
                  <c:v>0.71210625504800773</c:v>
                </c:pt>
                <c:pt idx="382">
                  <c:v>0.70730503455083471</c:v>
                </c:pt>
                <c:pt idx="383">
                  <c:v>0.71421520236919611</c:v>
                </c:pt>
                <c:pt idx="384">
                  <c:v>0.67809387059139836</c:v>
                </c:pt>
                <c:pt idx="385">
                  <c:v>0.69837566185048483</c:v>
                </c:pt>
                <c:pt idx="386">
                  <c:v>0.6814592120613796</c:v>
                </c:pt>
                <c:pt idx="387">
                  <c:v>0.68612581889975321</c:v>
                </c:pt>
                <c:pt idx="388">
                  <c:v>0.68899757695413721</c:v>
                </c:pt>
                <c:pt idx="389">
                  <c:v>0.64596607735797829</c:v>
                </c:pt>
                <c:pt idx="390">
                  <c:v>0.68226689401417495</c:v>
                </c:pt>
                <c:pt idx="391">
                  <c:v>0.69505519160010332</c:v>
                </c:pt>
                <c:pt idx="392">
                  <c:v>0.70290765503005925</c:v>
                </c:pt>
                <c:pt idx="393">
                  <c:v>0.73727900924346668</c:v>
                </c:pt>
                <c:pt idx="394">
                  <c:v>0.74109306290944543</c:v>
                </c:pt>
                <c:pt idx="395">
                  <c:v>0.75235573902898212</c:v>
                </c:pt>
                <c:pt idx="396">
                  <c:v>0.76276586197612373</c:v>
                </c:pt>
                <c:pt idx="397">
                  <c:v>0.74665709413981407</c:v>
                </c:pt>
                <c:pt idx="398">
                  <c:v>0.72637530288072782</c:v>
                </c:pt>
                <c:pt idx="399">
                  <c:v>0.70066409405007191</c:v>
                </c:pt>
                <c:pt idx="400">
                  <c:v>0.72426635555953967</c:v>
                </c:pt>
                <c:pt idx="401">
                  <c:v>0.70878578479762644</c:v>
                </c:pt>
                <c:pt idx="402">
                  <c:v>0.72583684824553085</c:v>
                </c:pt>
                <c:pt idx="403">
                  <c:v>0.77564390200125199</c:v>
                </c:pt>
                <c:pt idx="404">
                  <c:v>0.79202189715516003</c:v>
                </c:pt>
                <c:pt idx="405">
                  <c:v>0.78470788836040106</c:v>
                </c:pt>
                <c:pt idx="406">
                  <c:v>0.78367585030960685</c:v>
                </c:pt>
                <c:pt idx="407">
                  <c:v>0.78309252445481015</c:v>
                </c:pt>
                <c:pt idx="408">
                  <c:v>0.81324598402584103</c:v>
                </c:pt>
                <c:pt idx="409">
                  <c:v>0.78367585030960663</c:v>
                </c:pt>
                <c:pt idx="410">
                  <c:v>0.81113703670465287</c:v>
                </c:pt>
                <c:pt idx="411">
                  <c:v>0.84043794310328868</c:v>
                </c:pt>
                <c:pt idx="412">
                  <c:v>0.83608543480211295</c:v>
                </c:pt>
                <c:pt idx="413">
                  <c:v>0.83859822309969889</c:v>
                </c:pt>
                <c:pt idx="414">
                  <c:v>0.85843130216278785</c:v>
                </c:pt>
                <c:pt idx="415">
                  <c:v>0.86282868168356308</c:v>
                </c:pt>
                <c:pt idx="416">
                  <c:v>0.8836489275778463</c:v>
                </c:pt>
                <c:pt idx="417">
                  <c:v>0.87341828950910361</c:v>
                </c:pt>
                <c:pt idx="418">
                  <c:v>0.83285470699093089</c:v>
                </c:pt>
                <c:pt idx="419">
                  <c:v>0.80431661132549093</c:v>
                </c:pt>
                <c:pt idx="420">
                  <c:v>0.76213766490172707</c:v>
                </c:pt>
                <c:pt idx="421">
                  <c:v>0.76864399174369047</c:v>
                </c:pt>
                <c:pt idx="422">
                  <c:v>0.71811899847437344</c:v>
                </c:pt>
                <c:pt idx="423">
                  <c:v>0.6964461994076947</c:v>
                </c:pt>
                <c:pt idx="424">
                  <c:v>0.69308085793771346</c:v>
                </c:pt>
                <c:pt idx="425">
                  <c:v>0.63762003051242422</c:v>
                </c:pt>
                <c:pt idx="426">
                  <c:v>0.62029973974692143</c:v>
                </c:pt>
                <c:pt idx="427">
                  <c:v>0.60598582069460161</c:v>
                </c:pt>
                <c:pt idx="428">
                  <c:v>0.68572197792335499</c:v>
                </c:pt>
                <c:pt idx="429">
                  <c:v>0.73333034191868807</c:v>
                </c:pt>
                <c:pt idx="430">
                  <c:v>0.71161267163240982</c:v>
                </c:pt>
                <c:pt idx="431">
                  <c:v>0.63385084806604541</c:v>
                </c:pt>
                <c:pt idx="432">
                  <c:v>0.6391456519788159</c:v>
                </c:pt>
                <c:pt idx="433">
                  <c:v>0.69379879745130957</c:v>
                </c:pt>
                <c:pt idx="434">
                  <c:v>0.7025038140536608</c:v>
                </c:pt>
                <c:pt idx="435">
                  <c:v>0.64852373687516307</c:v>
                </c:pt>
                <c:pt idx="436">
                  <c:v>0.64035717490800881</c:v>
                </c:pt>
                <c:pt idx="437">
                  <c:v>0.5823386879655339</c:v>
                </c:pt>
                <c:pt idx="438">
                  <c:v>0.59010140895629037</c:v>
                </c:pt>
                <c:pt idx="439">
                  <c:v>0.57381315624158158</c:v>
                </c:pt>
                <c:pt idx="440">
                  <c:v>0.50560890244996393</c:v>
                </c:pt>
                <c:pt idx="441">
                  <c:v>0.47388495019294163</c:v>
                </c:pt>
                <c:pt idx="442">
                  <c:v>0.47810284483531817</c:v>
                </c:pt>
                <c:pt idx="443">
                  <c:v>0.54348021179215178</c:v>
                </c:pt>
                <c:pt idx="444">
                  <c:v>0.52099973077267769</c:v>
                </c:pt>
                <c:pt idx="445">
                  <c:v>0.50910885757874436</c:v>
                </c:pt>
                <c:pt idx="446">
                  <c:v>0.55012115229291458</c:v>
                </c:pt>
                <c:pt idx="447">
                  <c:v>0.53980077178497243</c:v>
                </c:pt>
                <c:pt idx="448">
                  <c:v>0.55528134254688566</c:v>
                </c:pt>
                <c:pt idx="449">
                  <c:v>0.55393520595889334</c:v>
                </c:pt>
                <c:pt idx="450">
                  <c:v>0.54244817374135756</c:v>
                </c:pt>
                <c:pt idx="451">
                  <c:v>0.56304406353764214</c:v>
                </c:pt>
                <c:pt idx="452">
                  <c:v>0.6371713183164267</c:v>
                </c:pt>
                <c:pt idx="453">
                  <c:v>0.64363277393879059</c:v>
                </c:pt>
                <c:pt idx="454">
                  <c:v>0.67625415058780791</c:v>
                </c:pt>
                <c:pt idx="455">
                  <c:v>0.67670286278380543</c:v>
                </c:pt>
                <c:pt idx="456">
                  <c:v>0.63232522659965418</c:v>
                </c:pt>
                <c:pt idx="457">
                  <c:v>0.63928026563761531</c:v>
                </c:pt>
                <c:pt idx="458">
                  <c:v>0.61989589877052409</c:v>
                </c:pt>
                <c:pt idx="459">
                  <c:v>0.62164587633491419</c:v>
                </c:pt>
                <c:pt idx="460">
                  <c:v>0.64017769002961056</c:v>
                </c:pt>
                <c:pt idx="461">
                  <c:v>0.62563941487929209</c:v>
                </c:pt>
                <c:pt idx="462">
                  <c:v>0.58637709772951196</c:v>
                </c:pt>
                <c:pt idx="463">
                  <c:v>0.58615274163151332</c:v>
                </c:pt>
                <c:pt idx="464">
                  <c:v>0.5644799425648348</c:v>
                </c:pt>
                <c:pt idx="465">
                  <c:v>0.57632594453916841</c:v>
                </c:pt>
                <c:pt idx="466">
                  <c:v>0.65058781297675239</c:v>
                </c:pt>
                <c:pt idx="467">
                  <c:v>0.60845373777258849</c:v>
                </c:pt>
                <c:pt idx="468">
                  <c:v>0.59337700798707305</c:v>
                </c:pt>
                <c:pt idx="469">
                  <c:v>0.62541505878129366</c:v>
                </c:pt>
                <c:pt idx="470">
                  <c:v>0.64587633491877927</c:v>
                </c:pt>
                <c:pt idx="471">
                  <c:v>0.64201741003320101</c:v>
                </c:pt>
                <c:pt idx="472">
                  <c:v>0.65516467737592721</c:v>
                </c:pt>
                <c:pt idx="473">
                  <c:v>0.67733105985820274</c:v>
                </c:pt>
                <c:pt idx="474">
                  <c:v>0.66369020909987908</c:v>
                </c:pt>
                <c:pt idx="475">
                  <c:v>0.65301085883513887</c:v>
                </c:pt>
                <c:pt idx="476">
                  <c:v>0.67315803643542593</c:v>
                </c:pt>
                <c:pt idx="477">
                  <c:v>0.68047204523018512</c:v>
                </c:pt>
                <c:pt idx="478">
                  <c:v>0.69824104819168542</c:v>
                </c:pt>
                <c:pt idx="479">
                  <c:v>0.69151036525172316</c:v>
                </c:pt>
                <c:pt idx="480">
                  <c:v>0.68715785695054743</c:v>
                </c:pt>
                <c:pt idx="481">
                  <c:v>0.6716772861886342</c:v>
                </c:pt>
                <c:pt idx="482">
                  <c:v>0.67607466570940944</c:v>
                </c:pt>
                <c:pt idx="483">
                  <c:v>0.65772233689311221</c:v>
                </c:pt>
                <c:pt idx="484">
                  <c:v>0.64031230368840975</c:v>
                </c:pt>
                <c:pt idx="485">
                  <c:v>0.67347213497262404</c:v>
                </c:pt>
                <c:pt idx="486">
                  <c:v>0.69061294085972813</c:v>
                </c:pt>
                <c:pt idx="487">
                  <c:v>0.68527326572735814</c:v>
                </c:pt>
                <c:pt idx="488">
                  <c:v>0.68495916719016003</c:v>
                </c:pt>
                <c:pt idx="489">
                  <c:v>0.66741452032665838</c:v>
                </c:pt>
                <c:pt idx="490">
                  <c:v>0.64574172125997964</c:v>
                </c:pt>
                <c:pt idx="491">
                  <c:v>0.5934667504262725</c:v>
                </c:pt>
                <c:pt idx="492">
                  <c:v>0.60625504801220065</c:v>
                </c:pt>
                <c:pt idx="493">
                  <c:v>0.61343444314816042</c:v>
                </c:pt>
                <c:pt idx="494">
                  <c:v>0.63214574172125571</c:v>
                </c:pt>
                <c:pt idx="495">
                  <c:v>0.62895988512967338</c:v>
                </c:pt>
                <c:pt idx="496">
                  <c:v>0.62940859732567089</c:v>
                </c:pt>
                <c:pt idx="497">
                  <c:v>0.62577402853809128</c:v>
                </c:pt>
                <c:pt idx="498">
                  <c:v>0.67499775643901549</c:v>
                </c:pt>
                <c:pt idx="499">
                  <c:v>0.69133088037332402</c:v>
                </c:pt>
                <c:pt idx="500">
                  <c:v>0.67670286278380609</c:v>
                </c:pt>
                <c:pt idx="501">
                  <c:v>0.64717760028717164</c:v>
                </c:pt>
                <c:pt idx="502">
                  <c:v>0.64040204612760965</c:v>
                </c:pt>
                <c:pt idx="503">
                  <c:v>0.6051332675222072</c:v>
                </c:pt>
                <c:pt idx="504">
                  <c:v>0.62191510365251323</c:v>
                </c:pt>
                <c:pt idx="505">
                  <c:v>0.63999820515121186</c:v>
                </c:pt>
                <c:pt idx="506">
                  <c:v>0.62222920218971134</c:v>
                </c:pt>
                <c:pt idx="507">
                  <c:v>0.62294714170330723</c:v>
                </c:pt>
                <c:pt idx="508">
                  <c:v>0.63699183343802845</c:v>
                </c:pt>
                <c:pt idx="509">
                  <c:v>0.61020371533697859</c:v>
                </c:pt>
                <c:pt idx="510">
                  <c:v>0.57928744503275165</c:v>
                </c:pt>
                <c:pt idx="511">
                  <c:v>0.56286457865924366</c:v>
                </c:pt>
                <c:pt idx="512">
                  <c:v>0.56142869963205166</c:v>
                </c:pt>
                <c:pt idx="513">
                  <c:v>0.56923629184240787</c:v>
                </c:pt>
                <c:pt idx="514">
                  <c:v>0.60719734362379518</c:v>
                </c:pt>
                <c:pt idx="515">
                  <c:v>0.62007538364892323</c:v>
                </c:pt>
                <c:pt idx="516">
                  <c:v>0.63717131831642759</c:v>
                </c:pt>
                <c:pt idx="517">
                  <c:v>0.63551108319123695</c:v>
                </c:pt>
                <c:pt idx="518">
                  <c:v>0.66279278470788405</c:v>
                </c:pt>
                <c:pt idx="519">
                  <c:v>0.63497262855603975</c:v>
                </c:pt>
                <c:pt idx="520">
                  <c:v>0.69384366867090996</c:v>
                </c:pt>
                <c:pt idx="521">
                  <c:v>0.70402943552005293</c:v>
                </c:pt>
                <c:pt idx="522">
                  <c:v>0.70241407161446179</c:v>
                </c:pt>
                <c:pt idx="523">
                  <c:v>0.72332405994794446</c:v>
                </c:pt>
                <c:pt idx="524">
                  <c:v>0.73445212240868196</c:v>
                </c:pt>
                <c:pt idx="525">
                  <c:v>0.71955487750156544</c:v>
                </c:pt>
                <c:pt idx="526">
                  <c:v>0.74324688145023265</c:v>
                </c:pt>
                <c:pt idx="527">
                  <c:v>0.76025307367853756</c:v>
                </c:pt>
                <c:pt idx="528">
                  <c:v>0.74535582877142104</c:v>
                </c:pt>
                <c:pt idx="529">
                  <c:v>0.73584313021627423</c:v>
                </c:pt>
                <c:pt idx="530">
                  <c:v>0.74634299560261552</c:v>
                </c:pt>
                <c:pt idx="531">
                  <c:v>0.73391366777348499</c:v>
                </c:pt>
                <c:pt idx="532">
                  <c:v>0.76011846001973815</c:v>
                </c:pt>
                <c:pt idx="533">
                  <c:v>0.77232343175086959</c:v>
                </c:pt>
                <c:pt idx="534">
                  <c:v>0.77519518980525359</c:v>
                </c:pt>
                <c:pt idx="535">
                  <c:v>0.77887462981243316</c:v>
                </c:pt>
                <c:pt idx="536">
                  <c:v>0.76469532441891253</c:v>
                </c:pt>
                <c:pt idx="537">
                  <c:v>0.74549044243022022</c:v>
                </c:pt>
                <c:pt idx="538">
                  <c:v>0.76173382392532929</c:v>
                </c:pt>
                <c:pt idx="539">
                  <c:v>0.79170779861796126</c:v>
                </c:pt>
                <c:pt idx="540">
                  <c:v>0.81436776451583404</c:v>
                </c:pt>
                <c:pt idx="541">
                  <c:v>0.85075832361123016</c:v>
                </c:pt>
                <c:pt idx="542">
                  <c:v>0.84187382213048001</c:v>
                </c:pt>
                <c:pt idx="543">
                  <c:v>0.85470699093600833</c:v>
                </c:pt>
                <c:pt idx="544">
                  <c:v>0.83141882796373889</c:v>
                </c:pt>
                <c:pt idx="545">
                  <c:v>0.82711119088216312</c:v>
                </c:pt>
                <c:pt idx="546">
                  <c:v>0.82199587184779177</c:v>
                </c:pt>
                <c:pt idx="547">
                  <c:v>0.85273265727361958</c:v>
                </c:pt>
                <c:pt idx="548">
                  <c:v>0.84694426994525207</c:v>
                </c:pt>
                <c:pt idx="549">
                  <c:v>0.84102126895808538</c:v>
                </c:pt>
                <c:pt idx="550">
                  <c:v>0.84102126895808538</c:v>
                </c:pt>
                <c:pt idx="551">
                  <c:v>0.8652965987615493</c:v>
                </c:pt>
                <c:pt idx="552">
                  <c:v>0.88064255586466333</c:v>
                </c:pt>
                <c:pt idx="553">
                  <c:v>0.88768733734182392</c:v>
                </c:pt>
                <c:pt idx="554">
                  <c:v>0.8736875168267022</c:v>
                </c:pt>
                <c:pt idx="555">
                  <c:v>0.83586107870411408</c:v>
                </c:pt>
                <c:pt idx="556">
                  <c:v>0.84164946603248181</c:v>
                </c:pt>
                <c:pt idx="557">
                  <c:v>0.88324508660144874</c:v>
                </c:pt>
                <c:pt idx="558">
                  <c:v>0.88149510903705841</c:v>
                </c:pt>
                <c:pt idx="559">
                  <c:v>0.85439289239881022</c:v>
                </c:pt>
                <c:pt idx="560">
                  <c:v>0.91393700080767681</c:v>
                </c:pt>
                <c:pt idx="561">
                  <c:v>0.93650722426635014</c:v>
                </c:pt>
                <c:pt idx="562">
                  <c:v>0.93377007987076532</c:v>
                </c:pt>
                <c:pt idx="563">
                  <c:v>0.92537916180561242</c:v>
                </c:pt>
                <c:pt idx="564">
                  <c:v>0.92843040473839533</c:v>
                </c:pt>
                <c:pt idx="565">
                  <c:v>0.94278919501031511</c:v>
                </c:pt>
                <c:pt idx="566">
                  <c:v>0.93027012474198512</c:v>
                </c:pt>
                <c:pt idx="567">
                  <c:v>0.94220586915551841</c:v>
                </c:pt>
                <c:pt idx="568">
                  <c:v>0.96329534236740044</c:v>
                </c:pt>
                <c:pt idx="569">
                  <c:v>0.9561608184510404</c:v>
                </c:pt>
                <c:pt idx="570">
                  <c:v>0.95225702234586218</c:v>
                </c:pt>
                <c:pt idx="571">
                  <c:v>0.9558915911334418</c:v>
                </c:pt>
                <c:pt idx="572">
                  <c:v>0.95198779502826358</c:v>
                </c:pt>
                <c:pt idx="573">
                  <c:v>0.94673786233509283</c:v>
                </c:pt>
                <c:pt idx="574">
                  <c:v>0.94539172574710029</c:v>
                </c:pt>
                <c:pt idx="575">
                  <c:v>0.95651978820783778</c:v>
                </c:pt>
                <c:pt idx="576">
                  <c:v>0.9979359238984058</c:v>
                </c:pt>
                <c:pt idx="577">
                  <c:v>0.99555774925961904</c:v>
                </c:pt>
                <c:pt idx="578">
                  <c:v>0.99555774925961904</c:v>
                </c:pt>
                <c:pt idx="579">
                  <c:v>1.0363456878757904</c:v>
                </c:pt>
                <c:pt idx="580">
                  <c:v>0.99430135511082596</c:v>
                </c:pt>
                <c:pt idx="581">
                  <c:v>0.97518621556133311</c:v>
                </c:pt>
                <c:pt idx="582">
                  <c:v>0.89558467199137914</c:v>
                </c:pt>
                <c:pt idx="583">
                  <c:v>0.92178946423763253</c:v>
                </c:pt>
                <c:pt idx="584">
                  <c:v>0.88486045050703943</c:v>
                </c:pt>
                <c:pt idx="585">
                  <c:v>0.89962308175535677</c:v>
                </c:pt>
                <c:pt idx="586">
                  <c:v>0.9146549403212727</c:v>
                </c:pt>
                <c:pt idx="587">
                  <c:v>0.93368033743156631</c:v>
                </c:pt>
                <c:pt idx="588">
                  <c:v>0.92582787400161015</c:v>
                </c:pt>
                <c:pt idx="589">
                  <c:v>0.91259086421968427</c:v>
                </c:pt>
                <c:pt idx="590">
                  <c:v>0.91757156959525643</c:v>
                </c:pt>
                <c:pt idx="591">
                  <c:v>0.9059947949385212</c:v>
                </c:pt>
                <c:pt idx="592">
                  <c:v>0.94862245355828234</c:v>
                </c:pt>
                <c:pt idx="593">
                  <c:v>0.95427622722785088</c:v>
                </c:pt>
                <c:pt idx="594">
                  <c:v>0.98227586825809388</c:v>
                </c:pt>
                <c:pt idx="595">
                  <c:v>1.005115319034366</c:v>
                </c:pt>
                <c:pt idx="596">
                  <c:v>1.005115319034366</c:v>
                </c:pt>
                <c:pt idx="597">
                  <c:v>0.99282060486403489</c:v>
                </c:pt>
                <c:pt idx="598">
                  <c:v>0.95517365161984591</c:v>
                </c:pt>
                <c:pt idx="599">
                  <c:v>0.97630799605132768</c:v>
                </c:pt>
                <c:pt idx="600">
                  <c:v>1.0030961141523775</c:v>
                </c:pt>
                <c:pt idx="601">
                  <c:v>1.010903706362734</c:v>
                </c:pt>
                <c:pt idx="602">
                  <c:v>1.0190702683298882</c:v>
                </c:pt>
                <c:pt idx="603">
                  <c:v>1.0320380507942155</c:v>
                </c:pt>
                <c:pt idx="604">
                  <c:v>1.034954680068199</c:v>
                </c:pt>
                <c:pt idx="605">
                  <c:v>1.0006730682939908</c:v>
                </c:pt>
                <c:pt idx="606">
                  <c:v>1.0143139190523143</c:v>
                </c:pt>
                <c:pt idx="607">
                  <c:v>0.98707708875526667</c:v>
                </c:pt>
                <c:pt idx="608">
                  <c:v>0.97137216189535458</c:v>
                </c:pt>
                <c:pt idx="609">
                  <c:v>1.0280445122498372</c:v>
                </c:pt>
                <c:pt idx="610">
                  <c:v>1.0638517454904366</c:v>
                </c:pt>
                <c:pt idx="611">
                  <c:v>1.0620568967064465</c:v>
                </c:pt>
                <c:pt idx="612">
                  <c:v>1.057300547428873</c:v>
                </c:pt>
                <c:pt idx="613">
                  <c:v>1.0681145113524124</c:v>
                </c:pt>
                <c:pt idx="614">
                  <c:v>1.0843578928475215</c:v>
                </c:pt>
                <c:pt idx="615">
                  <c:v>1.0647491698824316</c:v>
                </c:pt>
                <c:pt idx="616">
                  <c:v>1.0733644440455832</c:v>
                </c:pt>
                <c:pt idx="617">
                  <c:v>0.93596876963115294</c:v>
                </c:pt>
                <c:pt idx="618">
                  <c:v>0.96948757067216507</c:v>
                </c:pt>
                <c:pt idx="619">
                  <c:v>0.95261599210265957</c:v>
                </c:pt>
                <c:pt idx="620">
                  <c:v>0.901148703221748</c:v>
                </c:pt>
                <c:pt idx="621">
                  <c:v>0.8477519518980472</c:v>
                </c:pt>
                <c:pt idx="622">
                  <c:v>0.9392443686619345</c:v>
                </c:pt>
                <c:pt idx="623">
                  <c:v>0.91452032666247307</c:v>
                </c:pt>
                <c:pt idx="624">
                  <c:v>0.95032755990307272</c:v>
                </c:pt>
                <c:pt idx="625">
                  <c:v>0.98030153459570468</c:v>
                </c:pt>
                <c:pt idx="626">
                  <c:v>0.98550659606927549</c:v>
                </c:pt>
                <c:pt idx="627">
                  <c:v>0.91819976666965264</c:v>
                </c:pt>
                <c:pt idx="628">
                  <c:v>0.94238535403391732</c:v>
                </c:pt>
                <c:pt idx="629">
                  <c:v>0.94193664183791981</c:v>
                </c:pt>
                <c:pt idx="630">
                  <c:v>0.91734721349725756</c:v>
                </c:pt>
                <c:pt idx="631">
                  <c:v>0.96141075114421048</c:v>
                </c:pt>
                <c:pt idx="632">
                  <c:v>0.99003858924885013</c:v>
                </c:pt>
                <c:pt idx="633">
                  <c:v>1.0474737503365281</c:v>
                </c:pt>
                <c:pt idx="634">
                  <c:v>1.0382302790989799</c:v>
                </c:pt>
                <c:pt idx="635">
                  <c:v>1.0430763708157524</c:v>
                </c:pt>
                <c:pt idx="636">
                  <c:v>1.0481019474109243</c:v>
                </c:pt>
                <c:pt idx="637">
                  <c:v>1.0284483532262345</c:v>
                </c:pt>
                <c:pt idx="638">
                  <c:v>0.99605133267521606</c:v>
                </c:pt>
                <c:pt idx="639">
                  <c:v>1.035134164946597</c:v>
                </c:pt>
                <c:pt idx="640">
                  <c:v>1.0552813425468845</c:v>
                </c:pt>
                <c:pt idx="641">
                  <c:v>1.0459930000897368</c:v>
                </c:pt>
                <c:pt idx="642">
                  <c:v>1.0769990128331628</c:v>
                </c:pt>
                <c:pt idx="643">
                  <c:v>1.0888898860270961</c:v>
                </c:pt>
                <c:pt idx="644">
                  <c:v>1.0930629094498729</c:v>
                </c:pt>
                <c:pt idx="645">
                  <c:v>1.1023961231266206</c:v>
                </c:pt>
                <c:pt idx="646">
                  <c:v>1.1167549133985397</c:v>
                </c:pt>
                <c:pt idx="647">
                  <c:v>1.1062101767925987</c:v>
                </c:pt>
                <c:pt idx="648">
                  <c:v>1.1244727631696962</c:v>
                </c:pt>
                <c:pt idx="649">
                  <c:v>1.1504980705375507</c:v>
                </c:pt>
                <c:pt idx="650">
                  <c:v>1.1951449340393006</c:v>
                </c:pt>
                <c:pt idx="651">
                  <c:v>1.187696311585742</c:v>
                </c:pt>
                <c:pt idx="652">
                  <c:v>1.1856322354841535</c:v>
                </c:pt>
                <c:pt idx="653">
                  <c:v>1.1880104101229403</c:v>
                </c:pt>
                <c:pt idx="654">
                  <c:v>1.2169972179843778</c:v>
                </c:pt>
                <c:pt idx="655">
                  <c:v>1.2059588979628395</c:v>
                </c:pt>
                <c:pt idx="656">
                  <c:v>1.2018307457596626</c:v>
                </c:pt>
                <c:pt idx="657">
                  <c:v>1.2289778336175106</c:v>
                </c:pt>
                <c:pt idx="658">
                  <c:v>1.2016961321008637</c:v>
                </c:pt>
                <c:pt idx="659">
                  <c:v>1.2089652696760234</c:v>
                </c:pt>
                <c:pt idx="660">
                  <c:v>1.1967154267252917</c:v>
                </c:pt>
                <c:pt idx="661">
                  <c:v>1.2198241048191623</c:v>
                </c:pt>
                <c:pt idx="662">
                  <c:v>1.2533429058601748</c:v>
                </c:pt>
                <c:pt idx="663">
                  <c:v>1.2703490980884795</c:v>
                </c:pt>
                <c:pt idx="664">
                  <c:v>1.2561697926949589</c:v>
                </c:pt>
                <c:pt idx="665">
                  <c:v>1.25599030781656</c:v>
                </c:pt>
                <c:pt idx="666">
                  <c:v>1.3018935654671027</c:v>
                </c:pt>
                <c:pt idx="667">
                  <c:v>1.2540608453737705</c:v>
                </c:pt>
                <c:pt idx="668">
                  <c:v>1.2840348200664029</c:v>
                </c:pt>
                <c:pt idx="669">
                  <c:v>1.2664453019833015</c:v>
                </c:pt>
                <c:pt idx="670">
                  <c:v>1.2668042717400994</c:v>
                </c:pt>
                <c:pt idx="671">
                  <c:v>1.321502288432193</c:v>
                </c:pt>
                <c:pt idx="672">
                  <c:v>1.3167459391546195</c:v>
                </c:pt>
                <c:pt idx="673">
                  <c:v>1.3367585030961076</c:v>
                </c:pt>
                <c:pt idx="674">
                  <c:v>1.352283945077621</c:v>
                </c:pt>
                <c:pt idx="675">
                  <c:v>1.342636632863675</c:v>
                </c:pt>
                <c:pt idx="676">
                  <c:v>1.3248676299021747</c:v>
                </c:pt>
                <c:pt idx="677">
                  <c:v>1.267342726375297</c:v>
                </c:pt>
                <c:pt idx="678">
                  <c:v>1.3161177420802241</c:v>
                </c:pt>
                <c:pt idx="679">
                  <c:v>1.338643094319298</c:v>
                </c:pt>
                <c:pt idx="680">
                  <c:v>1.3204253791617999</c:v>
                </c:pt>
                <c:pt idx="681">
                  <c:v>1.356950551915995</c:v>
                </c:pt>
                <c:pt idx="682">
                  <c:v>1.34532890603966</c:v>
                </c:pt>
                <c:pt idx="683">
                  <c:v>1.3971102934577697</c:v>
                </c:pt>
                <c:pt idx="684">
                  <c:v>1.3890334739298149</c:v>
                </c:pt>
                <c:pt idx="685">
                  <c:v>1.3854437763618348</c:v>
                </c:pt>
                <c:pt idx="686">
                  <c:v>1.3355021089473147</c:v>
                </c:pt>
                <c:pt idx="687">
                  <c:v>1.3480660504352442</c:v>
                </c:pt>
                <c:pt idx="688">
                  <c:v>1.3681234855963318</c:v>
                </c:pt>
                <c:pt idx="689">
                  <c:v>1.3241945616081781</c:v>
                </c:pt>
                <c:pt idx="690">
                  <c:v>1.3778605402494772</c:v>
                </c:pt>
                <c:pt idx="691">
                  <c:v>1.4101229471416965</c:v>
                </c:pt>
                <c:pt idx="692">
                  <c:v>1.4462891501390938</c:v>
                </c:pt>
                <c:pt idx="693">
                  <c:v>1.4558018486942403</c:v>
                </c:pt>
                <c:pt idx="694">
                  <c:v>1.4518980525890623</c:v>
                </c:pt>
                <c:pt idx="695">
                  <c:v>1.4243471237548166</c:v>
                </c:pt>
                <c:pt idx="696">
                  <c:v>1.4524813784438591</c:v>
                </c:pt>
                <c:pt idx="697">
                  <c:v>1.4350264740195571</c:v>
                </c:pt>
                <c:pt idx="698">
                  <c:v>1.4248855783900138</c:v>
                </c:pt>
                <c:pt idx="699">
                  <c:v>1.4163600466660617</c:v>
                </c:pt>
                <c:pt idx="700">
                  <c:v>1.4294624427891884</c:v>
                </c:pt>
                <c:pt idx="701">
                  <c:v>1.4295970564479878</c:v>
                </c:pt>
                <c:pt idx="702">
                  <c:v>1.4406353764695261</c:v>
                </c:pt>
                <c:pt idx="703">
                  <c:v>1.4845643004576798</c:v>
                </c:pt>
                <c:pt idx="704">
                  <c:v>1.4992820604863972</c:v>
                </c:pt>
                <c:pt idx="705">
                  <c:v>1.4991474468275978</c:v>
                </c:pt>
                <c:pt idx="706">
                  <c:v>1.5097370546531383</c:v>
                </c:pt>
                <c:pt idx="707">
                  <c:v>1.5326662478686095</c:v>
                </c:pt>
                <c:pt idx="708">
                  <c:v>1.5326662478686095</c:v>
                </c:pt>
                <c:pt idx="709">
                  <c:v>1.5074934936731506</c:v>
                </c:pt>
                <c:pt idx="710">
                  <c:v>1.5287624517634311</c:v>
                </c:pt>
                <c:pt idx="711">
                  <c:v>1.5851655748003148</c:v>
                </c:pt>
                <c:pt idx="712">
                  <c:v>1.5865565826079071</c:v>
                </c:pt>
                <c:pt idx="713">
                  <c:v>1.5744413533159749</c:v>
                </c:pt>
                <c:pt idx="714">
                  <c:v>1.5872296509019033</c:v>
                </c:pt>
                <c:pt idx="715">
                  <c:v>1.5825630440635297</c:v>
                </c:pt>
                <c:pt idx="716">
                  <c:v>1.6080947680157869</c:v>
                </c:pt>
                <c:pt idx="717">
                  <c:v>1.5774925962487583</c:v>
                </c:pt>
                <c:pt idx="718">
                  <c:v>1.6041461006910089</c:v>
                </c:pt>
                <c:pt idx="719">
                  <c:v>1.5035448263483726</c:v>
                </c:pt>
                <c:pt idx="720">
                  <c:v>1.5128331688055203</c:v>
                </c:pt>
                <c:pt idx="721">
                  <c:v>1.4182446378892504</c:v>
                </c:pt>
                <c:pt idx="722">
                  <c:v>1.3746746836578945</c:v>
                </c:pt>
                <c:pt idx="723">
                  <c:v>1.4487121959974796</c:v>
                </c:pt>
                <c:pt idx="724">
                  <c:v>1.4312124203535777</c:v>
                </c:pt>
                <c:pt idx="725">
                  <c:v>1.433500852553165</c:v>
                </c:pt>
                <c:pt idx="726">
                  <c:v>1.4540069999102503</c:v>
                </c:pt>
                <c:pt idx="727">
                  <c:v>1.3712644709683137</c:v>
                </c:pt>
                <c:pt idx="728">
                  <c:v>1.382257919770252</c:v>
                </c:pt>
                <c:pt idx="729">
                  <c:v>1.414161356905673</c:v>
                </c:pt>
                <c:pt idx="730">
                  <c:v>1.4787310419097115</c:v>
                </c:pt>
                <c:pt idx="731">
                  <c:v>1.3974692632145667</c:v>
                </c:pt>
                <c:pt idx="732">
                  <c:v>1.3619312572915661</c:v>
                </c:pt>
                <c:pt idx="733">
                  <c:v>1.3527775284932173</c:v>
                </c:pt>
                <c:pt idx="734">
                  <c:v>1.2844386610428002</c:v>
                </c:pt>
                <c:pt idx="735">
                  <c:v>1.2114780579736091</c:v>
                </c:pt>
                <c:pt idx="736">
                  <c:v>1.1544916090819286</c:v>
                </c:pt>
                <c:pt idx="737">
                  <c:v>1.178856681324592</c:v>
                </c:pt>
                <c:pt idx="738">
                  <c:v>1.2079332316252289</c:v>
                </c:pt>
                <c:pt idx="739">
                  <c:v>1.2352598043614758</c:v>
                </c:pt>
                <c:pt idx="740">
                  <c:v>1.3218163869693909</c:v>
                </c:pt>
                <c:pt idx="741">
                  <c:v>1.3264829938077649</c:v>
                </c:pt>
                <c:pt idx="742">
                  <c:v>1.3780400251278757</c:v>
                </c:pt>
                <c:pt idx="743">
                  <c:v>1.3816745939154553</c:v>
                </c:pt>
                <c:pt idx="744">
                  <c:v>1.3173741362290157</c:v>
                </c:pt>
                <c:pt idx="745">
                  <c:v>1.3662388943731418</c:v>
                </c:pt>
                <c:pt idx="746">
                  <c:v>1.371758054383911</c:v>
                </c:pt>
                <c:pt idx="747">
                  <c:v>1.4516288252714631</c:v>
                </c:pt>
                <c:pt idx="748">
                  <c:v>1.460378713093414</c:v>
                </c:pt>
                <c:pt idx="749">
                  <c:v>1.4791348828861088</c:v>
                </c:pt>
                <c:pt idx="750">
                  <c:v>1.4413084447635209</c:v>
                </c:pt>
                <c:pt idx="751">
                  <c:v>1.4485775823386802</c:v>
                </c:pt>
                <c:pt idx="752">
                  <c:v>1.3625594543659623</c:v>
                </c:pt>
                <c:pt idx="753">
                  <c:v>1.4194561608184433</c:v>
                </c:pt>
                <c:pt idx="754">
                  <c:v>1.4177510544736527</c:v>
                </c:pt>
                <c:pt idx="755">
                  <c:v>1.4637889257829948</c:v>
                </c:pt>
                <c:pt idx="756">
                  <c:v>1.4531544467378543</c:v>
                </c:pt>
                <c:pt idx="757">
                  <c:v>1.4383020730503375</c:v>
                </c:pt>
                <c:pt idx="758">
                  <c:v>1.5426725298393529</c:v>
                </c:pt>
                <c:pt idx="759">
                  <c:v>1.5695055191600025</c:v>
                </c:pt>
                <c:pt idx="760">
                  <c:v>1.5534416225432928</c:v>
                </c:pt>
                <c:pt idx="761">
                  <c:v>1.5934667504262685</c:v>
                </c:pt>
                <c:pt idx="762">
                  <c:v>1.6347931436776371</c:v>
                </c:pt>
                <c:pt idx="763">
                  <c:v>1.6409853719824019</c:v>
                </c:pt>
                <c:pt idx="764">
                  <c:v>1.6794400071793865</c:v>
                </c:pt>
                <c:pt idx="765">
                  <c:v>1.7394776990038503</c:v>
                </c:pt>
                <c:pt idx="766">
                  <c:v>1.7131382930987979</c:v>
                </c:pt>
                <c:pt idx="767">
                  <c:v>1.7972718298483263</c:v>
                </c:pt>
                <c:pt idx="768">
                  <c:v>1.7827784259176074</c:v>
                </c:pt>
                <c:pt idx="769">
                  <c:v>1.69667055550569</c:v>
                </c:pt>
                <c:pt idx="770">
                  <c:v>1.7104908911424124</c:v>
                </c:pt>
                <c:pt idx="771">
                  <c:v>1.7962846630171319</c:v>
                </c:pt>
                <c:pt idx="772">
                  <c:v>1.8116306201202459</c:v>
                </c:pt>
                <c:pt idx="773">
                  <c:v>1.8514762631248223</c:v>
                </c:pt>
                <c:pt idx="774">
                  <c:v>1.8357264650453105</c:v>
                </c:pt>
                <c:pt idx="775">
                  <c:v>1.8024320201022972</c:v>
                </c:pt>
                <c:pt idx="776">
                  <c:v>1.8254958269765678</c:v>
                </c:pt>
                <c:pt idx="777">
                  <c:v>1.7693170600376829</c:v>
                </c:pt>
                <c:pt idx="778">
                  <c:v>1.8355469801669115</c:v>
                </c:pt>
                <c:pt idx="779">
                  <c:v>1.8385982230996949</c:v>
                </c:pt>
                <c:pt idx="780">
                  <c:v>1.73238804630709</c:v>
                </c:pt>
                <c:pt idx="781">
                  <c:v>1.746791707798609</c:v>
                </c:pt>
                <c:pt idx="782">
                  <c:v>1.8132908552454365</c:v>
                </c:pt>
                <c:pt idx="783">
                  <c:v>1.8100152562146548</c:v>
                </c:pt>
                <c:pt idx="784">
                  <c:v>1.7973167010679258</c:v>
                </c:pt>
                <c:pt idx="785">
                  <c:v>1.8840976397738394</c:v>
                </c:pt>
                <c:pt idx="786">
                  <c:v>1.9186036076460455</c:v>
                </c:pt>
                <c:pt idx="787">
                  <c:v>1.8889437314906119</c:v>
                </c:pt>
                <c:pt idx="788">
                  <c:v>1.9308534505967772</c:v>
                </c:pt>
                <c:pt idx="789">
                  <c:v>1.8740016153638956</c:v>
                </c:pt>
                <c:pt idx="790">
                  <c:v>1.82504711478057</c:v>
                </c:pt>
                <c:pt idx="791">
                  <c:v>1.8943282778425821</c:v>
                </c:pt>
                <c:pt idx="792">
                  <c:v>1.8493224445840344</c:v>
                </c:pt>
                <c:pt idx="793">
                  <c:v>1.852059588979619</c:v>
                </c:pt>
                <c:pt idx="794">
                  <c:v>1.8861168446558283</c:v>
                </c:pt>
                <c:pt idx="795">
                  <c:v>1.7607466570941308</c:v>
                </c:pt>
                <c:pt idx="796">
                  <c:v>1.8236112357533787</c:v>
                </c:pt>
                <c:pt idx="797">
                  <c:v>1.9000269227317506</c:v>
                </c:pt>
                <c:pt idx="798">
                  <c:v>1.899084627120156</c:v>
                </c:pt>
                <c:pt idx="799">
                  <c:v>1.7970923449699274</c:v>
                </c:pt>
                <c:pt idx="800">
                  <c:v>1.7970923449699274</c:v>
                </c:pt>
                <c:pt idx="801">
                  <c:v>1.7183433545723688</c:v>
                </c:pt>
                <c:pt idx="802">
                  <c:v>1.721574082383551</c:v>
                </c:pt>
                <c:pt idx="803">
                  <c:v>1.7357982589966716</c:v>
                </c:pt>
                <c:pt idx="804">
                  <c:v>1.6504980705375494</c:v>
                </c:pt>
                <c:pt idx="805">
                  <c:v>1.6667414520326584</c:v>
                </c:pt>
                <c:pt idx="806">
                  <c:v>1.7691824463788848</c:v>
                </c:pt>
                <c:pt idx="807">
                  <c:v>1.7890155254419735</c:v>
                </c:pt>
                <c:pt idx="808">
                  <c:v>1.8271560621017597</c:v>
                </c:pt>
                <c:pt idx="809">
                  <c:v>1.8358162074845108</c:v>
                </c:pt>
                <c:pt idx="810">
                  <c:v>1.8484698914116398</c:v>
                </c:pt>
                <c:pt idx="811">
                  <c:v>1.9133536749528761</c:v>
                </c:pt>
                <c:pt idx="812">
                  <c:v>1.952077537467459</c:v>
                </c:pt>
                <c:pt idx="813">
                  <c:v>1.9452571120882971</c:v>
                </c:pt>
                <c:pt idx="814">
                  <c:v>1.9365969667055456</c:v>
                </c:pt>
                <c:pt idx="815">
                  <c:v>1.8947321188189803</c:v>
                </c:pt>
                <c:pt idx="816">
                  <c:v>1.9050076281073229</c:v>
                </c:pt>
                <c:pt idx="817">
                  <c:v>1.8206048640401957</c:v>
                </c:pt>
                <c:pt idx="818">
                  <c:v>1.8019384366867004</c:v>
                </c:pt>
                <c:pt idx="819">
                  <c:v>1.6845553262137583</c:v>
                </c:pt>
                <c:pt idx="820">
                  <c:v>1.7414520326662397</c:v>
                </c:pt>
                <c:pt idx="821">
                  <c:v>1.7694965449160827</c:v>
                </c:pt>
                <c:pt idx="822">
                  <c:v>1.7692721888180842</c:v>
                </c:pt>
                <c:pt idx="823">
                  <c:v>1.8312393430853371</c:v>
                </c:pt>
                <c:pt idx="824">
                  <c:v>1.8312393430853371</c:v>
                </c:pt>
                <c:pt idx="825">
                  <c:v>1.8846809656286378</c:v>
                </c:pt>
                <c:pt idx="826">
                  <c:v>1.8616171587543673</c:v>
                </c:pt>
                <c:pt idx="827">
                  <c:v>1.8666427353495392</c:v>
                </c:pt>
                <c:pt idx="828">
                  <c:v>1.8666427353495392</c:v>
                </c:pt>
                <c:pt idx="829">
                  <c:v>1.8185856591582086</c:v>
                </c:pt>
                <c:pt idx="830">
                  <c:v>1.8219958718477898</c:v>
                </c:pt>
                <c:pt idx="831">
                  <c:v>1.7387597594902564</c:v>
                </c:pt>
                <c:pt idx="832">
                  <c:v>1.726913757515923</c:v>
                </c:pt>
                <c:pt idx="833">
                  <c:v>1.7856053127523941</c:v>
                </c:pt>
                <c:pt idx="834">
                  <c:v>1.8122139459750453</c:v>
                </c:pt>
                <c:pt idx="835">
                  <c:v>1.8499955128780337</c:v>
                </c:pt>
                <c:pt idx="836">
                  <c:v>1.7794130844476292</c:v>
                </c:pt>
                <c:pt idx="837">
                  <c:v>1.7904065332495676</c:v>
                </c:pt>
                <c:pt idx="838">
                  <c:v>1.6881001525621406</c:v>
                </c:pt>
                <c:pt idx="839">
                  <c:v>1.6373956744144249</c:v>
                </c:pt>
                <c:pt idx="840">
                  <c:v>1.5592748810912629</c:v>
                </c:pt>
                <c:pt idx="841">
                  <c:v>1.5803643543031445</c:v>
                </c:pt>
                <c:pt idx="842">
                  <c:v>1.4099883334828989</c:v>
                </c:pt>
                <c:pt idx="843">
                  <c:v>1.5171408058870983</c:v>
                </c:pt>
                <c:pt idx="844">
                  <c:v>1.4335457237727667</c:v>
                </c:pt>
                <c:pt idx="845">
                  <c:v>1.578434891860355</c:v>
                </c:pt>
                <c:pt idx="846">
                  <c:v>1.578434891860355</c:v>
                </c:pt>
                <c:pt idx="847">
                  <c:v>1.6291393700080712</c:v>
                </c:pt>
                <c:pt idx="848">
                  <c:v>1.6711388315534363</c:v>
                </c:pt>
                <c:pt idx="849">
                  <c:v>1.7052409584492452</c:v>
                </c:pt>
                <c:pt idx="850">
                  <c:v>1.6693888539890458</c:v>
                </c:pt>
                <c:pt idx="851">
                  <c:v>1.7406892219330463</c:v>
                </c:pt>
                <c:pt idx="852">
                  <c:v>1.645966077357977</c:v>
                </c:pt>
                <c:pt idx="853">
                  <c:v>1.6458314636991775</c:v>
                </c:pt>
                <c:pt idx="854">
                  <c:v>1.65076729785515</c:v>
                </c:pt>
                <c:pt idx="855">
                  <c:v>1.721125370187556</c:v>
                </c:pt>
                <c:pt idx="856">
                  <c:v>1.7732657273624635</c:v>
                </c:pt>
                <c:pt idx="857">
                  <c:v>1.8084896347482666</c:v>
                </c:pt>
                <c:pt idx="858">
                  <c:v>1.7738490532172606</c:v>
                </c:pt>
                <c:pt idx="859">
                  <c:v>1.7493044960961983</c:v>
                </c:pt>
                <c:pt idx="860">
                  <c:v>1.8179574620838137</c:v>
                </c:pt>
                <c:pt idx="861">
                  <c:v>1.7952974961859405</c:v>
                </c:pt>
                <c:pt idx="862">
                  <c:v>1.8604056358251757</c:v>
                </c:pt>
                <c:pt idx="863">
                  <c:v>1.8624248407071646</c:v>
                </c:pt>
                <c:pt idx="864">
                  <c:v>1.8990397559005596</c:v>
                </c:pt>
                <c:pt idx="865">
                  <c:v>1.916629273983661</c:v>
                </c:pt>
                <c:pt idx="866">
                  <c:v>1.9247958359508148</c:v>
                </c:pt>
                <c:pt idx="867">
                  <c:v>1.9387956564659361</c:v>
                </c:pt>
                <c:pt idx="868">
                  <c:v>1.9415328008615207</c:v>
                </c:pt>
                <c:pt idx="869">
                  <c:v>1.8488288611684398</c:v>
                </c:pt>
                <c:pt idx="870">
                  <c:v>1.893744951987788</c:v>
                </c:pt>
                <c:pt idx="871">
                  <c:v>1.856277483621998</c:v>
                </c:pt>
                <c:pt idx="872">
                  <c:v>1.8999820515121533</c:v>
                </c:pt>
                <c:pt idx="873">
                  <c:v>1.8257201830745693</c:v>
                </c:pt>
                <c:pt idx="874">
                  <c:v>1.7760477429776476</c:v>
                </c:pt>
                <c:pt idx="875">
                  <c:v>1.692228304765317</c:v>
                </c:pt>
                <c:pt idx="876">
                  <c:v>1.7984833527775219</c:v>
                </c:pt>
                <c:pt idx="877">
                  <c:v>1.7899129498339699</c:v>
                </c:pt>
                <c:pt idx="878">
                  <c:v>1.794534685452744</c:v>
                </c:pt>
                <c:pt idx="879">
                  <c:v>1.7815669029884167</c:v>
                </c:pt>
                <c:pt idx="880">
                  <c:v>1.6927667594005142</c:v>
                </c:pt>
                <c:pt idx="881">
                  <c:v>1.7789643722516315</c:v>
                </c:pt>
                <c:pt idx="882">
                  <c:v>1.6396392353944123</c:v>
                </c:pt>
                <c:pt idx="883">
                  <c:v>1.6468186305303725</c:v>
                </c:pt>
                <c:pt idx="884">
                  <c:v>1.6838373867001653</c:v>
                </c:pt>
                <c:pt idx="885">
                  <c:v>1.7476442609710077</c:v>
                </c:pt>
                <c:pt idx="886">
                  <c:v>1.755765951718562</c:v>
                </c:pt>
                <c:pt idx="887">
                  <c:v>1.7264201741003262</c:v>
                </c:pt>
                <c:pt idx="888">
                  <c:v>1.7125549672440039</c:v>
                </c:pt>
                <c:pt idx="889">
                  <c:v>1.7357085165574739</c:v>
                </c:pt>
                <c:pt idx="890">
                  <c:v>1.8167459391546195</c:v>
                </c:pt>
                <c:pt idx="891">
                  <c:v>1.8432199587184712</c:v>
                </c:pt>
                <c:pt idx="892">
                  <c:v>1.8796105178138678</c:v>
                </c:pt>
                <c:pt idx="893">
                  <c:v>1.8917257471058</c:v>
                </c:pt>
                <c:pt idx="894">
                  <c:v>1.8796105178138678</c:v>
                </c:pt>
                <c:pt idx="895">
                  <c:v>1.8959436417481763</c:v>
                </c:pt>
                <c:pt idx="896">
                  <c:v>1.8482455353136436</c:v>
                </c:pt>
                <c:pt idx="897">
                  <c:v>1.8505339675132308</c:v>
                </c:pt>
                <c:pt idx="898">
                  <c:v>1.8082652786502678</c:v>
                </c:pt>
                <c:pt idx="899">
                  <c:v>1.7888809117831763</c:v>
                </c:pt>
                <c:pt idx="900">
                  <c:v>1.8097460288970595</c:v>
                </c:pt>
                <c:pt idx="901">
                  <c:v>1.8785336085434743</c:v>
                </c:pt>
                <c:pt idx="902">
                  <c:v>1.8965269676029735</c:v>
                </c:pt>
                <c:pt idx="903">
                  <c:v>1.9131293188548804</c:v>
                </c:pt>
                <c:pt idx="904">
                  <c:v>1.935116216458757</c:v>
                </c:pt>
                <c:pt idx="905">
                  <c:v>1.9142510993448738</c:v>
                </c:pt>
                <c:pt idx="906">
                  <c:v>1.897603876873367</c:v>
                </c:pt>
                <c:pt idx="907">
                  <c:v>1.9250201920488133</c:v>
                </c:pt>
                <c:pt idx="908">
                  <c:v>1.9470070896526903</c:v>
                </c:pt>
                <c:pt idx="909">
                  <c:v>1.8639055909539559</c:v>
                </c:pt>
                <c:pt idx="910">
                  <c:v>2.0453199317957398</c:v>
                </c:pt>
                <c:pt idx="911">
                  <c:v>2.112537018756163</c:v>
                </c:pt>
                <c:pt idx="912">
                  <c:v>2.1487929641927597</c:v>
                </c:pt>
                <c:pt idx="913">
                  <c:v>2.1497352598043546</c:v>
                </c:pt>
                <c:pt idx="914">
                  <c:v>2.096876963115851</c:v>
                </c:pt>
                <c:pt idx="915">
                  <c:v>2.1285111729336736</c:v>
                </c:pt>
                <c:pt idx="916">
                  <c:v>2.1250560890244929</c:v>
                </c:pt>
                <c:pt idx="917">
                  <c:v>2.1596069281162995</c:v>
                </c:pt>
                <c:pt idx="918">
                  <c:v>2.1635555954410775</c:v>
                </c:pt>
                <c:pt idx="919">
                  <c:v>2.1421520236919971</c:v>
                </c:pt>
                <c:pt idx="920">
                  <c:v>2.2079332316252285</c:v>
                </c:pt>
                <c:pt idx="921">
                  <c:v>2.2650991653953083</c:v>
                </c:pt>
                <c:pt idx="922">
                  <c:v>2.2952526249663396</c:v>
                </c:pt>
                <c:pt idx="923">
                  <c:v>2.2987525800951203</c:v>
                </c:pt>
                <c:pt idx="924">
                  <c:v>2.2439199497442273</c:v>
                </c:pt>
                <c:pt idx="925">
                  <c:v>2.2060935116216394</c:v>
                </c:pt>
                <c:pt idx="926">
                  <c:v>2.2140357174907948</c:v>
                </c:pt>
                <c:pt idx="927">
                  <c:v>2.1854976218253546</c:v>
                </c:pt>
                <c:pt idx="928">
                  <c:v>2.2824643273804117</c:v>
                </c:pt>
                <c:pt idx="929">
                  <c:v>2.2216189536031528</c:v>
                </c:pt>
                <c:pt idx="930">
                  <c:v>2.2572915731849528</c:v>
                </c:pt>
                <c:pt idx="931">
                  <c:v>2.2261060755631275</c:v>
                </c:pt>
                <c:pt idx="932">
                  <c:v>2.1414789553980014</c:v>
                </c:pt>
                <c:pt idx="933">
                  <c:v>2.081441263573538</c:v>
                </c:pt>
                <c:pt idx="934">
                  <c:v>2.1952346764785009</c:v>
                </c:pt>
                <c:pt idx="935">
                  <c:v>2.131338059768459</c:v>
                </c:pt>
                <c:pt idx="936">
                  <c:v>2.1087229650901858</c:v>
                </c:pt>
                <c:pt idx="937">
                  <c:v>2.0411020371533648</c:v>
                </c:pt>
                <c:pt idx="938">
                  <c:v>1.9971282419456111</c:v>
                </c:pt>
                <c:pt idx="939">
                  <c:v>2.0206856322354794</c:v>
                </c:pt>
                <c:pt idx="940">
                  <c:v>2.0154805707619086</c:v>
                </c:pt>
                <c:pt idx="941">
                  <c:v>2.0191151395494882</c:v>
                </c:pt>
                <c:pt idx="942">
                  <c:v>2.0708516557479983</c:v>
                </c:pt>
                <c:pt idx="943">
                  <c:v>2.0104101229471367</c:v>
                </c:pt>
                <c:pt idx="944">
                  <c:v>1.9879745131472624</c:v>
                </c:pt>
                <c:pt idx="945">
                  <c:v>1.8992641119985594</c:v>
                </c:pt>
                <c:pt idx="946">
                  <c:v>1.9004756349277527</c:v>
                </c:pt>
                <c:pt idx="947">
                  <c:v>1.8792515480570717</c:v>
                </c:pt>
                <c:pt idx="948">
                  <c:v>1.9549044243022475</c:v>
                </c:pt>
                <c:pt idx="949">
                  <c:v>1.8693350085255269</c:v>
                </c:pt>
                <c:pt idx="950">
                  <c:v>1.8861617158754327</c:v>
                </c:pt>
                <c:pt idx="951">
                  <c:v>1.9173920847168575</c:v>
                </c:pt>
                <c:pt idx="952">
                  <c:v>1.8446558377456652</c:v>
                </c:pt>
                <c:pt idx="953">
                  <c:v>1.741900744862241</c:v>
                </c:pt>
                <c:pt idx="954">
                  <c:v>1.6596517993359017</c:v>
                </c:pt>
                <c:pt idx="955">
                  <c:v>1.6637799515390785</c:v>
                </c:pt>
                <c:pt idx="956">
                  <c:v>1.651350623709948</c:v>
                </c:pt>
                <c:pt idx="957">
                  <c:v>1.6714080588710356</c:v>
                </c:pt>
                <c:pt idx="958">
                  <c:v>1.6714080588710356</c:v>
                </c:pt>
                <c:pt idx="959">
                  <c:v>1.7035807233240559</c:v>
                </c:pt>
                <c:pt idx="960">
                  <c:v>1.6989141164856822</c:v>
                </c:pt>
                <c:pt idx="961">
                  <c:v>1.7245804540967384</c:v>
                </c:pt>
                <c:pt idx="962">
                  <c:v>1.7378174638786641</c:v>
                </c:pt>
                <c:pt idx="963">
                  <c:v>1.7845284034820024</c:v>
                </c:pt>
                <c:pt idx="964">
                  <c:v>1.6971192677016922</c:v>
                </c:pt>
                <c:pt idx="965">
                  <c:v>1.6917347213497225</c:v>
                </c:pt>
                <c:pt idx="966">
                  <c:v>1.7268688862963257</c:v>
                </c:pt>
                <c:pt idx="967">
                  <c:v>1.6764336354662084</c:v>
                </c:pt>
                <c:pt idx="968">
                  <c:v>1.6662478686170656</c:v>
                </c:pt>
                <c:pt idx="969">
                  <c:v>1.5771336264919649</c:v>
                </c:pt>
                <c:pt idx="970">
                  <c:v>1.5665888898860238</c:v>
                </c:pt>
                <c:pt idx="971">
                  <c:v>1.5517813874181066</c:v>
                </c:pt>
                <c:pt idx="972">
                  <c:v>1.6044153280086118</c:v>
                </c:pt>
                <c:pt idx="973">
                  <c:v>1.6921385623261203</c:v>
                </c:pt>
                <c:pt idx="974">
                  <c:v>1.6700619222830442</c:v>
                </c:pt>
                <c:pt idx="975">
                  <c:v>1.5859283855335153</c:v>
                </c:pt>
                <c:pt idx="976">
                  <c:v>1.4952436507224234</c:v>
                </c:pt>
                <c:pt idx="977">
                  <c:v>1.5338777707978068</c:v>
                </c:pt>
                <c:pt idx="978">
                  <c:v>1.5819797182087374</c:v>
                </c:pt>
                <c:pt idx="979">
                  <c:v>1.5584223279188691</c:v>
                </c:pt>
                <c:pt idx="980">
                  <c:v>1.5389930898321782</c:v>
                </c:pt>
                <c:pt idx="981">
                  <c:v>1.4553531364982466</c:v>
                </c:pt>
                <c:pt idx="982">
                  <c:v>1.4455712106255016</c:v>
                </c:pt>
                <c:pt idx="983">
                  <c:v>1.4487570672170835</c:v>
                </c:pt>
                <c:pt idx="984">
                  <c:v>1.4741093062909414</c:v>
                </c:pt>
                <c:pt idx="985">
                  <c:v>1.4339944359687662</c:v>
                </c:pt>
                <c:pt idx="986">
                  <c:v>1.392802656376197</c:v>
                </c:pt>
                <c:pt idx="987">
                  <c:v>1.4068024768913183</c:v>
                </c:pt>
                <c:pt idx="988">
                  <c:v>1.4848335277752813</c:v>
                </c:pt>
                <c:pt idx="989">
                  <c:v>1.5098267970923414</c:v>
                </c:pt>
                <c:pt idx="990">
                  <c:v>1.5060576146459623</c:v>
                </c:pt>
                <c:pt idx="991">
                  <c:v>1.4444494301355073</c:v>
                </c:pt>
                <c:pt idx="992">
                  <c:v>1.4391097550031371</c:v>
                </c:pt>
                <c:pt idx="993">
                  <c:v>1.4912052409584451</c:v>
                </c:pt>
                <c:pt idx="994">
                  <c:v>1.5299291034730285</c:v>
                </c:pt>
                <c:pt idx="995">
                  <c:v>1.4984295073140048</c:v>
                </c:pt>
                <c:pt idx="996">
                  <c:v>1.4751862155613349</c:v>
                </c:pt>
                <c:pt idx="997">
                  <c:v>1.4411738311047255</c:v>
                </c:pt>
                <c:pt idx="998">
                  <c:v>1.4018217715157459</c:v>
                </c:pt>
                <c:pt idx="999">
                  <c:v>1.3067396571838783</c:v>
                </c:pt>
                <c:pt idx="1000">
                  <c:v>1.3305662747913449</c:v>
                </c:pt>
                <c:pt idx="1001">
                  <c:v>1.2757336444404519</c:v>
                </c:pt>
                <c:pt idx="1002">
                  <c:v>1.1733375213138255</c:v>
                </c:pt>
                <c:pt idx="1003">
                  <c:v>1.2270932423943242</c:v>
                </c:pt>
                <c:pt idx="1004">
                  <c:v>1.300547428879113</c:v>
                </c:pt>
                <c:pt idx="1005">
                  <c:v>1.3508929372700313</c:v>
                </c:pt>
                <c:pt idx="1006">
                  <c:v>1.1724849681414304</c:v>
                </c:pt>
                <c:pt idx="1007">
                  <c:v>1.2089203984564261</c:v>
                </c:pt>
                <c:pt idx="1008">
                  <c:v>1.0599479493852604</c:v>
                </c:pt>
                <c:pt idx="1009">
                  <c:v>1.1727541954590284</c:v>
                </c:pt>
                <c:pt idx="1010">
                  <c:v>1.380642555864664</c:v>
                </c:pt>
                <c:pt idx="1011">
                  <c:v>1.3126626581710448</c:v>
                </c:pt>
                <c:pt idx="1012">
                  <c:v>1.2252983936103341</c:v>
                </c:pt>
                <c:pt idx="1013">
                  <c:v>1.2364713272906718</c:v>
                </c:pt>
                <c:pt idx="1014">
                  <c:v>1.3255855694157725</c:v>
                </c:pt>
                <c:pt idx="1015">
                  <c:v>1.2786502737144354</c:v>
                </c:pt>
                <c:pt idx="1016">
                  <c:v>1.0653324957372305</c:v>
                </c:pt>
                <c:pt idx="1017">
                  <c:v>1.2229650901911473</c:v>
                </c:pt>
                <c:pt idx="1018">
                  <c:v>1.2344969936282828</c:v>
                </c:pt>
                <c:pt idx="1019">
                  <c:v>1.0705824284304009</c:v>
                </c:pt>
                <c:pt idx="1020">
                  <c:v>0.99753208292201023</c:v>
                </c:pt>
                <c:pt idx="1021">
                  <c:v>0.88907834514941775</c:v>
                </c:pt>
                <c:pt idx="1022">
                  <c:v>0.80108588351431065</c:v>
                </c:pt>
                <c:pt idx="1023">
                  <c:v>0.73171497801309915</c:v>
                </c:pt>
                <c:pt idx="1024">
                  <c:v>0.66382482275867938</c:v>
                </c:pt>
                <c:pt idx="1025">
                  <c:v>0.59781925872744912</c:v>
                </c:pt>
                <c:pt idx="1026">
                  <c:v>0.83204702503813688</c:v>
                </c:pt>
                <c:pt idx="1027">
                  <c:v>0.86525172754195068</c:v>
                </c:pt>
                <c:pt idx="1028">
                  <c:v>0.65274163151754117</c:v>
                </c:pt>
                <c:pt idx="1029">
                  <c:v>0.63515211343443978</c:v>
                </c:pt>
                <c:pt idx="1030">
                  <c:v>0.63326752221125027</c:v>
                </c:pt>
                <c:pt idx="1031">
                  <c:v>0.76976577223368547</c:v>
                </c:pt>
                <c:pt idx="1032">
                  <c:v>0.75190702683298549</c:v>
                </c:pt>
                <c:pt idx="1033">
                  <c:v>0.57358880014358449</c:v>
                </c:pt>
                <c:pt idx="1034">
                  <c:v>0.51745490442429887</c:v>
                </c:pt>
                <c:pt idx="1035">
                  <c:v>0.41259086421968627</c:v>
                </c:pt>
                <c:pt idx="1036">
                  <c:v>0.32078434891860064</c:v>
                </c:pt>
                <c:pt idx="1037">
                  <c:v>0.49807053755720743</c:v>
                </c:pt>
                <c:pt idx="1038">
                  <c:v>0.56353764695324071</c:v>
                </c:pt>
                <c:pt idx="1039">
                  <c:v>0.6803374315713866</c:v>
                </c:pt>
                <c:pt idx="1040">
                  <c:v>0.67172215740823482</c:v>
                </c:pt>
                <c:pt idx="1041">
                  <c:v>0.71627927847078521</c:v>
                </c:pt>
                <c:pt idx="1042">
                  <c:v>0.80624607376828106</c:v>
                </c:pt>
                <c:pt idx="1043">
                  <c:v>0.69545903257650177</c:v>
                </c:pt>
                <c:pt idx="1044">
                  <c:v>0.63156241586645989</c:v>
                </c:pt>
                <c:pt idx="1045">
                  <c:v>0.64520326662478333</c:v>
                </c:pt>
                <c:pt idx="1046">
                  <c:v>0.65018397200035549</c:v>
                </c:pt>
                <c:pt idx="1047">
                  <c:v>0.67194651350623347</c:v>
                </c:pt>
                <c:pt idx="1048">
                  <c:v>0.54235843130215944</c:v>
                </c:pt>
                <c:pt idx="1049">
                  <c:v>0.61504980705375223</c:v>
                </c:pt>
                <c:pt idx="1050">
                  <c:v>0.60589607825540348</c:v>
                </c:pt>
                <c:pt idx="1051">
                  <c:v>0.60266535044422143</c:v>
                </c:pt>
                <c:pt idx="1052">
                  <c:v>0.52983936103382945</c:v>
                </c:pt>
                <c:pt idx="1053">
                  <c:v>0.498878219510003</c:v>
                </c:pt>
                <c:pt idx="1054">
                  <c:v>0.498878219510003</c:v>
                </c:pt>
                <c:pt idx="1055">
                  <c:v>0.40222561249214439</c:v>
                </c:pt>
                <c:pt idx="1056">
                  <c:v>0.53405725567620599</c:v>
                </c:pt>
                <c:pt idx="1057">
                  <c:v>0.5620568967064492</c:v>
                </c:pt>
                <c:pt idx="1058">
                  <c:v>0.63640850758323264</c:v>
                </c:pt>
                <c:pt idx="1059">
                  <c:v>0.62487660414609736</c:v>
                </c:pt>
                <c:pt idx="1060">
                  <c:v>0.64206228125280096</c:v>
                </c:pt>
                <c:pt idx="1061">
                  <c:v>0.55882616889526737</c:v>
                </c:pt>
                <c:pt idx="1062">
                  <c:v>0.57049268599120184</c:v>
                </c:pt>
                <c:pt idx="1063">
                  <c:v>0.58377456699272767</c:v>
                </c:pt>
                <c:pt idx="1064">
                  <c:v>0.57619133088037011</c:v>
                </c:pt>
                <c:pt idx="1065">
                  <c:v>0.58606299919231497</c:v>
                </c:pt>
                <c:pt idx="1066">
                  <c:v>0.71784977115677684</c:v>
                </c:pt>
                <c:pt idx="1067">
                  <c:v>0.7036704657632562</c:v>
                </c:pt>
                <c:pt idx="1068">
                  <c:v>0.75015704926859561</c:v>
                </c:pt>
                <c:pt idx="1069">
                  <c:v>0.72839450776271741</c:v>
                </c:pt>
                <c:pt idx="1070">
                  <c:v>0.76671452930090256</c:v>
                </c:pt>
                <c:pt idx="1071">
                  <c:v>0.71946513506236731</c:v>
                </c:pt>
                <c:pt idx="1072">
                  <c:v>0.79453468545274686</c:v>
                </c:pt>
                <c:pt idx="1073">
                  <c:v>0.79247060935115843</c:v>
                </c:pt>
                <c:pt idx="1074">
                  <c:v>0.77402853809566174</c:v>
                </c:pt>
                <c:pt idx="1075">
                  <c:v>0.75585569415776366</c:v>
                </c:pt>
                <c:pt idx="1076">
                  <c:v>0.68796553890334389</c:v>
                </c:pt>
                <c:pt idx="1077">
                  <c:v>0.63645337880283259</c:v>
                </c:pt>
                <c:pt idx="1078">
                  <c:v>0.63645337880283259</c:v>
                </c:pt>
                <c:pt idx="1079">
                  <c:v>0.65413263932513366</c:v>
                </c:pt>
                <c:pt idx="1080">
                  <c:v>0.66292739836668413</c:v>
                </c:pt>
                <c:pt idx="1081">
                  <c:v>0.68491429597056097</c:v>
                </c:pt>
                <c:pt idx="1082">
                  <c:v>0.68491429597056097</c:v>
                </c:pt>
                <c:pt idx="1083">
                  <c:v>0.80579736157228399</c:v>
                </c:pt>
                <c:pt idx="1084">
                  <c:v>0.86296329534236382</c:v>
                </c:pt>
                <c:pt idx="1085">
                  <c:v>0.89859104370456411</c:v>
                </c:pt>
                <c:pt idx="1086">
                  <c:v>0.83164318406173909</c:v>
                </c:pt>
                <c:pt idx="1087">
                  <c:v>0.8841425109934451</c:v>
                </c:pt>
                <c:pt idx="1088">
                  <c:v>0.8658350533967476</c:v>
                </c:pt>
                <c:pt idx="1089">
                  <c:v>0.76806066588889532</c:v>
                </c:pt>
                <c:pt idx="1090">
                  <c:v>0.77438750785246002</c:v>
                </c:pt>
                <c:pt idx="1091">
                  <c:v>0.7042537916180529</c:v>
                </c:pt>
                <c:pt idx="1092">
                  <c:v>0.75675311854975891</c:v>
                </c:pt>
                <c:pt idx="1093">
                  <c:v>0.765278650273711</c:v>
                </c:pt>
                <c:pt idx="1094">
                  <c:v>0.74225971461903995</c:v>
                </c:pt>
                <c:pt idx="1095">
                  <c:v>0.67244009692183115</c:v>
                </c:pt>
                <c:pt idx="1096">
                  <c:v>0.72942654581351185</c:v>
                </c:pt>
                <c:pt idx="1097">
                  <c:v>0.70034999551287469</c:v>
                </c:pt>
                <c:pt idx="1098">
                  <c:v>0.71102934577761512</c:v>
                </c:pt>
                <c:pt idx="1099">
                  <c:v>0.72794579556672034</c:v>
                </c:pt>
                <c:pt idx="1100">
                  <c:v>0.73642645607107271</c:v>
                </c:pt>
                <c:pt idx="1101">
                  <c:v>0.80503455083908815</c:v>
                </c:pt>
                <c:pt idx="1102">
                  <c:v>0.77860540249483612</c:v>
                </c:pt>
                <c:pt idx="1103">
                  <c:v>0.763438930270121</c:v>
                </c:pt>
                <c:pt idx="1104">
                  <c:v>0.73499057704388027</c:v>
                </c:pt>
                <c:pt idx="1105">
                  <c:v>0.78345149421160865</c:v>
                </c:pt>
                <c:pt idx="1106">
                  <c:v>0.80063717131831247</c:v>
                </c:pt>
                <c:pt idx="1107">
                  <c:v>0.84456609530646642</c:v>
                </c:pt>
                <c:pt idx="1108">
                  <c:v>0.91846899398725257</c:v>
                </c:pt>
                <c:pt idx="1109">
                  <c:v>0.8890783451494173</c:v>
                </c:pt>
                <c:pt idx="1110">
                  <c:v>0.84900834604684161</c:v>
                </c:pt>
                <c:pt idx="1111">
                  <c:v>0.83276496455173254</c:v>
                </c:pt>
                <c:pt idx="1112">
                  <c:v>0.81728439378981932</c:v>
                </c:pt>
                <c:pt idx="1113">
                  <c:v>0.86991833438032429</c:v>
                </c:pt>
                <c:pt idx="1114">
                  <c:v>0.8774566992730819</c:v>
                </c:pt>
                <c:pt idx="1115">
                  <c:v>0.78793861617158334</c:v>
                </c:pt>
                <c:pt idx="1116">
                  <c:v>0.78022076640042659</c:v>
                </c:pt>
                <c:pt idx="1117">
                  <c:v>0.78273355469801253</c:v>
                </c:pt>
                <c:pt idx="1118">
                  <c:v>0.73714439558466793</c:v>
                </c:pt>
                <c:pt idx="1119">
                  <c:v>0.71547159651798942</c:v>
                </c:pt>
                <c:pt idx="1120">
                  <c:v>0.71318316431840212</c:v>
                </c:pt>
                <c:pt idx="1121">
                  <c:v>0.71331777797720131</c:v>
                </c:pt>
                <c:pt idx="1122">
                  <c:v>0.62586377097729118</c:v>
                </c:pt>
                <c:pt idx="1123">
                  <c:v>0.63631876514403274</c:v>
                </c:pt>
                <c:pt idx="1124">
                  <c:v>0.72314457506954644</c:v>
                </c:pt>
                <c:pt idx="1125">
                  <c:v>0.67674773400340649</c:v>
                </c:pt>
                <c:pt idx="1126">
                  <c:v>0.66494660324867261</c:v>
                </c:pt>
                <c:pt idx="1127">
                  <c:v>0.64861347931436408</c:v>
                </c:pt>
                <c:pt idx="1128">
                  <c:v>0.74073409315264804</c:v>
                </c:pt>
                <c:pt idx="1129">
                  <c:v>0.74118280534864556</c:v>
                </c:pt>
                <c:pt idx="1130">
                  <c:v>0.75675311854975846</c:v>
                </c:pt>
                <c:pt idx="1131">
                  <c:v>0.75065063268419263</c:v>
                </c:pt>
                <c:pt idx="1132">
                  <c:v>0.73234317508749536</c:v>
                </c:pt>
                <c:pt idx="1133">
                  <c:v>0.77286188638606856</c:v>
                </c:pt>
                <c:pt idx="1134">
                  <c:v>0.80122049717310961</c:v>
                </c:pt>
                <c:pt idx="1135">
                  <c:v>0.81517544646863138</c:v>
                </c:pt>
                <c:pt idx="1136">
                  <c:v>0.79825899667952616</c:v>
                </c:pt>
                <c:pt idx="1137">
                  <c:v>0.90424481737413243</c:v>
                </c:pt>
                <c:pt idx="1138">
                  <c:v>0.86103383289957458</c:v>
                </c:pt>
                <c:pt idx="1139">
                  <c:v>0.87557210804989327</c:v>
                </c:pt>
                <c:pt idx="1140">
                  <c:v>0.91097550031409491</c:v>
                </c:pt>
                <c:pt idx="1141">
                  <c:v>0.88041819976666602</c:v>
                </c:pt>
                <c:pt idx="1142">
                  <c:v>0.82414969038858121</c:v>
                </c:pt>
                <c:pt idx="1143">
                  <c:v>0.8363546621197131</c:v>
                </c:pt>
                <c:pt idx="1144">
                  <c:v>0.88351431391904889</c:v>
                </c:pt>
                <c:pt idx="1145">
                  <c:v>0.96248766041460665</c:v>
                </c:pt>
                <c:pt idx="1146">
                  <c:v>0.99183343803284219</c:v>
                </c:pt>
                <c:pt idx="1147">
                  <c:v>0.98182715606209836</c:v>
                </c:pt>
                <c:pt idx="1148">
                  <c:v>0.96643632773938437</c:v>
                </c:pt>
                <c:pt idx="1149">
                  <c:v>0.98245535313649479</c:v>
                </c:pt>
                <c:pt idx="1150">
                  <c:v>1.0433455981333535</c:v>
                </c:pt>
                <c:pt idx="1151">
                  <c:v>1.0636722606120399</c:v>
                </c:pt>
                <c:pt idx="1152">
                  <c:v>1.0379610517813838</c:v>
                </c:pt>
                <c:pt idx="1153">
                  <c:v>1.0314098537198202</c:v>
                </c:pt>
                <c:pt idx="1154">
                  <c:v>1.0651530108588312</c:v>
                </c:pt>
                <c:pt idx="1155">
                  <c:v>1.0541146908372929</c:v>
                </c:pt>
                <c:pt idx="1156">
                  <c:v>0.99376290047563098</c:v>
                </c:pt>
                <c:pt idx="1157">
                  <c:v>1.0141793053935166</c:v>
                </c:pt>
                <c:pt idx="1158">
                  <c:v>1.0551467288880874</c:v>
                </c:pt>
                <c:pt idx="1159">
                  <c:v>1.0986718118998433</c:v>
                </c:pt>
                <c:pt idx="1160">
                  <c:v>1.0559544108408825</c:v>
                </c:pt>
                <c:pt idx="1161">
                  <c:v>1.0560441532800819</c:v>
                </c:pt>
                <c:pt idx="1162">
                  <c:v>1.1190882168177287</c:v>
                </c:pt>
                <c:pt idx="1163">
                  <c:v>1.1219151036525132</c:v>
                </c:pt>
                <c:pt idx="1164">
                  <c:v>1.2616889527057302</c:v>
                </c:pt>
                <c:pt idx="1165">
                  <c:v>1.2735798258996636</c:v>
                </c:pt>
                <c:pt idx="1166">
                  <c:v>1.3108229381674548</c:v>
                </c:pt>
                <c:pt idx="1167">
                  <c:v>1.2461635107242168</c:v>
                </c:pt>
                <c:pt idx="1168">
                  <c:v>1.3061563313290807</c:v>
                </c:pt>
                <c:pt idx="1169">
                  <c:v>1.287355290316786</c:v>
                </c:pt>
                <c:pt idx="1170">
                  <c:v>1.2581441263573496</c:v>
                </c:pt>
                <c:pt idx="1171">
                  <c:v>1.1842860988961634</c:v>
                </c:pt>
                <c:pt idx="1172">
                  <c:v>1.2187023243291706</c:v>
                </c:pt>
                <c:pt idx="1173">
                  <c:v>1.1990038589248808</c:v>
                </c:pt>
                <c:pt idx="1174">
                  <c:v>1.3092075742618632</c:v>
                </c:pt>
                <c:pt idx="1175">
                  <c:v>1.3039576415686924</c:v>
                </c:pt>
                <c:pt idx="1176">
                  <c:v>1.2994256483891178</c:v>
                </c:pt>
                <c:pt idx="1177">
                  <c:v>1.2474647760926088</c:v>
                </c:pt>
                <c:pt idx="1178">
                  <c:v>1.269047832720088</c:v>
                </c:pt>
                <c:pt idx="1179">
                  <c:v>1.2801758951808258</c:v>
                </c:pt>
                <c:pt idx="1180">
                  <c:v>1.3261240240509684</c:v>
                </c:pt>
                <c:pt idx="1181">
                  <c:v>1.3239253342905806</c:v>
                </c:pt>
                <c:pt idx="1182">
                  <c:v>1.3799694875706665</c:v>
                </c:pt>
                <c:pt idx="1183">
                  <c:v>1.3870142690478269</c:v>
                </c:pt>
                <c:pt idx="1184">
                  <c:v>1.4448532711119029</c:v>
                </c:pt>
                <c:pt idx="1185">
                  <c:v>1.4230009871668252</c:v>
                </c:pt>
                <c:pt idx="1186">
                  <c:v>1.3371623440725062</c:v>
                </c:pt>
                <c:pt idx="1187">
                  <c:v>1.3989500134613602</c:v>
                </c:pt>
                <c:pt idx="1188">
                  <c:v>1.393475724670191</c:v>
                </c:pt>
                <c:pt idx="1189">
                  <c:v>1.4064435071345187</c:v>
                </c:pt>
                <c:pt idx="1190">
                  <c:v>1.3852194202638377</c:v>
                </c:pt>
                <c:pt idx="1191">
                  <c:v>1.3965718388225743</c:v>
                </c:pt>
                <c:pt idx="1192">
                  <c:v>1.4032127793233373</c:v>
                </c:pt>
                <c:pt idx="1193">
                  <c:v>1.3347841694337208</c:v>
                </c:pt>
                <c:pt idx="1194">
                  <c:v>1.2976307996051291</c:v>
                </c:pt>
                <c:pt idx="1195">
                  <c:v>1.2904514044691693</c:v>
                </c:pt>
                <c:pt idx="1196">
                  <c:v>1.2840796912860051</c:v>
                </c:pt>
                <c:pt idx="1197">
                  <c:v>1.3051691644978867</c:v>
                </c:pt>
                <c:pt idx="1198">
                  <c:v>1.2208561428699589</c:v>
                </c:pt>
                <c:pt idx="1199">
                  <c:v>1.235170061922279</c:v>
                </c:pt>
                <c:pt idx="1200">
                  <c:v>1.2288432199587147</c:v>
                </c:pt>
                <c:pt idx="1201">
                  <c:v>1.3114960064614518</c:v>
                </c:pt>
                <c:pt idx="1202">
                  <c:v>1.310194741093059</c:v>
                </c:pt>
                <c:pt idx="1203">
                  <c:v>1.3394507762720949</c:v>
                </c:pt>
                <c:pt idx="1204">
                  <c:v>1.309297316701064</c:v>
                </c:pt>
                <c:pt idx="1205">
                  <c:v>1.3127972718298446</c:v>
                </c:pt>
                <c:pt idx="1206">
                  <c:v>1.2895091088575752</c:v>
                </c:pt>
                <c:pt idx="1207">
                  <c:v>1.2854706990935978</c:v>
                </c:pt>
                <c:pt idx="1208">
                  <c:v>1.2714708785784761</c:v>
                </c:pt>
                <c:pt idx="1209">
                  <c:v>1.2191510365251692</c:v>
                </c:pt>
                <c:pt idx="1210">
                  <c:v>1.2066319662568392</c:v>
                </c:pt>
                <c:pt idx="1211">
                  <c:v>1.2066319662568392</c:v>
                </c:pt>
                <c:pt idx="1212">
                  <c:v>1.2085614286996282</c:v>
                </c:pt>
                <c:pt idx="1213">
                  <c:v>1.207035807233237</c:v>
                </c:pt>
                <c:pt idx="1214">
                  <c:v>1.1929462442789158</c:v>
                </c:pt>
                <c:pt idx="1215">
                  <c:v>1.3017140805887064</c:v>
                </c:pt>
                <c:pt idx="1216">
                  <c:v>1.3296239791797499</c:v>
                </c:pt>
                <c:pt idx="1217">
                  <c:v>1.3365341469981113</c:v>
                </c:pt>
                <c:pt idx="1218">
                  <c:v>1.3850848066050392</c:v>
                </c:pt>
                <c:pt idx="1219">
                  <c:v>1.3886296329534193</c:v>
                </c:pt>
                <c:pt idx="1220">
                  <c:v>1.3814053665978596</c:v>
                </c:pt>
                <c:pt idx="1221">
                  <c:v>1.4342187920667637</c:v>
                </c:pt>
                <c:pt idx="1222">
                  <c:v>1.4435520057435114</c:v>
                </c:pt>
                <c:pt idx="1223">
                  <c:v>1.4476352867270887</c:v>
                </c:pt>
                <c:pt idx="1224">
                  <c:v>1.444180202817908</c:v>
                </c:pt>
                <c:pt idx="1225">
                  <c:v>1.4111101139728932</c:v>
                </c:pt>
                <c:pt idx="1226">
                  <c:v>1.4444943013551059</c:v>
                </c:pt>
                <c:pt idx="1227">
                  <c:v>1.4573723413802337</c:v>
                </c:pt>
                <c:pt idx="1228">
                  <c:v>1.5126536839271241</c:v>
                </c:pt>
                <c:pt idx="1229">
                  <c:v>1.5144934039307141</c:v>
                </c:pt>
                <c:pt idx="1230">
                  <c:v>1.530018845912227</c:v>
                </c:pt>
                <c:pt idx="1231">
                  <c:v>1.5017499775643852</c:v>
                </c:pt>
                <c:pt idx="1232">
                  <c:v>1.5275509288342408</c:v>
                </c:pt>
                <c:pt idx="1233">
                  <c:v>1.5500314098537151</c:v>
                </c:pt>
                <c:pt idx="1234">
                  <c:v>1.502064076101584</c:v>
                </c:pt>
                <c:pt idx="1235">
                  <c:v>1.5391725747105758</c:v>
                </c:pt>
                <c:pt idx="1236">
                  <c:v>1.5597684645068601</c:v>
                </c:pt>
                <c:pt idx="1237">
                  <c:v>1.5414161356905631</c:v>
                </c:pt>
                <c:pt idx="1238">
                  <c:v>1.4776990038589202</c:v>
                </c:pt>
                <c:pt idx="1239">
                  <c:v>1.5014807502467868</c:v>
                </c:pt>
                <c:pt idx="1240">
                  <c:v>1.5197882078434843</c:v>
                </c:pt>
                <c:pt idx="1241">
                  <c:v>1.5500762810733151</c:v>
                </c:pt>
                <c:pt idx="1242">
                  <c:v>1.5903257650542897</c:v>
                </c:pt>
                <c:pt idx="1243">
                  <c:v>1.5924347123754776</c:v>
                </c:pt>
                <c:pt idx="1244">
                  <c:v>1.5765503006371668</c:v>
                </c:pt>
                <c:pt idx="1245">
                  <c:v>1.5919860001794803</c:v>
                </c:pt>
                <c:pt idx="1246">
                  <c:v>1.5892039845642958</c:v>
                </c:pt>
                <c:pt idx="1247">
                  <c:v>1.5890693709054964</c:v>
                </c:pt>
                <c:pt idx="1248">
                  <c:v>1.5346854527506011</c:v>
                </c:pt>
                <c:pt idx="1249">
                  <c:v>1.5044422507403707</c:v>
                </c:pt>
                <c:pt idx="1250">
                  <c:v>1.4851924975320787</c:v>
                </c:pt>
                <c:pt idx="1251">
                  <c:v>1.4996410302431977</c:v>
                </c:pt>
                <c:pt idx="1252">
                  <c:v>1.5420443327649602</c:v>
                </c:pt>
                <c:pt idx="1253">
                  <c:v>1.5959795387238578</c:v>
                </c:pt>
                <c:pt idx="1254">
                  <c:v>1.598447455801844</c:v>
                </c:pt>
                <c:pt idx="1255">
                  <c:v>1.6265368392712869</c:v>
                </c:pt>
                <c:pt idx="1256">
                  <c:v>1.6189536031589293</c:v>
                </c:pt>
                <c:pt idx="1257">
                  <c:v>1.6414340841784036</c:v>
                </c:pt>
                <c:pt idx="1258">
                  <c:v>1.6592030871399044</c:v>
                </c:pt>
                <c:pt idx="1259">
                  <c:v>1.7106703760208162</c:v>
                </c:pt>
                <c:pt idx="1260">
                  <c:v>1.7028627838104602</c:v>
                </c:pt>
                <c:pt idx="1261">
                  <c:v>1.7238176433635428</c:v>
                </c:pt>
                <c:pt idx="1262">
                  <c:v>1.7339136677734865</c:v>
                </c:pt>
                <c:pt idx="1263">
                  <c:v>1.7592659068473449</c:v>
                </c:pt>
                <c:pt idx="1264">
                  <c:v>1.7145293009063955</c:v>
                </c:pt>
                <c:pt idx="1265">
                  <c:v>1.6943372520865085</c:v>
                </c:pt>
                <c:pt idx="1266">
                  <c:v>1.7082024589428308</c:v>
                </c:pt>
                <c:pt idx="1267">
                  <c:v>1.7513237009781895</c:v>
                </c:pt>
                <c:pt idx="1268">
                  <c:v>1.7476891321906098</c:v>
                </c:pt>
                <c:pt idx="1269">
                  <c:v>1.7603428161177388</c:v>
                </c:pt>
                <c:pt idx="1270">
                  <c:v>1.7128690657812045</c:v>
                </c:pt>
                <c:pt idx="1271">
                  <c:v>1.7448173741362254</c:v>
                </c:pt>
                <c:pt idx="1272">
                  <c:v>1.7985730952167245</c:v>
                </c:pt>
                <c:pt idx="1273">
                  <c:v>1.8120793323162485</c:v>
                </c:pt>
                <c:pt idx="1274">
                  <c:v>1.8106434532890567</c:v>
                </c:pt>
                <c:pt idx="1275">
                  <c:v>1.8609440904603747</c:v>
                </c:pt>
                <c:pt idx="1276">
                  <c:v>1.8749439109754964</c:v>
                </c:pt>
                <c:pt idx="1277">
                  <c:v>1.900699991025752</c:v>
                </c:pt>
                <c:pt idx="1278">
                  <c:v>1.9705196087229608</c:v>
                </c:pt>
                <c:pt idx="1279">
                  <c:v>1.9930449609620342</c:v>
                </c:pt>
                <c:pt idx="1280">
                  <c:v>1.9704747375033604</c:v>
                </c:pt>
                <c:pt idx="1281">
                  <c:v>2.0170959346674993</c:v>
                </c:pt>
                <c:pt idx="1282">
                  <c:v>1.9302252535223858</c:v>
                </c:pt>
                <c:pt idx="1283">
                  <c:v>1.9383918154895401</c:v>
                </c:pt>
                <c:pt idx="1284">
                  <c:v>1.9675132370097774</c:v>
                </c:pt>
                <c:pt idx="1285">
                  <c:v>1.9192318047204475</c:v>
                </c:pt>
                <c:pt idx="1286">
                  <c:v>1.9204433276496409</c:v>
                </c:pt>
                <c:pt idx="1287">
                  <c:v>1.8341111011397246</c:v>
                </c:pt>
                <c:pt idx="1288">
                  <c:v>1.6995423135600785</c:v>
                </c:pt>
                <c:pt idx="1289">
                  <c:v>1.8591941128959841</c:v>
                </c:pt>
                <c:pt idx="1290">
                  <c:v>1.7615992102665308</c:v>
                </c:pt>
                <c:pt idx="1291">
                  <c:v>1.8108678093870547</c:v>
                </c:pt>
                <c:pt idx="1292">
                  <c:v>1.8678093870591357</c:v>
                </c:pt>
                <c:pt idx="1293">
                  <c:v>1.9083280983577091</c:v>
                </c:pt>
                <c:pt idx="1294">
                  <c:v>1.8926680427173967</c:v>
                </c:pt>
                <c:pt idx="1295">
                  <c:v>1.9711029345777575</c:v>
                </c:pt>
                <c:pt idx="1296">
                  <c:v>1.975096473122135</c:v>
                </c:pt>
                <c:pt idx="1297">
                  <c:v>1.980839989230903</c:v>
                </c:pt>
                <c:pt idx="1298">
                  <c:v>1.8918154895450017</c:v>
                </c:pt>
                <c:pt idx="1299">
                  <c:v>1.9312124203535812</c:v>
                </c:pt>
                <c:pt idx="1300">
                  <c:v>1.9896347482724539</c:v>
                </c:pt>
                <c:pt idx="1301">
                  <c:v>2.0245445571210583</c:v>
                </c:pt>
                <c:pt idx="1302">
                  <c:v>1.984609171677282</c:v>
                </c:pt>
                <c:pt idx="1303">
                  <c:v>1.9761733823925294</c:v>
                </c:pt>
                <c:pt idx="1304">
                  <c:v>1.9761733823925294</c:v>
                </c:pt>
                <c:pt idx="1305">
                  <c:v>1.9978013102396086</c:v>
                </c:pt>
                <c:pt idx="1306">
                  <c:v>2.0205958897962812</c:v>
                </c:pt>
                <c:pt idx="1307">
                  <c:v>2.0475186215561303</c:v>
                </c:pt>
                <c:pt idx="1308">
                  <c:v>1.9790451404469138</c:v>
                </c:pt>
                <c:pt idx="1309">
                  <c:v>2.0100511531903398</c:v>
                </c:pt>
                <c:pt idx="1310">
                  <c:v>2.0083460468455492</c:v>
                </c:pt>
                <c:pt idx="1311">
                  <c:v>2.0695503903796064</c:v>
                </c:pt>
                <c:pt idx="1312">
                  <c:v>2.0787938616171551</c:v>
                </c:pt>
                <c:pt idx="1313">
                  <c:v>2.0653324957372305</c:v>
                </c:pt>
                <c:pt idx="1314">
                  <c:v>2.0334290586018091</c:v>
                </c:pt>
                <c:pt idx="1315">
                  <c:v>2.0742169972179805</c:v>
                </c:pt>
                <c:pt idx="1316">
                  <c:v>2.0390379610517773</c:v>
                </c:pt>
                <c:pt idx="1317">
                  <c:v>2.0517365161985062</c:v>
                </c:pt>
                <c:pt idx="1318">
                  <c:v>2.0839091806515255</c:v>
                </c:pt>
                <c:pt idx="1319">
                  <c:v>2.10809476801579</c:v>
                </c:pt>
                <c:pt idx="1320">
                  <c:v>2.1117742080229691</c:v>
                </c:pt>
                <c:pt idx="1321">
                  <c:v>2.110024230458579</c:v>
                </c:pt>
                <c:pt idx="1322">
                  <c:v>2.079152831373952</c:v>
                </c:pt>
                <c:pt idx="1323">
                  <c:v>2.0093780848963427</c:v>
                </c:pt>
                <c:pt idx="1324">
                  <c:v>1.9971282419456116</c:v>
                </c:pt>
                <c:pt idx="1325">
                  <c:v>1.9581351521134298</c:v>
                </c:pt>
                <c:pt idx="1326">
                  <c:v>2.0250830117562546</c:v>
                </c:pt>
                <c:pt idx="1327">
                  <c:v>2.0327559903078116</c:v>
                </c:pt>
                <c:pt idx="1328">
                  <c:v>2.0327559903078116</c:v>
                </c:pt>
                <c:pt idx="1329">
                  <c:v>2.0468006820425328</c:v>
                </c:pt>
                <c:pt idx="1330">
                  <c:v>2.0645248137844336</c:v>
                </c:pt>
                <c:pt idx="1331">
                  <c:v>2.0776272099075603</c:v>
                </c:pt>
                <c:pt idx="1332">
                  <c:v>2.0776272099075603</c:v>
                </c:pt>
                <c:pt idx="1333">
                  <c:v>2.1430045768643939</c:v>
                </c:pt>
                <c:pt idx="1334">
                  <c:v>2.1517095934667454</c:v>
                </c:pt>
                <c:pt idx="1335">
                  <c:v>2.1736964910706225</c:v>
                </c:pt>
                <c:pt idx="1336">
                  <c:v>2.1612222920218924</c:v>
                </c:pt>
                <c:pt idx="1337">
                  <c:v>2.1527416315175403</c:v>
                </c:pt>
                <c:pt idx="1338">
                  <c:v>2.1604146100690977</c:v>
                </c:pt>
                <c:pt idx="1339">
                  <c:v>2.1443507134523876</c:v>
                </c:pt>
                <c:pt idx="1340">
                  <c:v>2.1582607915283099</c:v>
                </c:pt>
                <c:pt idx="1341">
                  <c:v>2.1320559992820565</c:v>
                </c:pt>
                <c:pt idx="1342">
                  <c:v>2.0951269855514636</c:v>
                </c:pt>
                <c:pt idx="1343">
                  <c:v>2.1140626402225573</c:v>
                </c:pt>
                <c:pt idx="1344">
                  <c:v>2.1368572197792295</c:v>
                </c:pt>
                <c:pt idx="1345">
                  <c:v>2.0602171767028588</c:v>
                </c:pt>
                <c:pt idx="1346">
                  <c:v>1.9736157228753437</c:v>
                </c:pt>
                <c:pt idx="1347">
                  <c:v>1.9713721618953564</c:v>
                </c:pt>
                <c:pt idx="1348">
                  <c:v>1.9713721618953564</c:v>
                </c:pt>
                <c:pt idx="1349">
                  <c:v>1.9400969218343316</c:v>
                </c:pt>
                <c:pt idx="1350">
                  <c:v>1.9197253881360457</c:v>
                </c:pt>
                <c:pt idx="1351">
                  <c:v>1.9429686798887156</c:v>
                </c:pt>
                <c:pt idx="1352">
                  <c:v>1.9346226330431624</c:v>
                </c:pt>
                <c:pt idx="1353">
                  <c:v>1.9871219599748682</c:v>
                </c:pt>
                <c:pt idx="1354">
                  <c:v>2.0136857219779194</c:v>
                </c:pt>
                <c:pt idx="1355">
                  <c:v>2.0112178048999332</c:v>
                </c:pt>
                <c:pt idx="1356">
                  <c:v>1.8687965538903311</c:v>
                </c:pt>
                <c:pt idx="1357">
                  <c:v>1.8162074845194254</c:v>
                </c:pt>
                <c:pt idx="1358">
                  <c:v>1.8337521313829273</c:v>
                </c:pt>
                <c:pt idx="1359">
                  <c:v>1.9039755900565338</c:v>
                </c:pt>
                <c:pt idx="1360">
                  <c:v>1.9189177061832505</c:v>
                </c:pt>
                <c:pt idx="1361">
                  <c:v>1.9672440096921795</c:v>
                </c:pt>
                <c:pt idx="1362">
                  <c:v>1.9549492955218484</c:v>
                </c:pt>
                <c:pt idx="1363">
                  <c:v>2.0191151395494891</c:v>
                </c:pt>
                <c:pt idx="1364">
                  <c:v>2.0438840527685502</c:v>
                </c:pt>
                <c:pt idx="1365">
                  <c:v>2.0331598312842103</c:v>
                </c:pt>
                <c:pt idx="1366">
                  <c:v>2.0146280175895139</c:v>
                </c:pt>
                <c:pt idx="1367">
                  <c:v>1.966346585300184</c:v>
                </c:pt>
                <c:pt idx="1368">
                  <c:v>1.9522570223458628</c:v>
                </c:pt>
                <c:pt idx="1369">
                  <c:v>1.9669299111549803</c:v>
                </c:pt>
                <c:pt idx="1370">
                  <c:v>1.9840707170420844</c:v>
                </c:pt>
                <c:pt idx="1371">
                  <c:v>2.0165574800323025</c:v>
                </c:pt>
                <c:pt idx="1372">
                  <c:v>2.0413263932513637</c:v>
                </c:pt>
                <c:pt idx="1373">
                  <c:v>2.0351341649465984</c:v>
                </c:pt>
                <c:pt idx="1374">
                  <c:v>2.0428968859373549</c:v>
                </c:pt>
                <c:pt idx="1375">
                  <c:v>2.0892039845642958</c:v>
                </c:pt>
                <c:pt idx="1376">
                  <c:v>2.0770438840527641</c:v>
                </c:pt>
                <c:pt idx="1377">
                  <c:v>2.1219599748721123</c:v>
                </c:pt>
                <c:pt idx="1378">
                  <c:v>2.1400430763708109</c:v>
                </c:pt>
                <c:pt idx="1379">
                  <c:v>2.1357803105088347</c:v>
                </c:pt>
                <c:pt idx="1380">
                  <c:v>2.1114152382661708</c:v>
                </c:pt>
                <c:pt idx="1381">
                  <c:v>2.0971461904334507</c:v>
                </c:pt>
                <c:pt idx="1382">
                  <c:v>2.1383828412456198</c:v>
                </c:pt>
                <c:pt idx="1383">
                  <c:v>2.1285560441532749</c:v>
                </c:pt>
                <c:pt idx="1384">
                  <c:v>2.1273893924436815</c:v>
                </c:pt>
                <c:pt idx="1385">
                  <c:v>2.0883963026115002</c:v>
                </c:pt>
                <c:pt idx="1386">
                  <c:v>2.0979538723862468</c:v>
                </c:pt>
                <c:pt idx="1387">
                  <c:v>2.1134344431481602</c:v>
                </c:pt>
                <c:pt idx="1388">
                  <c:v>2.0922103562774792</c:v>
                </c:pt>
                <c:pt idx="1389">
                  <c:v>2.0710311406263981</c:v>
                </c:pt>
                <c:pt idx="1390">
                  <c:v>2.0818451045499375</c:v>
                </c:pt>
                <c:pt idx="1391">
                  <c:v>2.1382482275868213</c:v>
                </c:pt>
                <c:pt idx="1392">
                  <c:v>2.1391456519788163</c:v>
                </c:pt>
                <c:pt idx="1393">
                  <c:v>2.1576325944539128</c:v>
                </c:pt>
                <c:pt idx="1394">
                  <c:v>2.1919590774477209</c:v>
                </c:pt>
                <c:pt idx="1395">
                  <c:v>2.1988243740464823</c:v>
                </c:pt>
                <c:pt idx="1396">
                  <c:v>2.1901193574441313</c:v>
                </c:pt>
                <c:pt idx="1397">
                  <c:v>2.1765233779054074</c:v>
                </c:pt>
                <c:pt idx="1398">
                  <c:v>2.2210356277483578</c:v>
                </c:pt>
                <c:pt idx="1399">
                  <c:v>2.2045678901552499</c:v>
                </c:pt>
                <c:pt idx="1400">
                  <c:v>2.1685363008166516</c:v>
                </c:pt>
                <c:pt idx="1401">
                  <c:v>2.1765233779054074</c:v>
                </c:pt>
                <c:pt idx="1402">
                  <c:v>2.1873822130485463</c:v>
                </c:pt>
                <c:pt idx="1403">
                  <c:v>2.1644978910526742</c:v>
                </c:pt>
                <c:pt idx="1404">
                  <c:v>2.1150049358341514</c:v>
                </c:pt>
                <c:pt idx="1405">
                  <c:v>2.1004666606838329</c:v>
                </c:pt>
                <c:pt idx="1406">
                  <c:v>2.1103832002153773</c:v>
                </c:pt>
                <c:pt idx="1407">
                  <c:v>2.1134344431481602</c:v>
                </c:pt>
                <c:pt idx="1408">
                  <c:v>2.1189536031589293</c:v>
                </c:pt>
                <c:pt idx="1409">
                  <c:v>2.0903257650542897</c:v>
                </c:pt>
                <c:pt idx="1410">
                  <c:v>1.9844296867988831</c:v>
                </c:pt>
                <c:pt idx="1411">
                  <c:v>1.9908911424212472</c:v>
                </c:pt>
                <c:pt idx="1412">
                  <c:v>2.0502557659517144</c:v>
                </c:pt>
                <c:pt idx="1413">
                  <c:v>2.0301085883514274</c:v>
                </c:pt>
                <c:pt idx="1414">
                  <c:v>2.0117113883155304</c:v>
                </c:pt>
                <c:pt idx="1415">
                  <c:v>1.9107511442160958</c:v>
                </c:pt>
                <c:pt idx="1416">
                  <c:v>1.9127703490980847</c:v>
                </c:pt>
                <c:pt idx="1417">
                  <c:v>1.8454635196984617</c:v>
                </c:pt>
                <c:pt idx="1418">
                  <c:v>1.8210535762361983</c:v>
                </c:pt>
                <c:pt idx="1419">
                  <c:v>1.9369110652427497</c:v>
                </c:pt>
                <c:pt idx="1420">
                  <c:v>1.8907834514942081</c:v>
                </c:pt>
                <c:pt idx="1421">
                  <c:v>1.9266355559544075</c:v>
                </c:pt>
                <c:pt idx="1422">
                  <c:v>1.9071165754285166</c:v>
                </c:pt>
                <c:pt idx="1423">
                  <c:v>1.8453737772592627</c:v>
                </c:pt>
                <c:pt idx="1424">
                  <c:v>1.8208740913577999</c:v>
                </c:pt>
                <c:pt idx="1425">
                  <c:v>1.7300098716683086</c:v>
                </c:pt>
                <c:pt idx="1426">
                  <c:v>1.6783182266893979</c:v>
                </c:pt>
                <c:pt idx="1427">
                  <c:v>1.6111460109485742</c:v>
                </c:pt>
                <c:pt idx="1428">
                  <c:v>1.7038948218612551</c:v>
                </c:pt>
                <c:pt idx="1429">
                  <c:v>1.6884591223189416</c:v>
                </c:pt>
                <c:pt idx="1430">
                  <c:v>1.6556582607915256</c:v>
                </c:pt>
                <c:pt idx="1431">
                  <c:v>1.7007987077088726</c:v>
                </c:pt>
                <c:pt idx="1432">
                  <c:v>1.7860988961679949</c:v>
                </c:pt>
                <c:pt idx="1433">
                  <c:v>1.7795925693260313</c:v>
                </c:pt>
                <c:pt idx="1434">
                  <c:v>1.8289509108857551</c:v>
                </c:pt>
                <c:pt idx="1435">
                  <c:v>1.7748362200484582</c:v>
                </c:pt>
                <c:pt idx="1436">
                  <c:v>1.8242843040473811</c:v>
                </c:pt>
                <c:pt idx="1437">
                  <c:v>1.7674324688144996</c:v>
                </c:pt>
                <c:pt idx="1438">
                  <c:v>1.7453109575518235</c:v>
                </c:pt>
                <c:pt idx="1439">
                  <c:v>1.7727272727272703</c:v>
                </c:pt>
                <c:pt idx="1440">
                  <c:v>1.7585928385533491</c:v>
                </c:pt>
                <c:pt idx="1441">
                  <c:v>1.8290406533249546</c:v>
                </c:pt>
                <c:pt idx="1442">
                  <c:v>1.8540339226420146</c:v>
                </c:pt>
                <c:pt idx="1443">
                  <c:v>1.8507583236112328</c:v>
                </c:pt>
                <c:pt idx="1444">
                  <c:v>1.8915911334470037</c:v>
                </c:pt>
                <c:pt idx="1445">
                  <c:v>1.9054114690837265</c:v>
                </c:pt>
                <c:pt idx="1446">
                  <c:v>1.8959885129677794</c:v>
                </c:pt>
                <c:pt idx="1447">
                  <c:v>1.8913667773490053</c:v>
                </c:pt>
                <c:pt idx="1448">
                  <c:v>1.9089562954321067</c:v>
                </c:pt>
                <c:pt idx="1449">
                  <c:v>1.9081037422597116</c:v>
                </c:pt>
                <c:pt idx="1450">
                  <c:v>1.9238086691196234</c:v>
                </c:pt>
                <c:pt idx="1451">
                  <c:v>1.868886296329531</c:v>
                </c:pt>
                <c:pt idx="1452">
                  <c:v>1.9086870681145078</c:v>
                </c:pt>
                <c:pt idx="1453">
                  <c:v>1.8818540787938582</c:v>
                </c:pt>
                <c:pt idx="1454">
                  <c:v>1.7809835771336231</c:v>
                </c:pt>
                <c:pt idx="1455">
                  <c:v>1.7342277663106849</c:v>
                </c:pt>
                <c:pt idx="1456">
                  <c:v>1.7477340034102093</c:v>
                </c:pt>
                <c:pt idx="1457">
                  <c:v>1.7563941487929609</c:v>
                </c:pt>
                <c:pt idx="1458">
                  <c:v>1.7310867809387029</c:v>
                </c:pt>
                <c:pt idx="1459">
                  <c:v>1.784887373238802</c:v>
                </c:pt>
                <c:pt idx="1460">
                  <c:v>1.8395853899308956</c:v>
                </c:pt>
                <c:pt idx="1461">
                  <c:v>1.8482455353136471</c:v>
                </c:pt>
                <c:pt idx="1462">
                  <c:v>1.8482455353136471</c:v>
                </c:pt>
                <c:pt idx="1463">
                  <c:v>1.8250919860001766</c:v>
                </c:pt>
                <c:pt idx="1464">
                  <c:v>1.8576236202099947</c:v>
                </c:pt>
                <c:pt idx="1465">
                  <c:v>1.8483801489724465</c:v>
                </c:pt>
                <c:pt idx="1466">
                  <c:v>1.8488288611684438</c:v>
                </c:pt>
                <c:pt idx="1467">
                  <c:v>1.7972269586287326</c:v>
                </c:pt>
                <c:pt idx="1468">
                  <c:v>1.8402135870052918</c:v>
                </c:pt>
                <c:pt idx="1469">
                  <c:v>1.8924885578389992</c:v>
                </c:pt>
                <c:pt idx="1470">
                  <c:v>1.8931167549133958</c:v>
                </c:pt>
                <c:pt idx="1471">
                  <c:v>1.9501929462442757</c:v>
                </c:pt>
                <c:pt idx="1472">
                  <c:v>1.9759490262945318</c:v>
                </c:pt>
                <c:pt idx="1473">
                  <c:v>1.9813784438661015</c:v>
                </c:pt>
                <c:pt idx="1474">
                  <c:v>1.9917436955936432</c:v>
                </c:pt>
                <c:pt idx="1475">
                  <c:v>1.9977564390200095</c:v>
                </c:pt>
                <c:pt idx="1476">
                  <c:v>2.0042627658619732</c:v>
                </c:pt>
                <c:pt idx="1477">
                  <c:v>2.0294803912770321</c:v>
                </c:pt>
                <c:pt idx="1478">
                  <c:v>2.0744413533159802</c:v>
                </c:pt>
                <c:pt idx="1479">
                  <c:v>2.0511083191241108</c:v>
                </c:pt>
                <c:pt idx="1480">
                  <c:v>2.0634479045140419</c:v>
                </c:pt>
                <c:pt idx="1481">
                  <c:v>2.0696850040384067</c:v>
                </c:pt>
                <c:pt idx="1482">
                  <c:v>2.0554608274252866</c:v>
                </c:pt>
                <c:pt idx="1483">
                  <c:v>2.045050704478145</c:v>
                </c:pt>
                <c:pt idx="1484">
                  <c:v>2.0163779951539058</c:v>
                </c:pt>
                <c:pt idx="1485">
                  <c:v>1.9520775374674662</c:v>
                </c:pt>
                <c:pt idx="1486">
                  <c:v>1.959974872117022</c:v>
                </c:pt>
                <c:pt idx="1487">
                  <c:v>1.9733464955577471</c:v>
                </c:pt>
                <c:pt idx="1488">
                  <c:v>1.9929552185228374</c:v>
                </c:pt>
                <c:pt idx="1489">
                  <c:v>2.0325316342098163</c:v>
                </c:pt>
                <c:pt idx="1490">
                  <c:v>2.0349995512878025</c:v>
                </c:pt>
                <c:pt idx="1491">
                  <c:v>2.0013012653683915</c:v>
                </c:pt>
                <c:pt idx="1492">
                  <c:v>1.9918783092524439</c:v>
                </c:pt>
                <c:pt idx="1493">
                  <c:v>1.9606479404110186</c:v>
                </c:pt>
                <c:pt idx="1494">
                  <c:v>1.9236291842412259</c:v>
                </c:pt>
                <c:pt idx="1495">
                  <c:v>1.9077896437225146</c:v>
                </c:pt>
                <c:pt idx="1496">
                  <c:v>1.8657901821771499</c:v>
                </c:pt>
                <c:pt idx="1497">
                  <c:v>1.9428789374495183</c:v>
                </c:pt>
                <c:pt idx="1498">
                  <c:v>1.8834245714798512</c:v>
                </c:pt>
                <c:pt idx="1499">
                  <c:v>1.9231356008256286</c:v>
                </c:pt>
                <c:pt idx="1500">
                  <c:v>2.0096024409943443</c:v>
                </c:pt>
                <c:pt idx="1501">
                  <c:v>1.9977564390200104</c:v>
                </c:pt>
                <c:pt idx="1502">
                  <c:v>1.9919231804720434</c:v>
                </c:pt>
                <c:pt idx="1503">
                  <c:v>1.9950192946244263</c:v>
                </c:pt>
                <c:pt idx="1504">
                  <c:v>1.9797630799605117</c:v>
                </c:pt>
                <c:pt idx="1505">
                  <c:v>1.9895001346136572</c:v>
                </c:pt>
                <c:pt idx="1506">
                  <c:v>1.9976666965808119</c:v>
                </c:pt>
                <c:pt idx="1507">
                  <c:v>2.0525890693709044</c:v>
                </c:pt>
                <c:pt idx="1508">
                  <c:v>2.0373777259265897</c:v>
                </c:pt>
                <c:pt idx="1509">
                  <c:v>2.0559992820604855</c:v>
                </c:pt>
                <c:pt idx="1510">
                  <c:v>2.0360764605581969</c:v>
                </c:pt>
                <c:pt idx="1511">
                  <c:v>2.0103652517275408</c:v>
                </c:pt>
                <c:pt idx="1512">
                  <c:v>2.0597684645068641</c:v>
                </c:pt>
                <c:pt idx="1513">
                  <c:v>2.0386341200753826</c:v>
                </c:pt>
                <c:pt idx="1514">
                  <c:v>2.06582607915283</c:v>
                </c:pt>
                <c:pt idx="1515">
                  <c:v>2.0868706811451121</c:v>
                </c:pt>
                <c:pt idx="1516">
                  <c:v>2.0600376918244625</c:v>
                </c:pt>
                <c:pt idx="1517">
                  <c:v>2.0878129767567066</c:v>
                </c:pt>
                <c:pt idx="1518">
                  <c:v>2.1062999192318035</c:v>
                </c:pt>
                <c:pt idx="1519">
                  <c:v>2.106344790451403</c:v>
                </c:pt>
                <c:pt idx="1520">
                  <c:v>2.1153639055909528</c:v>
                </c:pt>
                <c:pt idx="1521">
                  <c:v>2.1512608812707521</c:v>
                </c:pt>
                <c:pt idx="1522">
                  <c:v>2.158215920308713</c:v>
                </c:pt>
                <c:pt idx="1523">
                  <c:v>2.1985551467288871</c:v>
                </c:pt>
                <c:pt idx="1524">
                  <c:v>2.1652607017858734</c:v>
                </c:pt>
                <c:pt idx="1525">
                  <c:v>2.1373059319752299</c:v>
                </c:pt>
                <c:pt idx="1526">
                  <c:v>2.1772413174190066</c:v>
                </c:pt>
                <c:pt idx="1527">
                  <c:v>2.1834335457237719</c:v>
                </c:pt>
                <c:pt idx="1528">
                  <c:v>2.2160997935923894</c:v>
                </c:pt>
                <c:pt idx="1529">
                  <c:v>2.2169074755451845</c:v>
                </c:pt>
                <c:pt idx="1530">
                  <c:v>2.2230997038499498</c:v>
                </c:pt>
                <c:pt idx="1531">
                  <c:v>2.218836937987974</c:v>
                </c:pt>
                <c:pt idx="1532">
                  <c:v>2.1348380148972446</c:v>
                </c:pt>
                <c:pt idx="1533">
                  <c:v>2.1591133447007085</c:v>
                </c:pt>
                <c:pt idx="1534">
                  <c:v>2.1253701875616975</c:v>
                </c:pt>
                <c:pt idx="1535">
                  <c:v>2.1198510275509284</c:v>
                </c:pt>
                <c:pt idx="1536">
                  <c:v>2.1221394597505157</c:v>
                </c:pt>
                <c:pt idx="1537">
                  <c:v>2.1741900744862246</c:v>
                </c:pt>
                <c:pt idx="1538">
                  <c:v>2.1664722247150681</c:v>
                </c:pt>
                <c:pt idx="1539">
                  <c:v>2.1553441622543303</c:v>
                </c:pt>
                <c:pt idx="1540">
                  <c:v>2.1711837027730416</c:v>
                </c:pt>
                <c:pt idx="1541">
                  <c:v>2.2109844745580185</c:v>
                </c:pt>
                <c:pt idx="1542">
                  <c:v>2.226420174100332</c:v>
                </c:pt>
                <c:pt idx="1543">
                  <c:v>2.2753746746836576</c:v>
                </c:pt>
                <c:pt idx="1544">
                  <c:v>2.2579197702593552</c:v>
                </c:pt>
                <c:pt idx="1545">
                  <c:v>2.2602082024589425</c:v>
                </c:pt>
                <c:pt idx="1546">
                  <c:v>2.2163241496903883</c:v>
                </c:pt>
                <c:pt idx="1547">
                  <c:v>2.2144844296867983</c:v>
                </c:pt>
                <c:pt idx="1548">
                  <c:v>2.1946064794041096</c:v>
                </c:pt>
                <c:pt idx="1549">
                  <c:v>2.1574531095755178</c:v>
                </c:pt>
                <c:pt idx="1550">
                  <c:v>2.1047294265458132</c:v>
                </c:pt>
                <c:pt idx="1551">
                  <c:v>2.1278829758592837</c:v>
                </c:pt>
                <c:pt idx="1552">
                  <c:v>2.1760297944898137</c:v>
                </c:pt>
                <c:pt idx="1553">
                  <c:v>2.1812348559633845</c:v>
                </c:pt>
                <c:pt idx="1554">
                  <c:v>2.1244727631697025</c:v>
                </c:pt>
                <c:pt idx="1555">
                  <c:v>2.0490891142421246</c:v>
                </c:pt>
                <c:pt idx="1556">
                  <c:v>2.1243381495109031</c:v>
                </c:pt>
                <c:pt idx="1557">
                  <c:v>2.1123126626581703</c:v>
                </c:pt>
                <c:pt idx="1558">
                  <c:v>2.0613838284124557</c:v>
                </c:pt>
                <c:pt idx="1559">
                  <c:v>2.0471147805797356</c:v>
                </c:pt>
                <c:pt idx="1560">
                  <c:v>2.0380059230009868</c:v>
                </c:pt>
                <c:pt idx="1561">
                  <c:v>2.1115947231445746</c:v>
                </c:pt>
                <c:pt idx="1562">
                  <c:v>2.1197612851117289</c:v>
                </c:pt>
                <c:pt idx="1563">
                  <c:v>2.1304855065960693</c:v>
                </c:pt>
                <c:pt idx="1564">
                  <c:v>2.1208381943821233</c:v>
                </c:pt>
                <c:pt idx="1565">
                  <c:v>2.1112357533877768</c:v>
                </c:pt>
                <c:pt idx="1566">
                  <c:v>2.0590505249932693</c:v>
                </c:pt>
                <c:pt idx="1567">
                  <c:v>2.0458135152113432</c:v>
                </c:pt>
                <c:pt idx="1568">
                  <c:v>2.0665440186664275</c:v>
                </c:pt>
                <c:pt idx="1569">
                  <c:v>2.1017679260522302</c:v>
                </c:pt>
                <c:pt idx="1570">
                  <c:v>2.0845373777259266</c:v>
                </c:pt>
                <c:pt idx="1571">
                  <c:v>2.0454096742349455</c:v>
                </c:pt>
                <c:pt idx="1572">
                  <c:v>2.0201023063806871</c:v>
                </c:pt>
                <c:pt idx="1573">
                  <c:v>2.0503903796105174</c:v>
                </c:pt>
                <c:pt idx="1574">
                  <c:v>2.0181728439378976</c:v>
                </c:pt>
                <c:pt idx="1575">
                  <c:v>2.060845373777259</c:v>
                </c:pt>
                <c:pt idx="1576">
                  <c:v>2.0723324059947945</c:v>
                </c:pt>
                <c:pt idx="1577">
                  <c:v>2.0730054742887907</c:v>
                </c:pt>
                <c:pt idx="1578">
                  <c:v>2.0730054742887907</c:v>
                </c:pt>
                <c:pt idx="1579">
                  <c:v>2.0424033025217621</c:v>
                </c:pt>
                <c:pt idx="1580">
                  <c:v>2.0530377815669021</c:v>
                </c:pt>
                <c:pt idx="1581">
                  <c:v>2.0939603338418729</c:v>
                </c:pt>
                <c:pt idx="1582">
                  <c:v>2.1097550031409842</c:v>
                </c:pt>
                <c:pt idx="1583">
                  <c:v>2.1097550031409842</c:v>
                </c:pt>
                <c:pt idx="1584">
                  <c:v>2.1392802656376189</c:v>
                </c:pt>
                <c:pt idx="1585">
                  <c:v>2.1552095485955296</c:v>
                </c:pt>
                <c:pt idx="1586">
                  <c:v>2.1899398725657355</c:v>
                </c:pt>
                <c:pt idx="1587">
                  <c:v>2.1669209369110645</c:v>
                </c:pt>
                <c:pt idx="1588">
                  <c:v>2.1435430314995956</c:v>
                </c:pt>
                <c:pt idx="1589">
                  <c:v>2.1466840168715779</c:v>
                </c:pt>
                <c:pt idx="1590">
                  <c:v>2.1599658978731036</c:v>
                </c:pt>
                <c:pt idx="1591">
                  <c:v>2.2142152023691994</c:v>
                </c:pt>
                <c:pt idx="1592">
                  <c:v>2.1733375213138286</c:v>
                </c:pt>
                <c:pt idx="1593">
                  <c:v>2.1831643184061735</c:v>
                </c:pt>
                <c:pt idx="1594">
                  <c:v>2.1683119447186567</c:v>
                </c:pt>
                <c:pt idx="1595">
                  <c:v>2.1822220227945786</c:v>
                </c:pt>
                <c:pt idx="1596">
                  <c:v>2.1435879027191946</c:v>
                </c:pt>
                <c:pt idx="1597">
                  <c:v>2.1212869065781197</c:v>
                </c:pt>
                <c:pt idx="1598">
                  <c:v>2.1020820245894276</c:v>
                </c:pt>
                <c:pt idx="1599">
                  <c:v>2.1152292919321538</c:v>
                </c:pt>
                <c:pt idx="1600">
                  <c:v>2.1152292919321538</c:v>
                </c:pt>
                <c:pt idx="1601">
                  <c:v>2.083056627479134</c:v>
                </c:pt>
                <c:pt idx="1602">
                  <c:v>2.0534864937628998</c:v>
                </c:pt>
                <c:pt idx="1603">
                  <c:v>1.9927757336444398</c:v>
                </c:pt>
                <c:pt idx="1604">
                  <c:v>1.9872565736336707</c:v>
                </c:pt>
                <c:pt idx="1605">
                  <c:v>2.0443776361841506</c:v>
                </c:pt>
                <c:pt idx="1606">
                  <c:v>1.992371892668042</c:v>
                </c:pt>
                <c:pt idx="1607">
                  <c:v>1.9957821053576228</c:v>
                </c:pt>
                <c:pt idx="1608">
                  <c:v>1.9286996320559981</c:v>
                </c:pt>
                <c:pt idx="1609">
                  <c:v>1.9328726554787745</c:v>
                </c:pt>
                <c:pt idx="1610">
                  <c:v>1.9512249842950715</c:v>
                </c:pt>
                <c:pt idx="1611">
                  <c:v>1.8814951090370622</c:v>
                </c:pt>
                <c:pt idx="1612">
                  <c:v>1.8976487480929718</c:v>
                </c:pt>
                <c:pt idx="1613">
                  <c:v>1.9505070447814759</c:v>
                </c:pt>
                <c:pt idx="1614">
                  <c:v>1.9864937629004742</c:v>
                </c:pt>
                <c:pt idx="1615">
                  <c:v>1.9768015794669287</c:v>
                </c:pt>
                <c:pt idx="1616">
                  <c:v>2.0322175356726184</c:v>
                </c:pt>
                <c:pt idx="1617">
                  <c:v>2.0370636273893914</c:v>
                </c:pt>
                <c:pt idx="1618">
                  <c:v>2.0542044332764955</c:v>
                </c:pt>
                <c:pt idx="1619">
                  <c:v>2.0179484878398983</c:v>
                </c:pt>
                <c:pt idx="1620">
                  <c:v>1.9811989589877039</c:v>
                </c:pt>
                <c:pt idx="1621">
                  <c:v>2.0023333034191855</c:v>
                </c:pt>
                <c:pt idx="1622">
                  <c:v>2.0040384097639756</c:v>
                </c:pt>
                <c:pt idx="1623">
                  <c:v>2.0019743336623872</c:v>
                </c:pt>
                <c:pt idx="1624">
                  <c:v>2.023557390289866</c:v>
                </c:pt>
                <c:pt idx="1625">
                  <c:v>1.9723593287265526</c:v>
                </c:pt>
                <c:pt idx="1626">
                  <c:v>2.018980525890691</c:v>
                </c:pt>
                <c:pt idx="1627">
                  <c:v>2.0577492596248739</c:v>
                </c:pt>
                <c:pt idx="1628">
                  <c:v>2.0517813874181074</c:v>
                </c:pt>
                <c:pt idx="1629">
                  <c:v>2.0181728439378959</c:v>
                </c:pt>
                <c:pt idx="1630">
                  <c:v>1.9632953423674029</c:v>
                </c:pt>
                <c:pt idx="1631">
                  <c:v>1.9921924077896409</c:v>
                </c:pt>
                <c:pt idx="1632">
                  <c:v>2.0139549492955191</c:v>
                </c:pt>
                <c:pt idx="1633">
                  <c:v>2.0065960692811604</c:v>
                </c:pt>
                <c:pt idx="1634">
                  <c:v>1.9615902360226127</c:v>
                </c:pt>
                <c:pt idx="1635">
                  <c:v>1.9711478057973593</c:v>
                </c:pt>
                <c:pt idx="1636">
                  <c:v>2.0009422956115923</c:v>
                </c:pt>
                <c:pt idx="1637">
                  <c:v>1.9924167638876402</c:v>
                </c:pt>
                <c:pt idx="1638">
                  <c:v>2.032307278111817</c:v>
                </c:pt>
                <c:pt idx="1639">
                  <c:v>2.0420443327649629</c:v>
                </c:pt>
                <c:pt idx="1640">
                  <c:v>2.030243202010229</c:v>
                </c:pt>
                <c:pt idx="1641">
                  <c:v>2.0406981961769701</c:v>
                </c:pt>
                <c:pt idx="1642">
                  <c:v>2.014986987346314</c:v>
                </c:pt>
                <c:pt idx="1643">
                  <c:v>2.0251278829758572</c:v>
                </c:pt>
                <c:pt idx="1644">
                  <c:v>2.0511083191241117</c:v>
                </c:pt>
                <c:pt idx="1645">
                  <c:v>2.077537467468364</c:v>
                </c:pt>
                <c:pt idx="1646">
                  <c:v>2.1081396392353922</c:v>
                </c:pt>
                <c:pt idx="1647">
                  <c:v>2.127658619761283</c:v>
                </c:pt>
                <c:pt idx="1648">
                  <c:v>2.1336713631876494</c:v>
                </c:pt>
                <c:pt idx="1649">
                  <c:v>2.097729516288251</c:v>
                </c:pt>
                <c:pt idx="1650">
                  <c:v>2.1040114870322162</c:v>
                </c:pt>
                <c:pt idx="1651">
                  <c:v>2.0834604684555313</c:v>
                </c:pt>
                <c:pt idx="1652">
                  <c:v>2.0586018127972703</c:v>
                </c:pt>
                <c:pt idx="1653">
                  <c:v>2.0017051063447888</c:v>
                </c:pt>
                <c:pt idx="1654">
                  <c:v>1.9833079063088919</c:v>
                </c:pt>
                <c:pt idx="1655">
                  <c:v>1.9739746926321442</c:v>
                </c:pt>
                <c:pt idx="1656">
                  <c:v>1.9921924077896418</c:v>
                </c:pt>
                <c:pt idx="1657">
                  <c:v>1.9352508301175608</c:v>
                </c:pt>
                <c:pt idx="1658">
                  <c:v>1.968590146280174</c:v>
                </c:pt>
                <c:pt idx="1659">
                  <c:v>2.0089742439199481</c:v>
                </c:pt>
                <c:pt idx="1660">
                  <c:v>2.0051153190343696</c:v>
                </c:pt>
                <c:pt idx="1661">
                  <c:v>2.0128331688055265</c:v>
                </c:pt>
                <c:pt idx="1662">
                  <c:v>1.9733464955577475</c:v>
                </c:pt>
                <c:pt idx="1663">
                  <c:v>1.9468276047742963</c:v>
                </c:pt>
                <c:pt idx="1664">
                  <c:v>1.9674234945705811</c:v>
                </c:pt>
                <c:pt idx="1665">
                  <c:v>1.9373597774387492</c:v>
                </c:pt>
                <c:pt idx="1666">
                  <c:v>1.8860271022166368</c:v>
                </c:pt>
                <c:pt idx="1667">
                  <c:v>1.8544826348380137</c:v>
                </c:pt>
                <c:pt idx="1668">
                  <c:v>1.845149421161266</c:v>
                </c:pt>
                <c:pt idx="1669">
                  <c:v>1.890469352957012</c:v>
                </c:pt>
                <c:pt idx="1670">
                  <c:v>1.8996230817553603</c:v>
                </c:pt>
                <c:pt idx="1671">
                  <c:v>1.9110652427532964</c:v>
                </c:pt>
                <c:pt idx="1672">
                  <c:v>1.861662029973973</c:v>
                </c:pt>
                <c:pt idx="1673">
                  <c:v>1.8718926680427161</c:v>
                </c:pt>
                <c:pt idx="1674">
                  <c:v>1.8374315713901095</c:v>
                </c:pt>
                <c:pt idx="1675">
                  <c:v>1.8192138562326114</c:v>
                </c:pt>
                <c:pt idx="1676">
                  <c:v>1.8570851655747993</c:v>
                </c:pt>
                <c:pt idx="1677">
                  <c:v>1.8197074396482087</c:v>
                </c:pt>
                <c:pt idx="1678">
                  <c:v>1.7984833527775277</c:v>
                </c:pt>
                <c:pt idx="1679">
                  <c:v>1.8087588620658703</c:v>
                </c:pt>
                <c:pt idx="1680">
                  <c:v>1.7974961859463332</c:v>
                </c:pt>
                <c:pt idx="1681">
                  <c:v>1.8419635645696841</c:v>
                </c:pt>
                <c:pt idx="1682">
                  <c:v>1.8442968679888709</c:v>
                </c:pt>
                <c:pt idx="1683">
                  <c:v>1.8761554339046924</c:v>
                </c:pt>
                <c:pt idx="1684">
                  <c:v>1.8849501929462429</c:v>
                </c:pt>
                <c:pt idx="1685">
                  <c:v>1.8696491070627288</c:v>
                </c:pt>
                <c:pt idx="1686">
                  <c:v>1.8995782105357613</c:v>
                </c:pt>
                <c:pt idx="1687">
                  <c:v>1.8453289060396649</c:v>
                </c:pt>
                <c:pt idx="1688">
                  <c:v>1.8815399802566626</c:v>
                </c:pt>
                <c:pt idx="1689">
                  <c:v>1.8870142690478318</c:v>
                </c:pt>
                <c:pt idx="1690">
                  <c:v>1.8298932064973519</c:v>
                </c:pt>
                <c:pt idx="1691">
                  <c:v>1.8366238894373139</c:v>
                </c:pt>
                <c:pt idx="1692">
                  <c:v>1.8283227138113607</c:v>
                </c:pt>
                <c:pt idx="1693">
                  <c:v>1.847886565556851</c:v>
                </c:pt>
                <c:pt idx="1694">
                  <c:v>1.8132908552454445</c:v>
                </c:pt>
                <c:pt idx="1695">
                  <c:v>1.7830027820156142</c:v>
                </c:pt>
                <c:pt idx="1696">
                  <c:v>1.7911693439827685</c:v>
                </c:pt>
                <c:pt idx="1697">
                  <c:v>1.7642017410033195</c:v>
                </c:pt>
                <c:pt idx="1698">
                  <c:v>1.7317598492327013</c:v>
                </c:pt>
                <c:pt idx="1699">
                  <c:v>1.7397917975410562</c:v>
                </c:pt>
                <c:pt idx="1700">
                  <c:v>1.7446827604774287</c:v>
                </c:pt>
                <c:pt idx="1701">
                  <c:v>1.7561249214753647</c:v>
                </c:pt>
                <c:pt idx="1702">
                  <c:v>1.7458494121870221</c:v>
                </c:pt>
                <c:pt idx="1703">
                  <c:v>1.7378623350982667</c:v>
                </c:pt>
                <c:pt idx="1704">
                  <c:v>1.7468365790182161</c:v>
                </c:pt>
                <c:pt idx="1705">
                  <c:v>1.7956115947231428</c:v>
                </c:pt>
                <c:pt idx="1706">
                  <c:v>1.7969577313111351</c:v>
                </c:pt>
                <c:pt idx="1707">
                  <c:v>1.8000987166831179</c:v>
                </c:pt>
                <c:pt idx="1708">
                  <c:v>1.8445660953064689</c:v>
                </c:pt>
                <c:pt idx="1709">
                  <c:v>1.8668670914475438</c:v>
                </c:pt>
                <c:pt idx="1710">
                  <c:v>1.8285919411289582</c:v>
                </c:pt>
                <c:pt idx="1711">
                  <c:v>1.8073678542582772</c:v>
                </c:pt>
                <c:pt idx="1712">
                  <c:v>1.7913039576415675</c:v>
                </c:pt>
                <c:pt idx="1713">
                  <c:v>1.7601633312393417</c:v>
                </c:pt>
                <c:pt idx="1714">
                  <c:v>1.7022794579556657</c:v>
                </c:pt>
                <c:pt idx="1715">
                  <c:v>1.6789912949833958</c:v>
                </c:pt>
                <c:pt idx="1716">
                  <c:v>1.7222920218971534</c:v>
                </c:pt>
                <c:pt idx="1717">
                  <c:v>1.6778695144934019</c:v>
                </c:pt>
                <c:pt idx="1718">
                  <c:v>1.6688503993538522</c:v>
                </c:pt>
                <c:pt idx="1719">
                  <c:v>1.6400879475904131</c:v>
                </c:pt>
                <c:pt idx="1720">
                  <c:v>1.6510813963923514</c:v>
                </c:pt>
                <c:pt idx="1721">
                  <c:v>1.6527416315175425</c:v>
                </c:pt>
                <c:pt idx="1722">
                  <c:v>1.7040294355200554</c:v>
                </c:pt>
                <c:pt idx="1723">
                  <c:v>1.7043884052768532</c:v>
                </c:pt>
                <c:pt idx="1724">
                  <c:v>1.6909270393969282</c:v>
                </c:pt>
                <c:pt idx="1725">
                  <c:v>1.6626132998294869</c:v>
                </c:pt>
                <c:pt idx="1726">
                  <c:v>1.6154536480301509</c:v>
                </c:pt>
                <c:pt idx="1727">
                  <c:v>1.6342995602620456</c:v>
                </c:pt>
                <c:pt idx="1728">
                  <c:v>1.6394597505160169</c:v>
                </c:pt>
                <c:pt idx="1729">
                  <c:v>1.6265368392712891</c:v>
                </c:pt>
                <c:pt idx="1730">
                  <c:v>1.5715695952615967</c:v>
                </c:pt>
                <c:pt idx="1731">
                  <c:v>1.5135511083191218</c:v>
                </c:pt>
                <c:pt idx="1732">
                  <c:v>1.3696939782823274</c:v>
                </c:pt>
                <c:pt idx="1733">
                  <c:v>1.3758862065870927</c:v>
                </c:pt>
                <c:pt idx="1734">
                  <c:v>1.1837925154805689</c:v>
                </c:pt>
                <c:pt idx="1735">
                  <c:v>1.2951628825271451</c:v>
                </c:pt>
                <c:pt idx="1736">
                  <c:v>1.3061563313290838</c:v>
                </c:pt>
                <c:pt idx="1737">
                  <c:v>1.3935654671093944</c:v>
                </c:pt>
                <c:pt idx="1738">
                  <c:v>1.3993987256573615</c:v>
                </c:pt>
                <c:pt idx="1739">
                  <c:v>1.4522570223458655</c:v>
                </c:pt>
                <c:pt idx="1740">
                  <c:v>1.4375392623171477</c:v>
                </c:pt>
                <c:pt idx="1741">
                  <c:v>1.4711926770169592</c:v>
                </c:pt>
                <c:pt idx="1742">
                  <c:v>1.3841873822130464</c:v>
                </c:pt>
                <c:pt idx="1743">
                  <c:v>1.3533608543480193</c:v>
                </c:pt>
                <c:pt idx="1744">
                  <c:v>1.353046755810821</c:v>
                </c:pt>
                <c:pt idx="1745">
                  <c:v>1.4134434173920827</c:v>
                </c:pt>
                <c:pt idx="1746">
                  <c:v>1.4138472583684805</c:v>
                </c:pt>
                <c:pt idx="1747">
                  <c:v>1.3760656914654921</c:v>
                </c:pt>
                <c:pt idx="1748">
                  <c:v>1.3938795656465923</c:v>
                </c:pt>
                <c:pt idx="1749">
                  <c:v>1.4616351072422131</c:v>
                </c:pt>
                <c:pt idx="1750">
                  <c:v>1.4851924975320814</c:v>
                </c:pt>
                <c:pt idx="1751">
                  <c:v>1.5349995512878021</c:v>
                </c:pt>
                <c:pt idx="1752">
                  <c:v>1.6078255406981943</c:v>
                </c:pt>
                <c:pt idx="1753">
                  <c:v>1.5366149151933932</c:v>
                </c:pt>
                <c:pt idx="1754">
                  <c:v>1.4678273355469784</c:v>
                </c:pt>
                <c:pt idx="1755">
                  <c:v>1.540025127882974</c:v>
                </c:pt>
                <c:pt idx="1756">
                  <c:v>1.5856142869963188</c:v>
                </c:pt>
                <c:pt idx="1757">
                  <c:v>1.5028268868347823</c:v>
                </c:pt>
                <c:pt idx="1758">
                  <c:v>1.4986538634120055</c:v>
                </c:pt>
                <c:pt idx="1759">
                  <c:v>1.4922821502288413</c:v>
                </c:pt>
                <c:pt idx="1760">
                  <c:v>1.5256214663914545</c:v>
                </c:pt>
                <c:pt idx="1761">
                  <c:v>1.5298842322534303</c:v>
                </c:pt>
                <c:pt idx="1762">
                  <c:v>1.567082473301622</c:v>
                </c:pt>
                <c:pt idx="1763">
                  <c:v>1.5622363815848495</c:v>
                </c:pt>
                <c:pt idx="1764">
                  <c:v>1.5297496185946313</c:v>
                </c:pt>
                <c:pt idx="1765">
                  <c:v>1.5119357444135311</c:v>
                </c:pt>
                <c:pt idx="1766">
                  <c:v>1.3907385802746099</c:v>
                </c:pt>
                <c:pt idx="1767">
                  <c:v>1.3884950192946226</c:v>
                </c:pt>
                <c:pt idx="1768">
                  <c:v>1.4116934398276926</c:v>
                </c:pt>
                <c:pt idx="1769">
                  <c:v>1.4194561608184491</c:v>
                </c:pt>
                <c:pt idx="1770">
                  <c:v>1.3902898680786122</c:v>
                </c:pt>
                <c:pt idx="1771">
                  <c:v>1.3954051871129836</c:v>
                </c:pt>
                <c:pt idx="1772">
                  <c:v>1.3478416943372498</c:v>
                </c:pt>
                <c:pt idx="1773">
                  <c:v>1.279054114690835</c:v>
                </c:pt>
                <c:pt idx="1774">
                  <c:v>1.2743426366328614</c:v>
                </c:pt>
                <c:pt idx="1775">
                  <c:v>1.2890155254419793</c:v>
                </c:pt>
                <c:pt idx="1776">
                  <c:v>1.3463160728708585</c:v>
                </c:pt>
                <c:pt idx="1777">
                  <c:v>1.2993359059499219</c:v>
                </c:pt>
                <c:pt idx="1778">
                  <c:v>1.3904244817374116</c:v>
                </c:pt>
                <c:pt idx="1779">
                  <c:v>1.4157767208112695</c:v>
                </c:pt>
                <c:pt idx="1780">
                  <c:v>1.4500134613658782</c:v>
                </c:pt>
                <c:pt idx="1781">
                  <c:v>1.4692632145741702</c:v>
                </c:pt>
                <c:pt idx="1782">
                  <c:v>1.4190523198420517</c:v>
                </c:pt>
                <c:pt idx="1783">
                  <c:v>1.4693080857937706</c:v>
                </c:pt>
                <c:pt idx="1784">
                  <c:v>1.4663914565197871</c:v>
                </c:pt>
                <c:pt idx="1785">
                  <c:v>1.4234496993628278</c:v>
                </c:pt>
                <c:pt idx="1786">
                  <c:v>1.4793592389841148</c:v>
                </c:pt>
                <c:pt idx="1787">
                  <c:v>1.5527685542493033</c:v>
                </c:pt>
                <c:pt idx="1788">
                  <c:v>1.5255765951718554</c:v>
                </c:pt>
                <c:pt idx="1789">
                  <c:v>1.5640761015884399</c:v>
                </c:pt>
                <c:pt idx="1790">
                  <c:v>1.6595171856771054</c:v>
                </c:pt>
                <c:pt idx="1791">
                  <c:v>1.6704208920398442</c:v>
                </c:pt>
                <c:pt idx="1792">
                  <c:v>1.6176972090101396</c:v>
                </c:pt>
                <c:pt idx="1793">
                  <c:v>1.5721080498967948</c:v>
                </c:pt>
                <c:pt idx="1794">
                  <c:v>1.6113254958269749</c:v>
                </c:pt>
                <c:pt idx="1795">
                  <c:v>1.6325495826976559</c:v>
                </c:pt>
                <c:pt idx="1796">
                  <c:v>1.6562864578659231</c:v>
                </c:pt>
                <c:pt idx="1797">
                  <c:v>1.6485686080947661</c:v>
                </c:pt>
                <c:pt idx="1798">
                  <c:v>1.5822938167459371</c:v>
                </c:pt>
                <c:pt idx="1799">
                  <c:v>1.5720631786771944</c:v>
                </c:pt>
                <c:pt idx="1800">
                  <c:v>1.6270304226868868</c:v>
                </c:pt>
                <c:pt idx="1801">
                  <c:v>1.614107511442159</c:v>
                </c:pt>
                <c:pt idx="1802">
                  <c:v>1.6276137485416831</c:v>
                </c:pt>
                <c:pt idx="1803">
                  <c:v>1.5571210625504781</c:v>
                </c:pt>
                <c:pt idx="1804">
                  <c:v>1.5455891591133426</c:v>
                </c:pt>
                <c:pt idx="1805">
                  <c:v>1.525531723952255</c:v>
                </c:pt>
                <c:pt idx="1806">
                  <c:v>1.507314008794757</c:v>
                </c:pt>
                <c:pt idx="1807">
                  <c:v>1.4666606838373846</c:v>
                </c:pt>
                <c:pt idx="1808">
                  <c:v>1.4804361482545074</c:v>
                </c:pt>
                <c:pt idx="1809">
                  <c:v>1.4631607287086039</c:v>
                </c:pt>
                <c:pt idx="1810">
                  <c:v>1.5135511083191218</c:v>
                </c:pt>
                <c:pt idx="1811">
                  <c:v>1.481333572646502</c:v>
                </c:pt>
                <c:pt idx="1812">
                  <c:v>1.5520057435161063</c:v>
                </c:pt>
                <c:pt idx="1813">
                  <c:v>1.6089473211881873</c:v>
                </c:pt>
                <c:pt idx="1814">
                  <c:v>1.5973705465314523</c:v>
                </c:pt>
                <c:pt idx="1815">
                  <c:v>1.6433635466211944</c:v>
                </c:pt>
                <c:pt idx="1816">
                  <c:v>1.6714529300906373</c:v>
                </c:pt>
                <c:pt idx="1817">
                  <c:v>1.6322354841604572</c:v>
                </c:pt>
                <c:pt idx="1818">
                  <c:v>1.5780759221035603</c:v>
                </c:pt>
                <c:pt idx="1819">
                  <c:v>1.6131203446109641</c:v>
                </c:pt>
                <c:pt idx="1820">
                  <c:v>1.5731849591671878</c:v>
                </c:pt>
                <c:pt idx="1821">
                  <c:v>1.5798258996679504</c:v>
                </c:pt>
                <c:pt idx="1822">
                  <c:v>1.5417751054473636</c:v>
                </c:pt>
                <c:pt idx="1823">
                  <c:v>1.5276406712734429</c:v>
                </c:pt>
                <c:pt idx="1824">
                  <c:v>1.5170959346675019</c:v>
                </c:pt>
                <c:pt idx="1825">
                  <c:v>1.4812887014269025</c:v>
                </c:pt>
                <c:pt idx="1826">
                  <c:v>1.551557031320109</c:v>
                </c:pt>
                <c:pt idx="1827">
                  <c:v>1.542089203984562</c:v>
                </c:pt>
                <c:pt idx="1828">
                  <c:v>1.5732298303867873</c:v>
                </c:pt>
                <c:pt idx="1829">
                  <c:v>1.5891142421250981</c:v>
                </c:pt>
                <c:pt idx="1830">
                  <c:v>1.5876783630979059</c:v>
                </c:pt>
                <c:pt idx="1831">
                  <c:v>1.6027550928834211</c:v>
                </c:pt>
                <c:pt idx="1832">
                  <c:v>1.5367046576325913</c:v>
                </c:pt>
                <c:pt idx="1833">
                  <c:v>1.5466211971641357</c:v>
                </c:pt>
                <c:pt idx="1834">
                  <c:v>1.5466211971641357</c:v>
                </c:pt>
                <c:pt idx="1835">
                  <c:v>1.5948577582338657</c:v>
                </c:pt>
                <c:pt idx="1836">
                  <c:v>1.6592479583595048</c:v>
                </c:pt>
                <c:pt idx="1837">
                  <c:v>1.6637350803194795</c:v>
                </c:pt>
                <c:pt idx="1838">
                  <c:v>1.627030422686885</c:v>
                </c:pt>
                <c:pt idx="1839">
                  <c:v>1.6294534685452717</c:v>
                </c:pt>
                <c:pt idx="1840">
                  <c:v>1.6510813963923505</c:v>
                </c:pt>
                <c:pt idx="1841">
                  <c:v>1.6835232881629687</c:v>
                </c:pt>
                <c:pt idx="1842">
                  <c:v>1.6905680696401295</c:v>
                </c:pt>
                <c:pt idx="1843">
                  <c:v>1.68868347841694</c:v>
                </c:pt>
                <c:pt idx="1844">
                  <c:v>1.6539531544467345</c:v>
                </c:pt>
                <c:pt idx="1845">
                  <c:v>1.6902988423225307</c:v>
                </c:pt>
                <c:pt idx="1846">
                  <c:v>1.7212151126267576</c:v>
                </c:pt>
                <c:pt idx="1847">
                  <c:v>1.7695414161356871</c:v>
                </c:pt>
                <c:pt idx="1848">
                  <c:v>1.7786951449340358</c:v>
                </c:pt>
                <c:pt idx="1849">
                  <c:v>1.7960154356995388</c:v>
                </c:pt>
                <c:pt idx="1850">
                  <c:v>1.7993359059499201</c:v>
                </c:pt>
                <c:pt idx="1851">
                  <c:v>1.8038230279098948</c:v>
                </c:pt>
                <c:pt idx="1852">
                  <c:v>1.8038230279098948</c:v>
                </c:pt>
                <c:pt idx="1853">
                  <c:v>1.8247778874629774</c:v>
                </c:pt>
                <c:pt idx="1854">
                  <c:v>1.8225791977025896</c:v>
                </c:pt>
                <c:pt idx="1855">
                  <c:v>1.8165664542762232</c:v>
                </c:pt>
                <c:pt idx="1856">
                  <c:v>1.8301175625953476</c:v>
                </c:pt>
                <c:pt idx="1857">
                  <c:v>1.8972000358969718</c:v>
                </c:pt>
                <c:pt idx="1858">
                  <c:v>1.8983666876065652</c:v>
                </c:pt>
                <c:pt idx="1859">
                  <c:v>1.9263663286368087</c:v>
                </c:pt>
                <c:pt idx="1860">
                  <c:v>1.9266355559544071</c:v>
                </c:pt>
                <c:pt idx="1861">
                  <c:v>1.9577761823566324</c:v>
                </c:pt>
                <c:pt idx="1862">
                  <c:v>1.9539172574710544</c:v>
                </c:pt>
                <c:pt idx="1863">
                  <c:v>1.9404110203715299</c:v>
                </c:pt>
                <c:pt idx="1864">
                  <c:v>1.8716234407251151</c:v>
                </c:pt>
                <c:pt idx="1865">
                  <c:v>1.9476352867270896</c:v>
                </c:pt>
                <c:pt idx="1866">
                  <c:v>1.9183343803284538</c:v>
                </c:pt>
                <c:pt idx="1867">
                  <c:v>1.9331418827963707</c:v>
                </c:pt>
                <c:pt idx="1868">
                  <c:v>1.9678273355469766</c:v>
                </c:pt>
                <c:pt idx="1869">
                  <c:v>1.9706093511621607</c:v>
                </c:pt>
                <c:pt idx="1870">
                  <c:v>1.9656286457865888</c:v>
                </c:pt>
                <c:pt idx="1871">
                  <c:v>1.9533788028358572</c:v>
                </c:pt>
                <c:pt idx="1872">
                  <c:v>1.9588979628466263</c:v>
                </c:pt>
                <c:pt idx="1873">
                  <c:v>1.9274432379072026</c:v>
                </c:pt>
                <c:pt idx="1874">
                  <c:v>1.9596159023602224</c:v>
                </c:pt>
                <c:pt idx="1875">
                  <c:v>1.9530198330790594</c:v>
                </c:pt>
                <c:pt idx="1876">
                  <c:v>1.9978013102396086</c:v>
                </c:pt>
                <c:pt idx="1877">
                  <c:v>2.041416135690564</c:v>
                </c:pt>
                <c:pt idx="1878">
                  <c:v>2.0047563492775695</c:v>
                </c:pt>
                <c:pt idx="1879">
                  <c:v>1.9217445930180346</c:v>
                </c:pt>
                <c:pt idx="1880">
                  <c:v>1.9622184330970076</c:v>
                </c:pt>
                <c:pt idx="1881">
                  <c:v>2.0022435609799834</c:v>
                </c:pt>
                <c:pt idx="1882">
                  <c:v>1.9930449609620351</c:v>
                </c:pt>
                <c:pt idx="1883">
                  <c:v>1.978731041909715</c:v>
                </c:pt>
                <c:pt idx="1884">
                  <c:v>2.0689221933052102</c:v>
                </c:pt>
                <c:pt idx="1885">
                  <c:v>2.0627748362200444</c:v>
                </c:pt>
                <c:pt idx="1886">
                  <c:v>2.0399802566633722</c:v>
                </c:pt>
                <c:pt idx="1887">
                  <c:v>2.0370636273893887</c:v>
                </c:pt>
                <c:pt idx="1888">
                  <c:v>2.0391277034909776</c:v>
                </c:pt>
                <c:pt idx="1889">
                  <c:v>2.0196087229650868</c:v>
                </c:pt>
                <c:pt idx="1890">
                  <c:v>2.0000897424391959</c:v>
                </c:pt>
                <c:pt idx="1891">
                  <c:v>1.9537826438122554</c:v>
                </c:pt>
                <c:pt idx="1892">
                  <c:v>1.9530647042986597</c:v>
                </c:pt>
                <c:pt idx="1893">
                  <c:v>1.9921924077896405</c:v>
                </c:pt>
                <c:pt idx="1894">
                  <c:v>1.963160728708603</c:v>
                </c:pt>
                <c:pt idx="1895">
                  <c:v>1.9201741003320438</c:v>
                </c:pt>
                <c:pt idx="1896">
                  <c:v>1.9108408866552962</c:v>
                </c:pt>
                <c:pt idx="1897">
                  <c:v>1.8946423763797871</c:v>
                </c:pt>
                <c:pt idx="1898">
                  <c:v>1.9263214574172096</c:v>
                </c:pt>
                <c:pt idx="1899">
                  <c:v>1.8845014807502438</c:v>
                </c:pt>
                <c:pt idx="1900">
                  <c:v>1.8505788387328335</c:v>
                </c:pt>
                <c:pt idx="1901">
                  <c:v>1.8578928475275927</c:v>
                </c:pt>
                <c:pt idx="1902">
                  <c:v>1.8234317508749855</c:v>
                </c:pt>
                <c:pt idx="1903">
                  <c:v>1.7702593556492832</c:v>
                </c:pt>
                <c:pt idx="1904">
                  <c:v>1.750291662927395</c:v>
                </c:pt>
                <c:pt idx="1905">
                  <c:v>1.829489365520951</c:v>
                </c:pt>
                <c:pt idx="1906">
                  <c:v>1.7867270932423907</c:v>
                </c:pt>
                <c:pt idx="1907">
                  <c:v>1.7799515390828287</c:v>
                </c:pt>
                <c:pt idx="1908">
                  <c:v>1.8133357264650414</c:v>
                </c:pt>
                <c:pt idx="1909">
                  <c:v>1.8273355469801631</c:v>
                </c:pt>
                <c:pt idx="1910">
                  <c:v>1.8097460288970617</c:v>
                </c:pt>
                <c:pt idx="1911">
                  <c:v>1.8041819976666926</c:v>
                </c:pt>
                <c:pt idx="1912">
                  <c:v>1.7613299829489328</c:v>
                </c:pt>
                <c:pt idx="1913">
                  <c:v>1.7807143498160243</c:v>
                </c:pt>
                <c:pt idx="1914">
                  <c:v>1.7707978102844799</c:v>
                </c:pt>
                <c:pt idx="1915">
                  <c:v>1.7909001166651675</c:v>
                </c:pt>
                <c:pt idx="1916">
                  <c:v>1.7681504083280948</c:v>
                </c:pt>
                <c:pt idx="1917">
                  <c:v>1.7739387956564623</c:v>
                </c:pt>
                <c:pt idx="1918">
                  <c:v>1.8009961410751107</c:v>
                </c:pt>
                <c:pt idx="1919">
                  <c:v>1.7866822220227911</c:v>
                </c:pt>
                <c:pt idx="1920">
                  <c:v>1.729067576056714</c:v>
                </c:pt>
                <c:pt idx="1921">
                  <c:v>1.7470160638966137</c:v>
                </c:pt>
                <c:pt idx="1922">
                  <c:v>1.7086511711388286</c:v>
                </c:pt>
                <c:pt idx="1923">
                  <c:v>1.6826707349905741</c:v>
                </c:pt>
                <c:pt idx="1924">
                  <c:v>1.678901552544195</c:v>
                </c:pt>
                <c:pt idx="1925">
                  <c:v>1.6673696491070595</c:v>
                </c:pt>
                <c:pt idx="1926">
                  <c:v>1.5818451045499384</c:v>
                </c:pt>
                <c:pt idx="1927">
                  <c:v>1.5234227766310657</c:v>
                </c:pt>
                <c:pt idx="1928">
                  <c:v>1.5077178497711539</c:v>
                </c:pt>
                <c:pt idx="1929">
                  <c:v>1.4247509647312184</c:v>
                </c:pt>
                <c:pt idx="1930">
                  <c:v>1.4460647940410993</c:v>
                </c:pt>
                <c:pt idx="1931">
                  <c:v>1.539262317149777</c:v>
                </c:pt>
                <c:pt idx="1932">
                  <c:v>1.4696221843309671</c:v>
                </c:pt>
                <c:pt idx="1933">
                  <c:v>1.4508211433186724</c:v>
                </c:pt>
                <c:pt idx="1934">
                  <c:v>1.4258727452212119</c:v>
                </c:pt>
                <c:pt idx="1935">
                  <c:v>1.4438212330611115</c:v>
                </c:pt>
                <c:pt idx="1936">
                  <c:v>1.4774297765413236</c:v>
                </c:pt>
                <c:pt idx="1937">
                  <c:v>1.4514493403930691</c:v>
                </c:pt>
                <c:pt idx="1938">
                  <c:v>1.413937000807679</c:v>
                </c:pt>
                <c:pt idx="1939">
                  <c:v>1.4450327559903049</c:v>
                </c:pt>
                <c:pt idx="1940">
                  <c:v>1.3962128690657782</c:v>
                </c:pt>
                <c:pt idx="1941">
                  <c:v>1.3968410661401744</c:v>
                </c:pt>
                <c:pt idx="1942">
                  <c:v>1.3548864758144092</c:v>
                </c:pt>
                <c:pt idx="1943">
                  <c:v>1.4300457686439882</c:v>
                </c:pt>
                <c:pt idx="1944">
                  <c:v>1.4422956115947194</c:v>
                </c:pt>
                <c:pt idx="1945">
                  <c:v>1.4230907296060269</c:v>
                </c:pt>
                <c:pt idx="1946">
                  <c:v>1.4701157677465635</c:v>
                </c:pt>
                <c:pt idx="1947">
                  <c:v>1.4970833707260125</c:v>
                </c:pt>
                <c:pt idx="1948">
                  <c:v>1.4836668760656875</c:v>
                </c:pt>
                <c:pt idx="1949">
                  <c:v>1.517454904424298</c:v>
                </c:pt>
                <c:pt idx="1950">
                  <c:v>1.5215381854078753</c:v>
                </c:pt>
                <c:pt idx="1951">
                  <c:v>1.566409405007624</c:v>
                </c:pt>
                <c:pt idx="1952">
                  <c:v>1.5651081396392312</c:v>
                </c:pt>
                <c:pt idx="1953">
                  <c:v>1.4905770438840484</c:v>
                </c:pt>
                <c:pt idx="1954">
                  <c:v>1.487615543390465</c:v>
                </c:pt>
                <c:pt idx="1955">
                  <c:v>1.4142959705644755</c:v>
                </c:pt>
                <c:pt idx="1956">
                  <c:v>1.4156869783720678</c:v>
                </c:pt>
                <c:pt idx="1957">
                  <c:v>1.3830207305034508</c:v>
                </c:pt>
                <c:pt idx="1958">
                  <c:v>1.3625594543659654</c:v>
                </c:pt>
                <c:pt idx="1959">
                  <c:v>1.4389302701247377</c:v>
                </c:pt>
                <c:pt idx="1960">
                  <c:v>1.4540967423494529</c:v>
                </c:pt>
                <c:pt idx="1961">
                  <c:v>1.5029166292739795</c:v>
                </c:pt>
                <c:pt idx="1962">
                  <c:v>1.5161985102755047</c:v>
                </c:pt>
                <c:pt idx="1963">
                  <c:v>1.5297944898142286</c:v>
                </c:pt>
                <c:pt idx="1964">
                  <c:v>1.4855963385084761</c:v>
                </c:pt>
                <c:pt idx="1965">
                  <c:v>1.4855963385084761</c:v>
                </c:pt>
                <c:pt idx="1966">
                  <c:v>1.4098088486045004</c:v>
                </c:pt>
                <c:pt idx="1967">
                  <c:v>1.4037063627389346</c:v>
                </c:pt>
                <c:pt idx="1968">
                  <c:v>1.397020551018572</c:v>
                </c:pt>
                <c:pt idx="1969">
                  <c:v>1.4378533608543433</c:v>
                </c:pt>
                <c:pt idx="1970">
                  <c:v>1.396167997846177</c:v>
                </c:pt>
                <c:pt idx="1971">
                  <c:v>1.4189625774028491</c:v>
                </c:pt>
                <c:pt idx="1972">
                  <c:v>1.4492057794130799</c:v>
                </c:pt>
                <c:pt idx="1973">
                  <c:v>1.4834425199676882</c:v>
                </c:pt>
                <c:pt idx="1974">
                  <c:v>1.431750874988778</c:v>
                </c:pt>
                <c:pt idx="1975">
                  <c:v>1.37965538903347</c:v>
                </c:pt>
                <c:pt idx="1976">
                  <c:v>1.3619312572915692</c:v>
                </c:pt>
                <c:pt idx="1977">
                  <c:v>1.3605402494839769</c:v>
                </c:pt>
                <c:pt idx="1978">
                  <c:v>1.423135600825626</c:v>
                </c:pt>
                <c:pt idx="1979">
                  <c:v>1.537602082024585</c:v>
                </c:pt>
                <c:pt idx="1980">
                  <c:v>1.5684286098896125</c:v>
                </c:pt>
                <c:pt idx="1981">
                  <c:v>1.5171408058870997</c:v>
                </c:pt>
                <c:pt idx="1982">
                  <c:v>1.5258458224894511</c:v>
                </c:pt>
                <c:pt idx="1983">
                  <c:v>1.491250112178045</c:v>
                </c:pt>
                <c:pt idx="1984">
                  <c:v>1.5691016781836091</c:v>
                </c:pt>
                <c:pt idx="1985">
                  <c:v>1.6179664363277353</c:v>
                </c:pt>
                <c:pt idx="1986">
                  <c:v>1.5901911513954907</c:v>
                </c:pt>
                <c:pt idx="1987">
                  <c:v>1.6451583954051827</c:v>
                </c:pt>
                <c:pt idx="1988">
                  <c:v>1.6382930988064213</c:v>
                </c:pt>
                <c:pt idx="1989">
                  <c:v>1.6599658978731</c:v>
                </c:pt>
                <c:pt idx="1990">
                  <c:v>1.6528762451763397</c:v>
                </c:pt>
                <c:pt idx="1991">
                  <c:v>1.6062101767926009</c:v>
                </c:pt>
                <c:pt idx="1992">
                  <c:v>1.6110113972897739</c:v>
                </c:pt>
                <c:pt idx="1993">
                  <c:v>1.6673696491070582</c:v>
                </c:pt>
                <c:pt idx="1994">
                  <c:v>1.6510813963923492</c:v>
                </c:pt>
                <c:pt idx="1995">
                  <c:v>1.6601005115318985</c:v>
                </c:pt>
                <c:pt idx="1996">
                  <c:v>1.6436776451583905</c:v>
                </c:pt>
                <c:pt idx="1997">
                  <c:v>1.6644530198330743</c:v>
                </c:pt>
                <c:pt idx="1998">
                  <c:v>1.6254599300008929</c:v>
                </c:pt>
                <c:pt idx="1999">
                  <c:v>1.6216010051153145</c:v>
                </c:pt>
                <c:pt idx="2000">
                  <c:v>1.6075114421609933</c:v>
                </c:pt>
                <c:pt idx="2001">
                  <c:v>1.6207484519429194</c:v>
                </c:pt>
                <c:pt idx="2002">
                  <c:v>1.57421699721798</c:v>
                </c:pt>
                <c:pt idx="2003">
                  <c:v>1.5691465494032086</c:v>
                </c:pt>
                <c:pt idx="2004">
                  <c:v>1.5603966615812577</c:v>
                </c:pt>
                <c:pt idx="2005">
                  <c:v>1.5702683298932021</c:v>
                </c:pt>
                <c:pt idx="2006">
                  <c:v>1.5232432917526655</c:v>
                </c:pt>
                <c:pt idx="2007">
                  <c:v>1.5515121601005069</c:v>
                </c:pt>
                <c:pt idx="2008">
                  <c:v>1.6169343982769404</c:v>
                </c:pt>
                <c:pt idx="2009">
                  <c:v>1.6206587095037195</c:v>
                </c:pt>
                <c:pt idx="2010">
                  <c:v>1.6663376110562638</c:v>
                </c:pt>
                <c:pt idx="2011">
                  <c:v>1.6887283496365386</c:v>
                </c:pt>
                <c:pt idx="2012">
                  <c:v>1.7801310239612262</c:v>
                </c:pt>
                <c:pt idx="2013">
                  <c:v>1.7867270932423893</c:v>
                </c:pt>
                <c:pt idx="2014">
                  <c:v>1.7732657273624648</c:v>
                </c:pt>
                <c:pt idx="2015">
                  <c:v>1.7732208561428653</c:v>
                </c:pt>
                <c:pt idx="2016">
                  <c:v>1.7663555595441038</c:v>
                </c:pt>
                <c:pt idx="2017">
                  <c:v>1.7679709234496945</c:v>
                </c:pt>
                <c:pt idx="2018">
                  <c:v>1.7515031858565866</c:v>
                </c:pt>
                <c:pt idx="2019">
                  <c:v>1.7779323342008384</c:v>
                </c:pt>
                <c:pt idx="2020">
                  <c:v>1.7147536570043922</c:v>
                </c:pt>
                <c:pt idx="2021">
                  <c:v>1.7137216189535982</c:v>
                </c:pt>
                <c:pt idx="2022">
                  <c:v>1.7029973974692583</c:v>
                </c:pt>
                <c:pt idx="2023">
                  <c:v>1.655254419815126</c:v>
                </c:pt>
                <c:pt idx="2024">
                  <c:v>1.6729785515570268</c:v>
                </c:pt>
                <c:pt idx="2025">
                  <c:v>1.6573633671363144</c:v>
                </c:pt>
                <c:pt idx="2026">
                  <c:v>1.6306649914744638</c:v>
                </c:pt>
                <c:pt idx="2027">
                  <c:v>1.6230817553621062</c:v>
                </c:pt>
                <c:pt idx="2028">
                  <c:v>1.6281522031768776</c:v>
                </c:pt>
                <c:pt idx="2029">
                  <c:v>1.6616261329982898</c:v>
                </c:pt>
                <c:pt idx="2030">
                  <c:v>1.644664811989585</c:v>
                </c:pt>
                <c:pt idx="2031">
                  <c:v>1.6229920129229063</c:v>
                </c:pt>
                <c:pt idx="2032">
                  <c:v>1.6546262227407293</c:v>
                </c:pt>
                <c:pt idx="2033">
                  <c:v>1.6743695593646186</c:v>
                </c:pt>
                <c:pt idx="2034">
                  <c:v>1.6807412725477828</c:v>
                </c:pt>
                <c:pt idx="2035">
                  <c:v>1.6961769720900963</c:v>
                </c:pt>
                <c:pt idx="2036">
                  <c:v>1.6802925603517851</c:v>
                </c:pt>
                <c:pt idx="2037">
                  <c:v>1.643902001256389</c:v>
                </c:pt>
                <c:pt idx="2038">
                  <c:v>1.6339405905052446</c:v>
                </c:pt>
                <c:pt idx="2039">
                  <c:v>1.5886206587094982</c:v>
                </c:pt>
                <c:pt idx="2040">
                  <c:v>1.5648389123216315</c:v>
                </c:pt>
                <c:pt idx="2041">
                  <c:v>1.5951718567710618</c:v>
                </c:pt>
                <c:pt idx="2042">
                  <c:v>1.5700439737952023</c:v>
                </c:pt>
                <c:pt idx="2043">
                  <c:v>1.5655568518352272</c:v>
                </c:pt>
                <c:pt idx="2044">
                  <c:v>1.5883065601722999</c:v>
                </c:pt>
                <c:pt idx="2045">
                  <c:v>1.5607107601184547</c:v>
                </c:pt>
                <c:pt idx="2046">
                  <c:v>1.6196715426725241</c:v>
                </c:pt>
                <c:pt idx="2047">
                  <c:v>1.6119088216817676</c:v>
                </c:pt>
                <c:pt idx="2048">
                  <c:v>1.667952974961854</c:v>
                </c:pt>
                <c:pt idx="2049">
                  <c:v>1.6257291573184904</c:v>
                </c:pt>
                <c:pt idx="2050">
                  <c:v>1.58117203625594</c:v>
                </c:pt>
                <c:pt idx="2051">
                  <c:v>1.5736785425827819</c:v>
                </c:pt>
                <c:pt idx="2052">
                  <c:v>1.5605312752400557</c:v>
                </c:pt>
                <c:pt idx="2053">
                  <c:v>1.5794669299111499</c:v>
                </c:pt>
                <c:pt idx="2054">
                  <c:v>1.5253073678542535</c:v>
                </c:pt>
                <c:pt idx="2055">
                  <c:v>1.4859553082652739</c:v>
                </c:pt>
                <c:pt idx="2056">
                  <c:v>1.5329803464058105</c:v>
                </c:pt>
                <c:pt idx="2057">
                  <c:v>1.5329803464058105</c:v>
                </c:pt>
                <c:pt idx="2058">
                  <c:v>1.5236471327290628</c:v>
                </c:pt>
                <c:pt idx="2059">
                  <c:v>1.5323521493314143</c:v>
                </c:pt>
                <c:pt idx="2060">
                  <c:v>1.5834155972359283</c:v>
                </c:pt>
                <c:pt idx="2061">
                  <c:v>1.5458583864309388</c:v>
                </c:pt>
                <c:pt idx="2062">
                  <c:v>1.5239163600466616</c:v>
                </c:pt>
                <c:pt idx="2063">
                  <c:v>1.5369738849501884</c:v>
                </c:pt>
                <c:pt idx="2064">
                  <c:v>1.5958897962846583</c:v>
                </c:pt>
                <c:pt idx="2065">
                  <c:v>1.5789284752759536</c:v>
                </c:pt>
                <c:pt idx="2066">
                  <c:v>1.6115947231445706</c:v>
                </c:pt>
                <c:pt idx="2067">
                  <c:v>1.582922013820331</c:v>
                </c:pt>
                <c:pt idx="2068">
                  <c:v>1.5880822040743019</c:v>
                </c:pt>
                <c:pt idx="2069">
                  <c:v>1.5870950372431074</c:v>
                </c:pt>
                <c:pt idx="2070">
                  <c:v>1.6243830207304986</c:v>
                </c:pt>
                <c:pt idx="2071">
                  <c:v>1.6585300188459073</c:v>
                </c:pt>
                <c:pt idx="2072">
                  <c:v>1.6753567261958131</c:v>
                </c:pt>
                <c:pt idx="2073">
                  <c:v>1.6686709144754506</c:v>
                </c:pt>
                <c:pt idx="2074">
                  <c:v>1.6615812617786903</c:v>
                </c:pt>
                <c:pt idx="2075">
                  <c:v>1.674504173023418</c:v>
                </c:pt>
                <c:pt idx="2076">
                  <c:v>1.6727990666786274</c:v>
                </c:pt>
                <c:pt idx="2077">
                  <c:v>1.7129139370008031</c:v>
                </c:pt>
                <c:pt idx="2078">
                  <c:v>1.7370546531454676</c:v>
                </c:pt>
                <c:pt idx="2079">
                  <c:v>1.7495288521941976</c:v>
                </c:pt>
                <c:pt idx="2080">
                  <c:v>1.7374584941218654</c:v>
                </c:pt>
                <c:pt idx="2081">
                  <c:v>1.7374584941218654</c:v>
                </c:pt>
                <c:pt idx="2082">
                  <c:v>1.7353046755810775</c:v>
                </c:pt>
                <c:pt idx="2083">
                  <c:v>1.7108947321188142</c:v>
                </c:pt>
                <c:pt idx="2084">
                  <c:v>1.7349905770438792</c:v>
                </c:pt>
                <c:pt idx="2085">
                  <c:v>1.7349905770438792</c:v>
                </c:pt>
                <c:pt idx="2086">
                  <c:v>1.8066947859642775</c:v>
                </c:pt>
                <c:pt idx="2087">
                  <c:v>1.8408866552992862</c:v>
                </c:pt>
                <c:pt idx="2088">
                  <c:v>1.8054832630350846</c:v>
                </c:pt>
                <c:pt idx="2089">
                  <c:v>1.7789643722516328</c:v>
                </c:pt>
                <c:pt idx="2090">
                  <c:v>1.7428430404738351</c:v>
                </c:pt>
                <c:pt idx="2091">
                  <c:v>1.7630799605133216</c:v>
                </c:pt>
                <c:pt idx="2092">
                  <c:v>1.7675670824732967</c:v>
                </c:pt>
                <c:pt idx="2093">
                  <c:v>1.759445391725742</c:v>
                </c:pt>
                <c:pt idx="2094">
                  <c:v>1.7856053127523954</c:v>
                </c:pt>
                <c:pt idx="2095">
                  <c:v>1.7697657722336841</c:v>
                </c:pt>
                <c:pt idx="2096">
                  <c:v>1.7724580454096692</c:v>
                </c:pt>
                <c:pt idx="2097">
                  <c:v>1.7907206317867668</c:v>
                </c:pt>
                <c:pt idx="2098">
                  <c:v>1.7800412815220263</c:v>
                </c:pt>
                <c:pt idx="2099">
                  <c:v>1.7774836220048407</c:v>
                </c:pt>
                <c:pt idx="2100">
                  <c:v>1.768195279547693</c:v>
                </c:pt>
                <c:pt idx="2101">
                  <c:v>1.7804899937180241</c:v>
                </c:pt>
                <c:pt idx="2102">
                  <c:v>1.7447276316970246</c:v>
                </c:pt>
                <c:pt idx="2103">
                  <c:v>1.7447276316970246</c:v>
                </c:pt>
                <c:pt idx="2104">
                  <c:v>1.6934846989141117</c:v>
                </c:pt>
                <c:pt idx="2105">
                  <c:v>1.7104908911424168</c:v>
                </c:pt>
                <c:pt idx="2106">
                  <c:v>1.6624786861706857</c:v>
                </c:pt>
                <c:pt idx="2107">
                  <c:v>1.6815489545005784</c:v>
                </c:pt>
                <c:pt idx="2108">
                  <c:v>1.7080229740644302</c:v>
                </c:pt>
                <c:pt idx="2109">
                  <c:v>1.6732029076550252</c:v>
                </c:pt>
                <c:pt idx="2110">
                  <c:v>1.6673247778874583</c:v>
                </c:pt>
                <c:pt idx="2111">
                  <c:v>1.6452032666247822</c:v>
                </c:pt>
                <c:pt idx="2112">
                  <c:v>1.6192228304765277</c:v>
                </c:pt>
                <c:pt idx="2113">
                  <c:v>1.6248317329264963</c:v>
                </c:pt>
                <c:pt idx="2114">
                  <c:v>1.6207035807233194</c:v>
                </c:pt>
                <c:pt idx="2115">
                  <c:v>1.6059858206946021</c:v>
                </c:pt>
                <c:pt idx="2116">
                  <c:v>1.5981782284842456</c:v>
                </c:pt>
                <c:pt idx="2117">
                  <c:v>1.5851655748003184</c:v>
                </c:pt>
                <c:pt idx="2118">
                  <c:v>1.5717490801399934</c:v>
                </c:pt>
                <c:pt idx="2119">
                  <c:v>1.5207305034550793</c:v>
                </c:pt>
                <c:pt idx="2120">
                  <c:v>1.5196984654042849</c:v>
                </c:pt>
                <c:pt idx="2121">
                  <c:v>1.5440635376469483</c:v>
                </c:pt>
                <c:pt idx="2122">
                  <c:v>1.5404738400789681</c:v>
                </c:pt>
                <c:pt idx="2123">
                  <c:v>1.5553262137664849</c:v>
                </c:pt>
                <c:pt idx="2124">
                  <c:v>1.5699093601364034</c:v>
                </c:pt>
                <c:pt idx="2125">
                  <c:v>1.5766849142959658</c:v>
                </c:pt>
                <c:pt idx="2126">
                  <c:v>1.5524095844925019</c:v>
                </c:pt>
                <c:pt idx="2127">
                  <c:v>1.5351790361661983</c:v>
                </c:pt>
                <c:pt idx="2128">
                  <c:v>1.5105447366059361</c:v>
                </c:pt>
                <c:pt idx="2129">
                  <c:v>1.5998384636094358</c:v>
                </c:pt>
                <c:pt idx="2130">
                  <c:v>1.6404917885668078</c:v>
                </c:pt>
                <c:pt idx="2131">
                  <c:v>1.6219151036525119</c:v>
                </c:pt>
                <c:pt idx="2132">
                  <c:v>1.6269406802476838</c:v>
                </c:pt>
                <c:pt idx="2133">
                  <c:v>1.6118639504621681</c:v>
                </c:pt>
                <c:pt idx="2134">
                  <c:v>1.5749349367315748</c:v>
                </c:pt>
                <c:pt idx="2135">
                  <c:v>1.5702683298932008</c:v>
                </c:pt>
                <c:pt idx="2136">
                  <c:v>1.5517813874181043</c:v>
                </c:pt>
                <c:pt idx="2137">
                  <c:v>1.5564031230368784</c:v>
                </c:pt>
                <c:pt idx="2138">
                  <c:v>1.5289868078614322</c:v>
                </c:pt>
                <c:pt idx="2139">
                  <c:v>1.5141344341739154</c:v>
                </c:pt>
                <c:pt idx="2140">
                  <c:v>1.4937629004756294</c:v>
                </c:pt>
                <c:pt idx="2141">
                  <c:v>1.4788207843489132</c:v>
                </c:pt>
                <c:pt idx="2142">
                  <c:v>1.4622184330970063</c:v>
                </c:pt>
                <c:pt idx="2143">
                  <c:v>1.4980256663376057</c:v>
                </c:pt>
                <c:pt idx="2144">
                  <c:v>1.5143139190523143</c:v>
                </c:pt>
                <c:pt idx="2145">
                  <c:v>1.5285829668850344</c:v>
                </c:pt>
                <c:pt idx="2146">
                  <c:v>1.5083909180651478</c:v>
                </c:pt>
                <c:pt idx="2147">
                  <c:v>1.4629363726106024</c:v>
                </c:pt>
                <c:pt idx="2148">
                  <c:v>1.4931347034012332</c:v>
                </c:pt>
                <c:pt idx="2149">
                  <c:v>1.452122408687063</c:v>
                </c:pt>
                <c:pt idx="2150">
                  <c:v>1.4701606389661621</c:v>
                </c:pt>
                <c:pt idx="2151">
                  <c:v>1.4720452301893512</c:v>
                </c:pt>
                <c:pt idx="2152">
                  <c:v>1.5088396302611446</c:v>
                </c:pt>
                <c:pt idx="2153">
                  <c:v>1.5211343444314753</c:v>
                </c:pt>
                <c:pt idx="2154">
                  <c:v>1.4858655658260731</c:v>
                </c:pt>
                <c:pt idx="2155">
                  <c:v>1.4662119716413833</c:v>
                </c:pt>
                <c:pt idx="2156">
                  <c:v>1.3758862065870896</c:v>
                </c:pt>
                <c:pt idx="2157">
                  <c:v>1.4225971461904279</c:v>
                </c:pt>
                <c:pt idx="2158">
                  <c:v>1.3728349636543067</c:v>
                </c:pt>
                <c:pt idx="2159">
                  <c:v>1.3855783900206355</c:v>
                </c:pt>
                <c:pt idx="2160">
                  <c:v>1.4198151305752438</c:v>
                </c:pt>
                <c:pt idx="2161">
                  <c:v>1.4363726106075507</c:v>
                </c:pt>
                <c:pt idx="2162">
                  <c:v>1.4627120165126031</c:v>
                </c:pt>
                <c:pt idx="2163">
                  <c:v>1.4671991384725778</c:v>
                </c:pt>
                <c:pt idx="2164">
                  <c:v>1.4662568428609828</c:v>
                </c:pt>
                <c:pt idx="2165">
                  <c:v>1.4343534057255614</c:v>
                </c:pt>
                <c:pt idx="2166">
                  <c:v>1.462846630171402</c:v>
                </c:pt>
                <c:pt idx="2167">
                  <c:v>1.5087498878219447</c:v>
                </c:pt>
                <c:pt idx="2168">
                  <c:v>1.4823207394776929</c:v>
                </c:pt>
                <c:pt idx="2169">
                  <c:v>1.4898142331508506</c:v>
                </c:pt>
                <c:pt idx="2170">
                  <c:v>1.4871668311944655</c:v>
                </c:pt>
                <c:pt idx="2171">
                  <c:v>1.5250830117562533</c:v>
                </c:pt>
                <c:pt idx="2172">
                  <c:v>1.5039935385443712</c:v>
                </c:pt>
                <c:pt idx="2173">
                  <c:v>1.487974513147261</c:v>
                </c:pt>
                <c:pt idx="2174">
                  <c:v>1.4727182984833465</c:v>
                </c:pt>
                <c:pt idx="2175">
                  <c:v>1.4431032935475123</c:v>
                </c:pt>
                <c:pt idx="2176">
                  <c:v>1.4529300906398572</c:v>
                </c:pt>
                <c:pt idx="2177">
                  <c:v>1.4650453199317894</c:v>
                </c:pt>
                <c:pt idx="2178">
                  <c:v>1.4576864399174307</c:v>
                </c:pt>
                <c:pt idx="2179">
                  <c:v>1.4752759580005321</c:v>
                </c:pt>
                <c:pt idx="2180">
                  <c:v>1.4993269317059976</c:v>
                </c:pt>
                <c:pt idx="2181">
                  <c:v>1.5246791707798555</c:v>
                </c:pt>
                <c:pt idx="2182">
                  <c:v>1.5320380507942142</c:v>
                </c:pt>
                <c:pt idx="2183">
                  <c:v>1.5284483532262341</c:v>
                </c:pt>
                <c:pt idx="2184">
                  <c:v>1.5310060127434197</c:v>
                </c:pt>
                <c:pt idx="2185">
                  <c:v>1.5305124293278225</c:v>
                </c:pt>
                <c:pt idx="2186">
                  <c:v>1.5144036614915128</c:v>
                </c:pt>
                <c:pt idx="2187">
                  <c:v>1.451494211612665</c:v>
                </c:pt>
                <c:pt idx="2188">
                  <c:v>1.4008794759041487</c:v>
                </c:pt>
                <c:pt idx="2189">
                  <c:v>1.4205330700888386</c:v>
                </c:pt>
                <c:pt idx="2190">
                  <c:v>1.4238086691196199</c:v>
                </c:pt>
                <c:pt idx="2191">
                  <c:v>1.3691106524275263</c:v>
                </c:pt>
                <c:pt idx="2192">
                  <c:v>1.3729695773131048</c:v>
                </c:pt>
                <c:pt idx="2193">
                  <c:v>1.3161626132998232</c:v>
                </c:pt>
                <c:pt idx="2194">
                  <c:v>1.3026115049806992</c:v>
                </c:pt>
                <c:pt idx="2195">
                  <c:v>1.2331957282598882</c:v>
                </c:pt>
                <c:pt idx="2196">
                  <c:v>1.2067665799156364</c:v>
                </c:pt>
                <c:pt idx="2197">
                  <c:v>1.2621376649017262</c:v>
                </c:pt>
                <c:pt idx="2198">
                  <c:v>1.2135870052947983</c:v>
                </c:pt>
                <c:pt idx="2199">
                  <c:v>1.2026384277124595</c:v>
                </c:pt>
                <c:pt idx="2200">
                  <c:v>1.2195100062819648</c:v>
                </c:pt>
                <c:pt idx="2201">
                  <c:v>1.1490173202907599</c:v>
                </c:pt>
                <c:pt idx="2202">
                  <c:v>1.1634209817822794</c:v>
                </c:pt>
                <c:pt idx="2203">
                  <c:v>1.1114601094857703</c:v>
                </c:pt>
                <c:pt idx="2204">
                  <c:v>1.0625056089024447</c:v>
                </c:pt>
                <c:pt idx="2205">
                  <c:v>1.1041461006910112</c:v>
                </c:pt>
                <c:pt idx="2206">
                  <c:v>1.1166202997397416</c:v>
                </c:pt>
                <c:pt idx="2207">
                  <c:v>1.1362738939244315</c:v>
                </c:pt>
                <c:pt idx="2208">
                  <c:v>1.1294534685452695</c:v>
                </c:pt>
                <c:pt idx="2209">
                  <c:v>1.1192228304765268</c:v>
                </c:pt>
                <c:pt idx="2210">
                  <c:v>1.0294355200574299</c:v>
                </c:pt>
                <c:pt idx="2211">
                  <c:v>1.0211792156510762</c:v>
                </c:pt>
                <c:pt idx="2212">
                  <c:v>1.0534416225432954</c:v>
                </c:pt>
                <c:pt idx="2213">
                  <c:v>1.0286278381046343</c:v>
                </c:pt>
                <c:pt idx="2214">
                  <c:v>1.0225702234586684</c:v>
                </c:pt>
                <c:pt idx="2215">
                  <c:v>1.0225702234586684</c:v>
                </c:pt>
                <c:pt idx="2216">
                  <c:v>1.0408776810553659</c:v>
                </c:pt>
                <c:pt idx="2217">
                  <c:v>1.0921654850578784</c:v>
                </c:pt>
                <c:pt idx="2218">
                  <c:v>1.0431212420353533</c:v>
                </c:pt>
                <c:pt idx="2219">
                  <c:v>1.0971910616530502</c:v>
                </c:pt>
                <c:pt idx="2220">
                  <c:v>1.1030691914206172</c:v>
                </c:pt>
                <c:pt idx="2221">
                  <c:v>1.1272099075652822</c:v>
                </c:pt>
                <c:pt idx="2222">
                  <c:v>1.1383828412456194</c:v>
                </c:pt>
                <c:pt idx="2223">
                  <c:v>1.1268958090280838</c:v>
                </c:pt>
                <c:pt idx="2224">
                  <c:v>1.1795746208381885</c:v>
                </c:pt>
                <c:pt idx="2225">
                  <c:v>1.1905680696401268</c:v>
                </c:pt>
                <c:pt idx="2226">
                  <c:v>1.1706003769182387</c:v>
                </c:pt>
                <c:pt idx="2227">
                  <c:v>1.2016512608812646</c:v>
                </c:pt>
                <c:pt idx="2228">
                  <c:v>1.2176254150587753</c:v>
                </c:pt>
                <c:pt idx="2229">
                  <c:v>1.2082024589428282</c:v>
                </c:pt>
                <c:pt idx="2230">
                  <c:v>1.1789912949833918</c:v>
                </c:pt>
                <c:pt idx="2231">
                  <c:v>1.164318406174274</c:v>
                </c:pt>
                <c:pt idx="2232">
                  <c:v>1.2049717311316459</c:v>
                </c:pt>
                <c:pt idx="2233">
                  <c:v>1.1750874988782134</c:v>
                </c:pt>
                <c:pt idx="2234">
                  <c:v>1.1733823925334228</c:v>
                </c:pt>
                <c:pt idx="2235">
                  <c:v>1.1278381046396779</c:v>
                </c:pt>
                <c:pt idx="2236">
                  <c:v>1.1289598851296718</c:v>
                </c:pt>
                <c:pt idx="2237">
                  <c:v>1.1954590325764993</c:v>
                </c:pt>
                <c:pt idx="2238">
                  <c:v>1.2379072063178618</c:v>
                </c:pt>
                <c:pt idx="2239">
                  <c:v>1.2569774746477549</c:v>
                </c:pt>
                <c:pt idx="2240">
                  <c:v>1.2704837117472794</c:v>
                </c:pt>
                <c:pt idx="2241">
                  <c:v>1.283720721529205</c:v>
                </c:pt>
                <c:pt idx="2242">
                  <c:v>1.2843040473840017</c:v>
                </c:pt>
                <c:pt idx="2243">
                  <c:v>1.3125729157318431</c:v>
                </c:pt>
                <c:pt idx="2244">
                  <c:v>1.3141882796374342</c:v>
                </c:pt>
                <c:pt idx="2245">
                  <c:v>1.2663106883245026</c:v>
                </c:pt>
                <c:pt idx="2246">
                  <c:v>1.2617338239253284</c:v>
                </c:pt>
                <c:pt idx="2247">
                  <c:v>1.3062460737682788</c:v>
                </c:pt>
                <c:pt idx="2248">
                  <c:v>1.3421430494480777</c:v>
                </c:pt>
                <c:pt idx="2249">
                  <c:v>1.3076819527954711</c:v>
                </c:pt>
                <c:pt idx="2250">
                  <c:v>1.2476442609710072</c:v>
                </c:pt>
                <c:pt idx="2251">
                  <c:v>1.2375482365610639</c:v>
                </c:pt>
                <c:pt idx="2252">
                  <c:v>1.2400161536390502</c:v>
                </c:pt>
                <c:pt idx="2253">
                  <c:v>1.2440545634030276</c:v>
                </c:pt>
                <c:pt idx="2254">
                  <c:v>1.3258996679529691</c:v>
                </c:pt>
                <c:pt idx="2255">
                  <c:v>1.316476711837022</c:v>
                </c:pt>
                <c:pt idx="2256">
                  <c:v>1.3205599928205993</c:v>
                </c:pt>
                <c:pt idx="2257">
                  <c:v>1.34905321726644</c:v>
                </c:pt>
                <c:pt idx="2258">
                  <c:v>1.4117831822668885</c:v>
                </c:pt>
                <c:pt idx="2259">
                  <c:v>1.4343085345059623</c:v>
                </c:pt>
                <c:pt idx="2260">
                  <c:v>1.4221035627748306</c:v>
                </c:pt>
                <c:pt idx="2261">
                  <c:v>1.4037512339585336</c:v>
                </c:pt>
                <c:pt idx="2262">
                  <c:v>1.3919501032037997</c:v>
                </c:pt>
                <c:pt idx="2263">
                  <c:v>1.4139370008076764</c:v>
                </c:pt>
                <c:pt idx="2264">
                  <c:v>1.4150139100780703</c:v>
                </c:pt>
                <c:pt idx="2265">
                  <c:v>1.4352059588979573</c:v>
                </c:pt>
                <c:pt idx="2266">
                  <c:v>1.499416674145198</c:v>
                </c:pt>
                <c:pt idx="2267">
                  <c:v>1.4721798438481506</c:v>
                </c:pt>
                <c:pt idx="2268">
                  <c:v>1.427981692542398</c:v>
                </c:pt>
                <c:pt idx="2269">
                  <c:v>1.4500583325854746</c:v>
                </c:pt>
                <c:pt idx="2270">
                  <c:v>1.4423853540339175</c:v>
                </c:pt>
                <c:pt idx="2271">
                  <c:v>1.4347572467019605</c:v>
                </c:pt>
                <c:pt idx="2272">
                  <c:v>1.4132639325136811</c:v>
                </c:pt>
                <c:pt idx="2273">
                  <c:v>1.4112895988512921</c:v>
                </c:pt>
                <c:pt idx="2274">
                  <c:v>1.3484698914116442</c:v>
                </c:pt>
                <c:pt idx="2275">
                  <c:v>1.3862065870950326</c:v>
                </c:pt>
                <c:pt idx="2276">
                  <c:v>1.3826617607466525</c:v>
                </c:pt>
                <c:pt idx="2277">
                  <c:v>1.3552454455712057</c:v>
                </c:pt>
                <c:pt idx="2278">
                  <c:v>1.3713542134075158</c:v>
                </c:pt>
                <c:pt idx="2279">
                  <c:v>1.3520147177600244</c:v>
                </c:pt>
                <c:pt idx="2280">
                  <c:v>1.3473032397020508</c:v>
                </c:pt>
                <c:pt idx="2281">
                  <c:v>1.3578479763079918</c:v>
                </c:pt>
                <c:pt idx="2282">
                  <c:v>1.3779951539082793</c:v>
                </c:pt>
                <c:pt idx="2283">
                  <c:v>1.3848604505070408</c:v>
                </c:pt>
                <c:pt idx="2284">
                  <c:v>1.4306739657183845</c:v>
                </c:pt>
                <c:pt idx="2285">
                  <c:v>1.4670196535941806</c:v>
                </c:pt>
                <c:pt idx="2286">
                  <c:v>1.511576774656731</c:v>
                </c:pt>
                <c:pt idx="2287">
                  <c:v>1.4839809746028858</c:v>
                </c:pt>
                <c:pt idx="2288">
                  <c:v>1.4848783989948808</c:v>
                </c:pt>
                <c:pt idx="2289">
                  <c:v>1.5162433814951051</c:v>
                </c:pt>
                <c:pt idx="2290">
                  <c:v>1.5334290586018087</c:v>
                </c:pt>
                <c:pt idx="2291">
                  <c:v>1.4876604146100649</c:v>
                </c:pt>
                <c:pt idx="2292">
                  <c:v>1.4623979179754065</c:v>
                </c:pt>
                <c:pt idx="2293">
                  <c:v>1.4299560262047883</c:v>
                </c:pt>
                <c:pt idx="2294">
                  <c:v>1.4711926770169574</c:v>
                </c:pt>
                <c:pt idx="2295">
                  <c:v>1.4471865745310919</c:v>
                </c:pt>
                <c:pt idx="2296">
                  <c:v>1.4307637081575839</c:v>
                </c:pt>
                <c:pt idx="2297">
                  <c:v>1.4345328906039629</c:v>
                </c:pt>
                <c:pt idx="2298">
                  <c:v>1.4236291842412241</c:v>
                </c:pt>
                <c:pt idx="2299">
                  <c:v>1.4426097101319177</c:v>
                </c:pt>
                <c:pt idx="2300">
                  <c:v>1.4154626222740698</c:v>
                </c:pt>
                <c:pt idx="2301">
                  <c:v>1.3954051871129822</c:v>
                </c:pt>
                <c:pt idx="2302">
                  <c:v>1.3665081216907442</c:v>
                </c:pt>
                <c:pt idx="2303">
                  <c:v>1.3444314816476681</c:v>
                </c:pt>
                <c:pt idx="2304">
                  <c:v>1.3612581889975739</c:v>
                </c:pt>
                <c:pt idx="2305">
                  <c:v>1.3245086601453799</c:v>
                </c:pt>
                <c:pt idx="2306">
                  <c:v>1.343623799694873</c:v>
                </c:pt>
                <c:pt idx="2307">
                  <c:v>1.3984115588261661</c:v>
                </c:pt>
                <c:pt idx="2308">
                  <c:v>1.4368213228035511</c:v>
                </c:pt>
                <c:pt idx="2309">
                  <c:v>1.3796105178138713</c:v>
                </c:pt>
                <c:pt idx="2310">
                  <c:v>1.3796105178138713</c:v>
                </c:pt>
                <c:pt idx="2311">
                  <c:v>1.3641748182715578</c:v>
                </c:pt>
                <c:pt idx="2312">
                  <c:v>1.3692003948667297</c:v>
                </c:pt>
                <c:pt idx="2313">
                  <c:v>1.3451045499416647</c:v>
                </c:pt>
                <c:pt idx="2314">
                  <c:v>1.3084447635286702</c:v>
                </c:pt>
                <c:pt idx="2315">
                  <c:v>1.3270663196625661</c:v>
                </c:pt>
                <c:pt idx="2316">
                  <c:v>1.3263932513685699</c:v>
                </c:pt>
                <c:pt idx="2317">
                  <c:v>1.3549313470340101</c:v>
                </c:pt>
                <c:pt idx="2318">
                  <c:v>1.2993807771695214</c:v>
                </c:pt>
                <c:pt idx="2319">
                  <c:v>1.2591761644081467</c:v>
                </c:pt>
                <c:pt idx="2320">
                  <c:v>1.2532082922013803</c:v>
                </c:pt>
                <c:pt idx="2321">
                  <c:v>1.2788746298124365</c:v>
                </c:pt>
                <c:pt idx="2322">
                  <c:v>1.2859194112895973</c:v>
                </c:pt>
                <c:pt idx="2323">
                  <c:v>1.2958359508211417</c:v>
                </c:pt>
                <c:pt idx="2324">
                  <c:v>1.2881181010499851</c:v>
                </c:pt>
                <c:pt idx="2325">
                  <c:v>1.2465673517006177</c:v>
                </c:pt>
                <c:pt idx="2326">
                  <c:v>1.2489903975590044</c:v>
                </c:pt>
                <c:pt idx="2327">
                  <c:v>1.2458494121870221</c:v>
                </c:pt>
                <c:pt idx="2328">
                  <c:v>1.2560800502557647</c:v>
                </c:pt>
                <c:pt idx="2329">
                  <c:v>1.2475993897514122</c:v>
                </c:pt>
                <c:pt idx="2330">
                  <c:v>1.2688234766220936</c:v>
                </c:pt>
                <c:pt idx="2331">
                  <c:v>1.3168356815938247</c:v>
                </c:pt>
                <c:pt idx="2332">
                  <c:v>1.2967333752131371</c:v>
                </c:pt>
                <c:pt idx="2333">
                  <c:v>1.3044063537646937</c:v>
                </c:pt>
                <c:pt idx="2334">
                  <c:v>1.3044063537646937</c:v>
                </c:pt>
                <c:pt idx="2335">
                  <c:v>1.2983487391187278</c:v>
                </c:pt>
                <c:pt idx="2336">
                  <c:v>1.3003679440007163</c:v>
                </c:pt>
                <c:pt idx="2337">
                  <c:v>1.3111819079242562</c:v>
                </c:pt>
                <c:pt idx="2338">
                  <c:v>1.3111819079242562</c:v>
                </c:pt>
                <c:pt idx="2339">
                  <c:v>1.2588620658709493</c:v>
                </c:pt>
                <c:pt idx="2340">
                  <c:v>1.2875796464147884</c:v>
                </c:pt>
                <c:pt idx="2341">
                  <c:v>1.2872206766579906</c:v>
                </c:pt>
                <c:pt idx="2342">
                  <c:v>1.2628556044153267</c:v>
                </c:pt>
                <c:pt idx="2343">
                  <c:v>1.2694068024768899</c:v>
                </c:pt>
                <c:pt idx="2344">
                  <c:v>1.2130934218792051</c:v>
                </c:pt>
                <c:pt idx="2345">
                  <c:v>1.2299201292291109</c:v>
                </c:pt>
                <c:pt idx="2346">
                  <c:v>1.2178048999371787</c:v>
                </c:pt>
                <c:pt idx="2347">
                  <c:v>1.2302342277663088</c:v>
                </c:pt>
                <c:pt idx="2348">
                  <c:v>1.2482724580454079</c:v>
                </c:pt>
                <c:pt idx="2349">
                  <c:v>1.2299201292291104</c:v>
                </c:pt>
                <c:pt idx="2350">
                  <c:v>1.2068114511352399</c:v>
                </c:pt>
                <c:pt idx="2351">
                  <c:v>1.1855873642645589</c:v>
                </c:pt>
                <c:pt idx="2352">
                  <c:v>1.1781387418110008</c:v>
                </c:pt>
                <c:pt idx="2353">
                  <c:v>1.2121062550480102</c:v>
                </c:pt>
                <c:pt idx="2354">
                  <c:v>1.168177331059856</c:v>
                </c:pt>
                <c:pt idx="2355">
                  <c:v>1.1442609710131899</c:v>
                </c:pt>
                <c:pt idx="2356">
                  <c:v>1.1404020461276114</c:v>
                </c:pt>
                <c:pt idx="2357">
                  <c:v>1.1466391456519767</c:v>
                </c:pt>
                <c:pt idx="2358">
                  <c:v>1.1338957192856478</c:v>
                </c:pt>
                <c:pt idx="2359">
                  <c:v>1.1198958987705261</c:v>
                </c:pt>
                <c:pt idx="2360">
                  <c:v>1.1375751592928274</c:v>
                </c:pt>
                <c:pt idx="2361">
                  <c:v>1.0706721708696021</c:v>
                </c:pt>
                <c:pt idx="2362">
                  <c:v>1.107331957282597</c:v>
                </c:pt>
                <c:pt idx="2363">
                  <c:v>1.0920757426186825</c:v>
                </c:pt>
                <c:pt idx="2364">
                  <c:v>1.1420622812528025</c:v>
                </c:pt>
                <c:pt idx="2365">
                  <c:v>1.1570941398187182</c:v>
                </c:pt>
                <c:pt idx="2366">
                  <c:v>1.1408058871040097</c:v>
                </c:pt>
                <c:pt idx="2367">
                  <c:v>1.1745490442430206</c:v>
                </c:pt>
                <c:pt idx="2368">
                  <c:v>1.1635107242214824</c:v>
                </c:pt>
                <c:pt idx="2369">
                  <c:v>1.1453827515031842</c:v>
                </c:pt>
                <c:pt idx="2370">
                  <c:v>1.1628376559274862</c:v>
                </c:pt>
                <c:pt idx="2371">
                  <c:v>1.1347931436776433</c:v>
                </c:pt>
                <c:pt idx="2372">
                  <c:v>1.090953962128689</c:v>
                </c:pt>
                <c:pt idx="2373">
                  <c:v>1.1156780041281507</c:v>
                </c:pt>
                <c:pt idx="2374">
                  <c:v>1.1218702324329159</c:v>
                </c:pt>
                <c:pt idx="2375">
                  <c:v>1.1259983846360928</c:v>
                </c:pt>
                <c:pt idx="2376">
                  <c:v>1.1265817104908895</c:v>
                </c:pt>
                <c:pt idx="2377">
                  <c:v>1.0961590236022598</c:v>
                </c:pt>
                <c:pt idx="2378">
                  <c:v>1.090953962128689</c:v>
                </c:pt>
                <c:pt idx="2379">
                  <c:v>1.136139280265636</c:v>
                </c:pt>
                <c:pt idx="2380">
                  <c:v>1.1131652158305645</c:v>
                </c:pt>
                <c:pt idx="2381">
                  <c:v>1.0905052499326913</c:v>
                </c:pt>
                <c:pt idx="2382">
                  <c:v>1.1131203446109645</c:v>
                </c:pt>
                <c:pt idx="2383">
                  <c:v>1.0750246791707778</c:v>
                </c:pt>
                <c:pt idx="2384">
                  <c:v>1.0431212420353564</c:v>
                </c:pt>
                <c:pt idx="2385">
                  <c:v>1.0504801220497155</c:v>
                </c:pt>
                <c:pt idx="2386">
                  <c:v>1.0578390020640742</c:v>
                </c:pt>
                <c:pt idx="2387">
                  <c:v>1.039082832271379</c:v>
                </c:pt>
                <c:pt idx="2388">
                  <c:v>1.0176343893026991</c:v>
                </c:pt>
                <c:pt idx="2389">
                  <c:v>1.0244548146818606</c:v>
                </c:pt>
                <c:pt idx="2390">
                  <c:v>1.0708067845284006</c:v>
                </c:pt>
                <c:pt idx="2391">
                  <c:v>1.0895180831014959</c:v>
                </c:pt>
                <c:pt idx="2392">
                  <c:v>1.1214215202369173</c:v>
                </c:pt>
                <c:pt idx="2393">
                  <c:v>1.1259983846360915</c:v>
                </c:pt>
                <c:pt idx="2394">
                  <c:v>1.1535044422507372</c:v>
                </c:pt>
                <c:pt idx="2395">
                  <c:v>1.1618953603158899</c:v>
                </c:pt>
                <c:pt idx="2396">
                  <c:v>1.1522480481019439</c:v>
                </c:pt>
                <c:pt idx="2397">
                  <c:v>1.2276765682491217</c:v>
                </c:pt>
                <c:pt idx="2398">
                  <c:v>1.2331508570402914</c:v>
                </c:pt>
                <c:pt idx="2399">
                  <c:v>1.2621376649017289</c:v>
                </c:pt>
                <c:pt idx="2400">
                  <c:v>1.2556762092793652</c:v>
                </c:pt>
                <c:pt idx="2401">
                  <c:v>1.3198869245266054</c:v>
                </c:pt>
                <c:pt idx="2402">
                  <c:v>1.3067396571838792</c:v>
                </c:pt>
                <c:pt idx="2403">
                  <c:v>1.2920667683747613</c:v>
                </c:pt>
                <c:pt idx="2404">
                  <c:v>1.3402584582248913</c:v>
                </c:pt>
                <c:pt idx="2405">
                  <c:v>1.3166561967154236</c:v>
                </c:pt>
                <c:pt idx="2406">
                  <c:v>1.2967333752131349</c:v>
                </c:pt>
                <c:pt idx="2407">
                  <c:v>1.2941308444763493</c:v>
                </c:pt>
                <c:pt idx="2408">
                  <c:v>1.3273355469801631</c:v>
                </c:pt>
                <c:pt idx="2409">
                  <c:v>1.3151754464686309</c:v>
                </c:pt>
                <c:pt idx="2410">
                  <c:v>1.263932513685718</c:v>
                </c:pt>
                <c:pt idx="2411">
                  <c:v>1.2974064435071306</c:v>
                </c:pt>
                <c:pt idx="2412">
                  <c:v>1.3382841245625019</c:v>
                </c:pt>
                <c:pt idx="2413">
                  <c:v>1.3322265099165356</c:v>
                </c:pt>
                <c:pt idx="2414">
                  <c:v>1.313963923539438</c:v>
                </c:pt>
                <c:pt idx="2415">
                  <c:v>1.3250919860001757</c:v>
                </c:pt>
                <c:pt idx="2416">
                  <c:v>1.306335816207481</c:v>
                </c:pt>
                <c:pt idx="2417">
                  <c:v>1.3056178766938848</c:v>
                </c:pt>
                <c:pt idx="2418">
                  <c:v>1.3260342816117707</c:v>
                </c:pt>
                <c:pt idx="2419">
                  <c:v>1.3165215830566241</c:v>
                </c:pt>
                <c:pt idx="2420">
                  <c:v>1.3772772143946836</c:v>
                </c:pt>
                <c:pt idx="2421">
                  <c:v>1.3981872027281668</c:v>
                </c:pt>
                <c:pt idx="2422">
                  <c:v>1.4131293188548835</c:v>
                </c:pt>
                <c:pt idx="2423">
                  <c:v>1.4253791618056151</c:v>
                </c:pt>
                <c:pt idx="2424">
                  <c:v>1.3971102934577737</c:v>
                </c:pt>
                <c:pt idx="2425">
                  <c:v>1.3826617607466547</c:v>
                </c:pt>
                <c:pt idx="2426">
                  <c:v>1.4253791618056155</c:v>
                </c:pt>
                <c:pt idx="2427">
                  <c:v>1.4188728349636519</c:v>
                </c:pt>
                <c:pt idx="2428">
                  <c:v>1.4415328008615247</c:v>
                </c:pt>
                <c:pt idx="2429">
                  <c:v>1.4165395315444647</c:v>
                </c:pt>
                <c:pt idx="2430">
                  <c:v>1.4219240778964344</c:v>
                </c:pt>
                <c:pt idx="2431">
                  <c:v>1.3940141793053908</c:v>
                </c:pt>
                <c:pt idx="2432">
                  <c:v>1.3497262855604388</c:v>
                </c:pt>
                <c:pt idx="2433">
                  <c:v>1.3424122767656801</c:v>
                </c:pt>
                <c:pt idx="2434">
                  <c:v>1.3694696221843285</c:v>
                </c:pt>
                <c:pt idx="2435">
                  <c:v>1.3613928026563737</c:v>
                </c:pt>
                <c:pt idx="2436">
                  <c:v>1.3751233958538971</c:v>
                </c:pt>
                <c:pt idx="2437">
                  <c:v>1.3410661401776878</c:v>
                </c:pt>
                <c:pt idx="2438">
                  <c:v>1.3619761285111704</c:v>
                </c:pt>
                <c:pt idx="2439">
                  <c:v>1.3440276406712712</c:v>
                </c:pt>
                <c:pt idx="2440">
                  <c:v>1.2991564210715225</c:v>
                </c:pt>
                <c:pt idx="2441">
                  <c:v>1.3155792874450305</c:v>
                </c:pt>
                <c:pt idx="2442">
                  <c:v>1.3347392982141235</c:v>
                </c:pt>
                <c:pt idx="2443">
                  <c:v>1.3257650542941737</c:v>
                </c:pt>
                <c:pt idx="2444">
                  <c:v>1.3134703401238426</c:v>
                </c:pt>
                <c:pt idx="2445">
                  <c:v>1.383918154895448</c:v>
                </c:pt>
                <c:pt idx="2446">
                  <c:v>1.4352957013371603</c:v>
                </c:pt>
                <c:pt idx="2447">
                  <c:v>1.4501480750246771</c:v>
                </c:pt>
                <c:pt idx="2448">
                  <c:v>1.472493942385352</c:v>
                </c:pt>
                <c:pt idx="2449">
                  <c:v>1.472493942385352</c:v>
                </c:pt>
                <c:pt idx="2450">
                  <c:v>1.4592120613838264</c:v>
                </c:pt>
                <c:pt idx="2451">
                  <c:v>1.451269855514671</c:v>
                </c:pt>
                <c:pt idx="2452">
                  <c:v>1.4364623530467537</c:v>
                </c:pt>
                <c:pt idx="2453">
                  <c:v>1.4769810643453267</c:v>
                </c:pt>
                <c:pt idx="2454">
                  <c:v>1.4516736964910684</c:v>
                </c:pt>
                <c:pt idx="2455">
                  <c:v>1.4324688145023758</c:v>
                </c:pt>
                <c:pt idx="2456">
                  <c:v>1.4356097998743587</c:v>
                </c:pt>
                <c:pt idx="2457">
                  <c:v>1.3972449071165736</c:v>
                </c:pt>
                <c:pt idx="2458">
                  <c:v>1.4008794759041532</c:v>
                </c:pt>
                <c:pt idx="2459">
                  <c:v>1.3852194202638408</c:v>
                </c:pt>
                <c:pt idx="2460">
                  <c:v>1.3857130036794381</c:v>
                </c:pt>
                <c:pt idx="2461">
                  <c:v>1.3858476173382375</c:v>
                </c:pt>
                <c:pt idx="2462">
                  <c:v>1.3794310329354733</c:v>
                </c:pt>
                <c:pt idx="2463">
                  <c:v>1.4173920847168606</c:v>
                </c:pt>
                <c:pt idx="2464">
                  <c:v>1.4255137754644154</c:v>
                </c:pt>
                <c:pt idx="2465">
                  <c:v>1.4141164856860793</c:v>
                </c:pt>
                <c:pt idx="2466">
                  <c:v>1.4066229920129212</c:v>
                </c:pt>
                <c:pt idx="2467">
                  <c:v>1.4066229920129212</c:v>
                </c:pt>
                <c:pt idx="2468">
                  <c:v>1.4496096203894804</c:v>
                </c:pt>
                <c:pt idx="2469">
                  <c:v>1.4582697657722319</c:v>
                </c:pt>
                <c:pt idx="2470">
                  <c:v>1.5012563941487911</c:v>
                </c:pt>
                <c:pt idx="2471">
                  <c:v>1.5115767746567332</c:v>
                </c:pt>
                <c:pt idx="2472">
                  <c:v>1.5000897424391977</c:v>
                </c:pt>
                <c:pt idx="2473">
                  <c:v>1.4965000448712176</c:v>
                </c:pt>
                <c:pt idx="2474">
                  <c:v>1.5581979718208721</c:v>
                </c:pt>
                <c:pt idx="2475">
                  <c:v>1.5860629991923161</c:v>
                </c:pt>
                <c:pt idx="2476">
                  <c:v>1.601767926052228</c:v>
                </c:pt>
                <c:pt idx="2477">
                  <c:v>1.5764605581979696</c:v>
                </c:pt>
                <c:pt idx="2478">
                  <c:v>1.6014986987346291</c:v>
                </c:pt>
                <c:pt idx="2479">
                  <c:v>1.5944987884770683</c:v>
                </c:pt>
                <c:pt idx="2480">
                  <c:v>1.5888450148074997</c:v>
                </c:pt>
                <c:pt idx="2481">
                  <c:v>1.5629543210984447</c:v>
                </c:pt>
                <c:pt idx="2482">
                  <c:v>1.5521403571749053</c:v>
                </c:pt>
                <c:pt idx="2483">
                  <c:v>1.5051153190343687</c:v>
                </c:pt>
                <c:pt idx="2484">
                  <c:v>1.50839091806515</c:v>
                </c:pt>
                <c:pt idx="2485">
                  <c:v>1.5404289688593709</c:v>
                </c:pt>
                <c:pt idx="2486">
                  <c:v>1.521852283945075</c:v>
                </c:pt>
                <c:pt idx="2487">
                  <c:v>1.5346405815310034</c:v>
                </c:pt>
                <c:pt idx="2488">
                  <c:v>1.5212240868706783</c:v>
                </c:pt>
                <c:pt idx="2489">
                  <c:v>1.4935834155972332</c:v>
                </c:pt>
                <c:pt idx="2490">
                  <c:v>1.5402943552005715</c:v>
                </c:pt>
                <c:pt idx="2491">
                  <c:v>1.5326213766490144</c:v>
                </c:pt>
                <c:pt idx="2492">
                  <c:v>1.4939872565736305</c:v>
                </c:pt>
                <c:pt idx="2493">
                  <c:v>1.5029166292739804</c:v>
                </c:pt>
                <c:pt idx="2494">
                  <c:v>1.5559992820604833</c:v>
                </c:pt>
                <c:pt idx="2495">
                  <c:v>1.582787400161533</c:v>
                </c:pt>
                <c:pt idx="2496">
                  <c:v>1.6226779143857097</c:v>
                </c:pt>
                <c:pt idx="2497">
                  <c:v>1.6419276675940022</c:v>
                </c:pt>
                <c:pt idx="2498">
                  <c:v>1.6470429866283736</c:v>
                </c:pt>
                <c:pt idx="2499">
                  <c:v>1.6207933231625207</c:v>
                </c:pt>
                <c:pt idx="2500">
                  <c:v>1.6803823027909872</c:v>
                </c:pt>
                <c:pt idx="2501">
                  <c:v>1.6842412276765657</c:v>
                </c:pt>
                <c:pt idx="2502">
                  <c:v>1.7349008346046819</c:v>
                </c:pt>
                <c:pt idx="2503">
                  <c:v>1.7052858296688478</c:v>
                </c:pt>
                <c:pt idx="2504">
                  <c:v>1.750067306829397</c:v>
                </c:pt>
                <c:pt idx="2505">
                  <c:v>1.743471237548234</c:v>
                </c:pt>
                <c:pt idx="2506">
                  <c:v>1.7773041371264444</c:v>
                </c:pt>
                <c:pt idx="2507">
                  <c:v>1.7747016063896592</c:v>
                </c:pt>
                <c:pt idx="2508">
                  <c:v>1.7281701516647199</c:v>
                </c:pt>
                <c:pt idx="2509">
                  <c:v>1.7228304765323497</c:v>
                </c:pt>
                <c:pt idx="2510">
                  <c:v>1.6560172305483238</c:v>
                </c:pt>
                <c:pt idx="2511">
                  <c:v>1.6328636812348534</c:v>
                </c:pt>
                <c:pt idx="2512">
                  <c:v>1.6114152382661735</c:v>
                </c:pt>
                <c:pt idx="2513">
                  <c:v>1.6176523377905387</c:v>
                </c:pt>
                <c:pt idx="2514">
                  <c:v>1.5543839181548931</c:v>
                </c:pt>
                <c:pt idx="2515">
                  <c:v>1.6001974333662363</c:v>
                </c:pt>
                <c:pt idx="2516">
                  <c:v>1.6525172754195432</c:v>
                </c:pt>
                <c:pt idx="2517">
                  <c:v>1.6522480481019448</c:v>
                </c:pt>
                <c:pt idx="2518">
                  <c:v>1.6193125729157294</c:v>
                </c:pt>
                <c:pt idx="2519">
                  <c:v>1.5930180382302765</c:v>
                </c:pt>
                <c:pt idx="2520">
                  <c:v>1.5494929552185202</c:v>
                </c:pt>
                <c:pt idx="2521">
                  <c:v>1.5370187561697901</c:v>
                </c:pt>
                <c:pt idx="2522">
                  <c:v>1.549762182536119</c:v>
                </c:pt>
                <c:pt idx="2523">
                  <c:v>1.5110831912411355</c:v>
                </c:pt>
                <c:pt idx="2524">
                  <c:v>1.5671722157408214</c:v>
                </c:pt>
                <c:pt idx="2525">
                  <c:v>1.4510903706362717</c:v>
                </c:pt>
                <c:pt idx="2526">
                  <c:v>1.4282060486404</c:v>
                </c:pt>
                <c:pt idx="2527">
                  <c:v>1.3718029256035158</c:v>
                </c:pt>
                <c:pt idx="2528">
                  <c:v>1.4014179305393499</c:v>
                </c:pt>
                <c:pt idx="2529">
                  <c:v>1.4472314457506936</c:v>
                </c:pt>
                <c:pt idx="2530">
                  <c:v>1.5628197074396462</c:v>
                </c:pt>
                <c:pt idx="2531">
                  <c:v>1.5772233689311657</c:v>
                </c:pt>
                <c:pt idx="2532">
                  <c:v>1.5602620479224605</c:v>
                </c:pt>
                <c:pt idx="2533">
                  <c:v>1.5696401328188081</c:v>
                </c:pt>
                <c:pt idx="2534">
                  <c:v>1.4818720272816996</c:v>
                </c:pt>
                <c:pt idx="2535">
                  <c:v>1.600556403123035</c:v>
                </c:pt>
                <c:pt idx="2536">
                  <c:v>1.6032038050794202</c:v>
                </c:pt>
                <c:pt idx="2537">
                  <c:v>1.5188459122318925</c:v>
                </c:pt>
                <c:pt idx="2538">
                  <c:v>1.4364174818271542</c:v>
                </c:pt>
                <c:pt idx="2539">
                  <c:v>1.5003589697567961</c:v>
                </c:pt>
                <c:pt idx="2540">
                  <c:v>1.4365969667055531</c:v>
                </c:pt>
                <c:pt idx="2541">
                  <c:v>1.3526877860540232</c:v>
                </c:pt>
                <c:pt idx="2542">
                  <c:v>1.3517454904424286</c:v>
                </c:pt>
                <c:pt idx="2543">
                  <c:v>1.2755541595620552</c:v>
                </c:pt>
                <c:pt idx="2544">
                  <c:v>1.3306111460109467</c:v>
                </c:pt>
                <c:pt idx="2545">
                  <c:v>1.2661312034461076</c:v>
                </c:pt>
                <c:pt idx="2546">
                  <c:v>1.3481109216548486</c:v>
                </c:pt>
                <c:pt idx="2547">
                  <c:v>1.2906308893475704</c:v>
                </c:pt>
                <c:pt idx="2548">
                  <c:v>1.348380148972447</c:v>
                </c:pt>
                <c:pt idx="2549">
                  <c:v>1.4512249842950711</c:v>
                </c:pt>
                <c:pt idx="2550">
                  <c:v>1.4206676837476424</c:v>
                </c:pt>
                <c:pt idx="2551">
                  <c:v>1.4402315354931328</c:v>
                </c:pt>
                <c:pt idx="2552">
                  <c:v>1.4094947500673052</c:v>
                </c:pt>
                <c:pt idx="2553">
                  <c:v>1.3618863860719719</c:v>
                </c:pt>
                <c:pt idx="2554">
                  <c:v>1.3881360495378248</c:v>
                </c:pt>
                <c:pt idx="2555">
                  <c:v>1.3658350533967494</c:v>
                </c:pt>
                <c:pt idx="2556">
                  <c:v>1.3545723772772127</c:v>
                </c:pt>
                <c:pt idx="2557">
                  <c:v>1.3771874719554864</c:v>
                </c:pt>
                <c:pt idx="2558">
                  <c:v>1.3263932513685708</c:v>
                </c:pt>
                <c:pt idx="2559">
                  <c:v>1.3230727811181895</c:v>
                </c:pt>
                <c:pt idx="2560">
                  <c:v>1.2999192318047195</c:v>
                </c:pt>
                <c:pt idx="2561">
                  <c:v>1.3360405635825172</c:v>
                </c:pt>
                <c:pt idx="2562">
                  <c:v>1.39621286906578</c:v>
                </c:pt>
                <c:pt idx="2563">
                  <c:v>1.39621286906578</c:v>
                </c:pt>
                <c:pt idx="2564">
                  <c:v>1.5165574800323061</c:v>
                </c:pt>
                <c:pt idx="2565">
                  <c:v>1.4861347931436764</c:v>
                </c:pt>
                <c:pt idx="2566">
                  <c:v>1.4930449609620378</c:v>
                </c:pt>
                <c:pt idx="2567">
                  <c:v>1.472314457506954</c:v>
                </c:pt>
                <c:pt idx="2568">
                  <c:v>1.4553980077178488</c:v>
                </c:pt>
                <c:pt idx="2569">
                  <c:v>1.4555326213766482</c:v>
                </c:pt>
                <c:pt idx="2570">
                  <c:v>1.3456878757964632</c:v>
                </c:pt>
                <c:pt idx="2571">
                  <c:v>1.3158933859822302</c:v>
                </c:pt>
                <c:pt idx="2572">
                  <c:v>1.3476622094588522</c:v>
                </c:pt>
                <c:pt idx="2573">
                  <c:v>1.3075473391366765</c:v>
                </c:pt>
                <c:pt idx="2574">
                  <c:v>1.3329444494301343</c:v>
                </c:pt>
                <c:pt idx="2575">
                  <c:v>1.2558556941577659</c:v>
                </c:pt>
                <c:pt idx="2576">
                  <c:v>1.2522211253701863</c:v>
                </c:pt>
                <c:pt idx="2577">
                  <c:v>1.2232791887283483</c:v>
                </c:pt>
                <c:pt idx="2578">
                  <c:v>1.23732388046307</c:v>
                </c:pt>
                <c:pt idx="2579">
                  <c:v>1.1538634120075373</c:v>
                </c:pt>
                <c:pt idx="2580">
                  <c:v>1.1097550031409842</c:v>
                </c:pt>
                <c:pt idx="2581">
                  <c:v>1.1092614197253869</c:v>
                </c:pt>
                <c:pt idx="2582">
                  <c:v>1.1858117203625582</c:v>
                </c:pt>
                <c:pt idx="2583">
                  <c:v>1.1760297944898128</c:v>
                </c:pt>
                <c:pt idx="2584">
                  <c:v>1.2278560531275224</c:v>
                </c:pt>
                <c:pt idx="2585">
                  <c:v>1.2489455263394045</c:v>
                </c:pt>
                <c:pt idx="2586">
                  <c:v>1.2834514942116115</c:v>
                </c:pt>
                <c:pt idx="2587">
                  <c:v>1.2834514942116115</c:v>
                </c:pt>
                <c:pt idx="2588">
                  <c:v>1.2500224356097989</c:v>
                </c:pt>
                <c:pt idx="2589">
                  <c:v>1.2701696132100859</c:v>
                </c:pt>
                <c:pt idx="2590">
                  <c:v>1.2438750785246331</c:v>
                </c:pt>
                <c:pt idx="2591">
                  <c:v>1.2438750785246331</c:v>
                </c:pt>
                <c:pt idx="2592">
                  <c:v>1.1767926052230089</c:v>
                </c:pt>
                <c:pt idx="2593">
                  <c:v>1.1321008705016591</c:v>
                </c:pt>
                <c:pt idx="2594">
                  <c:v>1.1538185407879373</c:v>
                </c:pt>
                <c:pt idx="2595">
                  <c:v>1.2194202638427698</c:v>
                </c:pt>
                <c:pt idx="2596">
                  <c:v>1.2410033204702491</c:v>
                </c:pt>
                <c:pt idx="2597">
                  <c:v>1.1915103652517263</c:v>
                </c:pt>
                <c:pt idx="2598">
                  <c:v>1.1600556403123026</c:v>
                </c:pt>
                <c:pt idx="2599">
                  <c:v>1.1556582607915273</c:v>
                </c:pt>
                <c:pt idx="2600">
                  <c:v>1.137889257830027</c:v>
                </c:pt>
                <c:pt idx="2601">
                  <c:v>1.1549851924975312</c:v>
                </c:pt>
                <c:pt idx="2602">
                  <c:v>1.1994076999012822</c:v>
                </c:pt>
                <c:pt idx="2603">
                  <c:v>1.1429597056447984</c:v>
                </c:pt>
                <c:pt idx="2604">
                  <c:v>1.1482545095575687</c:v>
                </c:pt>
                <c:pt idx="2605">
                  <c:v>1.2087409135780298</c:v>
                </c:pt>
                <c:pt idx="2606">
                  <c:v>1.2185228394507752</c:v>
                </c:pt>
                <c:pt idx="2607">
                  <c:v>1.1885937359777428</c:v>
                </c:pt>
                <c:pt idx="2608">
                  <c:v>1.1796643632773929</c:v>
                </c:pt>
                <c:pt idx="2609">
                  <c:v>1.180337431571389</c:v>
                </c:pt>
                <c:pt idx="2610">
                  <c:v>1.1400879475904144</c:v>
                </c:pt>
                <c:pt idx="2611">
                  <c:v>1.1431391905231973</c:v>
                </c:pt>
                <c:pt idx="2612">
                  <c:v>1.1047742977654122</c:v>
                </c:pt>
                <c:pt idx="2613">
                  <c:v>1.1381136139280255</c:v>
                </c:pt>
                <c:pt idx="2614">
                  <c:v>1.1970295252624954</c:v>
                </c:pt>
                <c:pt idx="2615">
                  <c:v>1.2121959974872105</c:v>
                </c:pt>
                <c:pt idx="2616">
                  <c:v>1.2091447545544276</c:v>
                </c:pt>
                <c:pt idx="2617">
                  <c:v>1.1893565467109384</c:v>
                </c:pt>
                <c:pt idx="2618">
                  <c:v>1.2158305662747901</c:v>
                </c:pt>
                <c:pt idx="2619">
                  <c:v>1.1767028627838094</c:v>
                </c:pt>
                <c:pt idx="2620">
                  <c:v>1.1645427622722777</c:v>
                </c:pt>
                <c:pt idx="2621">
                  <c:v>1.2225612492147531</c:v>
                </c:pt>
                <c:pt idx="2622">
                  <c:v>1.2720542044332763</c:v>
                </c:pt>
                <c:pt idx="2623">
                  <c:v>1.3009961410751143</c:v>
                </c:pt>
                <c:pt idx="2624">
                  <c:v>1.3016243381495105</c:v>
                </c:pt>
                <c:pt idx="2625">
                  <c:v>1.2990666786323248</c:v>
                </c:pt>
                <c:pt idx="2626">
                  <c:v>1.3009961410751143</c:v>
                </c:pt>
                <c:pt idx="2627">
                  <c:v>1.327649645517365</c:v>
                </c:pt>
                <c:pt idx="2628">
                  <c:v>1.3248227586825809</c:v>
                </c:pt>
                <c:pt idx="2629">
                  <c:v>1.3225343264829936</c:v>
                </c:pt>
                <c:pt idx="2630">
                  <c:v>1.3145921206138378</c:v>
                </c:pt>
                <c:pt idx="2631">
                  <c:v>1.2893296239791794</c:v>
                </c:pt>
                <c:pt idx="2632">
                  <c:v>1.3020730503455078</c:v>
                </c:pt>
                <c:pt idx="2633">
                  <c:v>1.2645607107601178</c:v>
                </c:pt>
                <c:pt idx="2634">
                  <c:v>1.2599389751413437</c:v>
                </c:pt>
                <c:pt idx="2635">
                  <c:v>1.2427084268150401</c:v>
                </c:pt>
                <c:pt idx="2636">
                  <c:v>1.2068114511352412</c:v>
                </c:pt>
                <c:pt idx="2637">
                  <c:v>1.1669658081306644</c:v>
                </c:pt>
                <c:pt idx="2638">
                  <c:v>1.1944269945257107</c:v>
                </c:pt>
                <c:pt idx="2639">
                  <c:v>1.1933052140357172</c:v>
                </c:pt>
                <c:pt idx="2640">
                  <c:v>1.1805169164497888</c:v>
                </c:pt>
                <c:pt idx="2641">
                  <c:v>1.191869335008525</c:v>
                </c:pt>
                <c:pt idx="2642">
                  <c:v>1.2563492775733636</c:v>
                </c:pt>
                <c:pt idx="2643">
                  <c:v>1.3120344610966517</c:v>
                </c:pt>
                <c:pt idx="2644">
                  <c:v>1.2863232522659955</c:v>
                </c:pt>
                <c:pt idx="2645">
                  <c:v>1.3317777977205409</c:v>
                </c:pt>
                <c:pt idx="2646">
                  <c:v>1.3291752669837558</c:v>
                </c:pt>
                <c:pt idx="2647">
                  <c:v>1.3111370367046566</c:v>
                </c:pt>
                <c:pt idx="2648">
                  <c:v>1.326931706003768</c:v>
                </c:pt>
                <c:pt idx="2649">
                  <c:v>1.2695414161356893</c:v>
                </c:pt>
                <c:pt idx="2650">
                  <c:v>1.2477788746298111</c:v>
                </c:pt>
                <c:pt idx="2651">
                  <c:v>1.2993359059499223</c:v>
                </c:pt>
                <c:pt idx="2652">
                  <c:v>1.2951628825271455</c:v>
                </c:pt>
                <c:pt idx="2653">
                  <c:v>1.3477070806784512</c:v>
                </c:pt>
                <c:pt idx="2654">
                  <c:v>1.3836937987974496</c:v>
                </c:pt>
                <c:pt idx="2655">
                  <c:v>1.4112447276316953</c:v>
                </c:pt>
                <c:pt idx="2656">
                  <c:v>1.4108857578748975</c:v>
                </c:pt>
                <c:pt idx="2657">
                  <c:v>1.4078345149421145</c:v>
                </c:pt>
                <c:pt idx="2658">
                  <c:v>1.4141613569056788</c:v>
                </c:pt>
                <c:pt idx="2659">
                  <c:v>1.4326482993807756</c:v>
                </c:pt>
                <c:pt idx="2660">
                  <c:v>1.4337700798707695</c:v>
                </c:pt>
                <c:pt idx="2661">
                  <c:v>1.4221933052140345</c:v>
                </c:pt>
                <c:pt idx="2662">
                  <c:v>1.4642376379789988</c:v>
                </c:pt>
                <c:pt idx="2663">
                  <c:v>1.4532890603966599</c:v>
                </c:pt>
                <c:pt idx="2664">
                  <c:v>1.4209817822848407</c:v>
                </c:pt>
                <c:pt idx="2665">
                  <c:v>1.4123216369020892</c:v>
                </c:pt>
                <c:pt idx="2666">
                  <c:v>1.4507314008794738</c:v>
                </c:pt>
                <c:pt idx="2667">
                  <c:v>1.498608992192406</c:v>
                </c:pt>
                <c:pt idx="2668">
                  <c:v>1.5394418020281773</c:v>
                </c:pt>
                <c:pt idx="2669">
                  <c:v>1.4918783092524439</c:v>
                </c:pt>
                <c:pt idx="2670">
                  <c:v>1.504352508301174</c:v>
                </c:pt>
                <c:pt idx="2671">
                  <c:v>1.4825002243560963</c:v>
                </c:pt>
                <c:pt idx="2672">
                  <c:v>1.5230638068742688</c:v>
                </c:pt>
                <c:pt idx="2673">
                  <c:v>1.5734990577043861</c:v>
                </c:pt>
                <c:pt idx="2674">
                  <c:v>1.6048191689850109</c:v>
                </c:pt>
                <c:pt idx="2675">
                  <c:v>1.562281252804449</c:v>
                </c:pt>
                <c:pt idx="2676">
                  <c:v>1.5541146908372947</c:v>
                </c:pt>
                <c:pt idx="2677">
                  <c:v>1.5643453289060378</c:v>
                </c:pt>
                <c:pt idx="2678">
                  <c:v>1.5664991474468257</c:v>
                </c:pt>
                <c:pt idx="2679">
                  <c:v>1.5483263035089276</c:v>
                </c:pt>
                <c:pt idx="2680">
                  <c:v>1.5294803912770334</c:v>
                </c:pt>
                <c:pt idx="2681">
                  <c:v>1.5422238176433618</c:v>
                </c:pt>
                <c:pt idx="2682">
                  <c:v>1.568787579646413</c:v>
                </c:pt>
                <c:pt idx="2683">
                  <c:v>1.5219420263842753</c:v>
                </c:pt>
                <c:pt idx="2684">
                  <c:v>1.4902629453468528</c:v>
                </c:pt>
                <c:pt idx="2685">
                  <c:v>1.4634748272458027</c:v>
                </c:pt>
                <c:pt idx="2686">
                  <c:v>1.4729426545813498</c:v>
                </c:pt>
                <c:pt idx="2687">
                  <c:v>1.4399623081755344</c:v>
                </c:pt>
                <c:pt idx="2688">
                  <c:v>1.450372431122676</c:v>
                </c:pt>
                <c:pt idx="2689">
                  <c:v>1.4063986359149223</c:v>
                </c:pt>
                <c:pt idx="2690">
                  <c:v>1.4336354662119701</c:v>
                </c:pt>
                <c:pt idx="2691">
                  <c:v>1.4219689491160357</c:v>
                </c:pt>
                <c:pt idx="2692">
                  <c:v>1.3674055460827415</c:v>
                </c:pt>
                <c:pt idx="2693">
                  <c:v>1.3795656465942736</c:v>
                </c:pt>
                <c:pt idx="2694">
                  <c:v>1.433635466211971</c:v>
                </c:pt>
                <c:pt idx="2695">
                  <c:v>1.4015974154177506</c:v>
                </c:pt>
                <c:pt idx="2696">
                  <c:v>1.3769631158574884</c:v>
                </c:pt>
                <c:pt idx="2697">
                  <c:v>1.3696042358431297</c:v>
                </c:pt>
                <c:pt idx="2698">
                  <c:v>1.3698734631607281</c:v>
                </c:pt>
                <c:pt idx="2699">
                  <c:v>1.4174818271560614</c:v>
                </c:pt>
                <c:pt idx="2700">
                  <c:v>1.4090460378713088</c:v>
                </c:pt>
                <c:pt idx="2701">
                  <c:v>1.3937449519877947</c:v>
                </c:pt>
                <c:pt idx="2702">
                  <c:v>1.3843219958718476</c:v>
                </c:pt>
                <c:pt idx="2703">
                  <c:v>1.4096742349457059</c:v>
                </c:pt>
                <c:pt idx="2704">
                  <c:v>1.3893027012474199</c:v>
                </c:pt>
                <c:pt idx="2705">
                  <c:v>1.4337252086511709</c:v>
                </c:pt>
                <c:pt idx="2706">
                  <c:v>1.4117831822668938</c:v>
                </c:pt>
                <c:pt idx="2707">
                  <c:v>1.4168985013012652</c:v>
                </c:pt>
                <c:pt idx="2708">
                  <c:v>1.4128152203176882</c:v>
                </c:pt>
                <c:pt idx="2709">
                  <c:v>1.4159562056896706</c:v>
                </c:pt>
                <c:pt idx="2710">
                  <c:v>1.3860271022166382</c:v>
                </c:pt>
                <c:pt idx="2711">
                  <c:v>1.4237637979000271</c:v>
                </c:pt>
                <c:pt idx="2712">
                  <c:v>1.3788028358610789</c:v>
                </c:pt>
                <c:pt idx="2713">
                  <c:v>1.3817643363546623</c:v>
                </c:pt>
                <c:pt idx="2714">
                  <c:v>1.3672709324239434</c:v>
                </c:pt>
                <c:pt idx="2715">
                  <c:v>1.3829309880642557</c:v>
                </c:pt>
                <c:pt idx="2716">
                  <c:v>1.3565915821592034</c:v>
                </c:pt>
                <c:pt idx="2717">
                  <c:v>1.3399892309072965</c:v>
                </c:pt>
                <c:pt idx="2718">
                  <c:v>1.3486942475096475</c:v>
                </c:pt>
                <c:pt idx="2719">
                  <c:v>1.3234766220945886</c:v>
                </c:pt>
                <c:pt idx="2720">
                  <c:v>1.3234766220945886</c:v>
                </c:pt>
                <c:pt idx="2721">
                  <c:v>1.3597774387507853</c:v>
                </c:pt>
                <c:pt idx="2722">
                  <c:v>1.383514313919052</c:v>
                </c:pt>
                <c:pt idx="2723">
                  <c:v>1.3888988602710222</c:v>
                </c:pt>
                <c:pt idx="2724">
                  <c:v>1.3737772592659065</c:v>
                </c:pt>
                <c:pt idx="2725">
                  <c:v>1.3812707529390646</c:v>
                </c:pt>
                <c:pt idx="2726">
                  <c:v>1.3486045050704476</c:v>
                </c:pt>
                <c:pt idx="2727">
                  <c:v>1.3153549313470339</c:v>
                </c:pt>
                <c:pt idx="2728">
                  <c:v>1.3097011576774653</c:v>
                </c:pt>
                <c:pt idx="2729">
                  <c:v>1.2846181459212058</c:v>
                </c:pt>
                <c:pt idx="2730">
                  <c:v>1.2348559633850846</c:v>
                </c:pt>
                <c:pt idx="2731">
                  <c:v>1.2096832091896257</c:v>
                </c:pt>
                <c:pt idx="2732">
                  <c:v>1.1867988871937536</c:v>
                </c:pt>
                <c:pt idx="2733">
                  <c:v>1.2256573633671359</c:v>
                </c:pt>
                <c:pt idx="2734">
                  <c:v>1.2545544287893744</c:v>
                </c:pt>
                <c:pt idx="2735">
                  <c:v>1.238939244368662</c:v>
                </c:pt>
                <c:pt idx="2736">
                  <c:v>1.282329713721619</c:v>
                </c:pt>
                <c:pt idx="2737">
                  <c:v>1.2497532082922014</c:v>
                </c:pt>
                <c:pt idx="2738">
                  <c:v>1.2461635107242217</c:v>
                </c:pt>
                <c:pt idx="2739">
                  <c:v>1.2564390200125644</c:v>
                </c:pt>
                <c:pt idx="2740">
                  <c:v>1.2440545634030338</c:v>
                </c:pt>
                <c:pt idx="2741">
                  <c:v>1.1797092344969942</c:v>
                </c:pt>
                <c:pt idx="2742">
                  <c:v>1.2145293009063991</c:v>
                </c:pt>
                <c:pt idx="2743">
                  <c:v>1.2019204881988697</c:v>
                </c:pt>
                <c:pt idx="2744">
                  <c:v>1.1712285739926416</c:v>
                </c:pt>
                <c:pt idx="2745">
                  <c:v>1.1542223817643369</c:v>
                </c:pt>
                <c:pt idx="2746">
                  <c:v>1.1317419007448626</c:v>
                </c:pt>
                <c:pt idx="2747">
                  <c:v>1.1186843758413358</c:v>
                </c:pt>
                <c:pt idx="2748">
                  <c:v>1.129139370008077</c:v>
                </c:pt>
                <c:pt idx="2749">
                  <c:v>1.0904603787130935</c:v>
                </c:pt>
                <c:pt idx="2750">
                  <c:v>1.0931975231086786</c:v>
                </c:pt>
                <c:pt idx="2751">
                  <c:v>1.0514672888809122</c:v>
                </c:pt>
                <c:pt idx="2752">
                  <c:v>0.9894103921744597</c:v>
                </c:pt>
                <c:pt idx="2753">
                  <c:v>0.99874360585120736</c:v>
                </c:pt>
                <c:pt idx="2754">
                  <c:v>1.0657812079332323</c:v>
                </c:pt>
                <c:pt idx="2755">
                  <c:v>1.1410302432020107</c:v>
                </c:pt>
                <c:pt idx="2756">
                  <c:v>1.1158126177869518</c:v>
                </c:pt>
                <c:pt idx="2757">
                  <c:v>1.0921206138382846</c:v>
                </c:pt>
                <c:pt idx="2758">
                  <c:v>1.0406084537377729</c:v>
                </c:pt>
                <c:pt idx="2759">
                  <c:v>1.0848514762631254</c:v>
                </c:pt>
                <c:pt idx="2760">
                  <c:v>1.1253253163420989</c:v>
                </c:pt>
                <c:pt idx="2761">
                  <c:v>1.0863770977295171</c:v>
                </c:pt>
                <c:pt idx="2762">
                  <c:v>1.0982679709234504</c:v>
                </c:pt>
                <c:pt idx="2763">
                  <c:v>1.0935564928654768</c:v>
                </c:pt>
                <c:pt idx="2764">
                  <c:v>1.0866463250471154</c:v>
                </c:pt>
                <c:pt idx="2765">
                  <c:v>1.0820245894283413</c:v>
                </c:pt>
                <c:pt idx="2766">
                  <c:v>1.1215561338957198</c:v>
                </c:pt>
                <c:pt idx="2767">
                  <c:v>1.1252804451224994</c:v>
                </c:pt>
                <c:pt idx="2768">
                  <c:v>1.1786323252266007</c:v>
                </c:pt>
                <c:pt idx="2769">
                  <c:v>1.1785425827874012</c:v>
                </c:pt>
                <c:pt idx="2770">
                  <c:v>1.1207933231625247</c:v>
                </c:pt>
                <c:pt idx="2771">
                  <c:v>1.0905501211522939</c:v>
                </c:pt>
                <c:pt idx="2772">
                  <c:v>1.075922103562776</c:v>
                </c:pt>
                <c:pt idx="2773">
                  <c:v>1.034461096652608</c:v>
                </c:pt>
                <c:pt idx="2774">
                  <c:v>1.0322624068922202</c:v>
                </c:pt>
                <c:pt idx="2775">
                  <c:v>1.0116216458763359</c:v>
                </c:pt>
                <c:pt idx="2776">
                  <c:v>0.97235932872655573</c:v>
                </c:pt>
                <c:pt idx="2777">
                  <c:v>0.98021179215651189</c:v>
                </c:pt>
                <c:pt idx="2778">
                  <c:v>1.0218522839450785</c:v>
                </c:pt>
                <c:pt idx="2779">
                  <c:v>1.0332495737234146</c:v>
                </c:pt>
                <c:pt idx="2780">
                  <c:v>1.1104280714349821</c:v>
                </c:pt>
                <c:pt idx="2781">
                  <c:v>1.13578031050884</c:v>
                </c:pt>
                <c:pt idx="2782">
                  <c:v>1.1419276675940053</c:v>
                </c:pt>
                <c:pt idx="2783">
                  <c:v>1.1948308355021089</c:v>
                </c:pt>
                <c:pt idx="2784">
                  <c:v>1.2034461096652604</c:v>
                </c:pt>
                <c:pt idx="2785">
                  <c:v>1.2138562326124021</c:v>
                </c:pt>
                <c:pt idx="2786">
                  <c:v>1.1251907026832986</c:v>
                </c:pt>
                <c:pt idx="2787">
                  <c:v>1.0959346675042623</c:v>
                </c:pt>
                <c:pt idx="2788">
                  <c:v>1.1161715875437488</c:v>
                </c:pt>
                <c:pt idx="2789">
                  <c:v>1.1195369290137296</c:v>
                </c:pt>
                <c:pt idx="2790">
                  <c:v>1.1290047563492767</c:v>
                </c:pt>
                <c:pt idx="2791">
                  <c:v>1.1123575338777698</c:v>
                </c:pt>
                <c:pt idx="2792">
                  <c:v>1.1100691016781825</c:v>
                </c:pt>
                <c:pt idx="2793">
                  <c:v>1.1435879027191946</c:v>
                </c:pt>
                <c:pt idx="2794">
                  <c:v>1.1356905680696388</c:v>
                </c:pt>
                <c:pt idx="2795">
                  <c:v>1.1183254060845362</c:v>
                </c:pt>
                <c:pt idx="2796">
                  <c:v>1.1108319124113781</c:v>
                </c:pt>
                <c:pt idx="2797">
                  <c:v>1.0972808040922541</c:v>
                </c:pt>
                <c:pt idx="2798">
                  <c:v>1.0473840078973335</c:v>
                </c:pt>
                <c:pt idx="2799">
                  <c:v>1.058153100601273</c:v>
                </c:pt>
                <c:pt idx="2800">
                  <c:v>1.1561967154267236</c:v>
                </c:pt>
                <c:pt idx="2801">
                  <c:v>1.1408058871040097</c:v>
                </c:pt>
                <c:pt idx="2802">
                  <c:v>1.1558826168895253</c:v>
                </c:pt>
                <c:pt idx="2803">
                  <c:v>1.1052678811810086</c:v>
                </c:pt>
                <c:pt idx="2804">
                  <c:v>1.0727811181907905</c:v>
                </c:pt>
                <c:pt idx="2805">
                  <c:v>1.0733195728259877</c:v>
                </c:pt>
                <c:pt idx="2806">
                  <c:v>1.1118639504621721</c:v>
                </c:pt>
                <c:pt idx="2807">
                  <c:v>1.1036973884950179</c:v>
                </c:pt>
                <c:pt idx="2808">
                  <c:v>1.0872745221215099</c:v>
                </c:pt>
                <c:pt idx="2809">
                  <c:v>1.1020371533698272</c:v>
                </c:pt>
                <c:pt idx="2810">
                  <c:v>1.1200305124293264</c:v>
                </c:pt>
                <c:pt idx="2811">
                  <c:v>1.1284663017140795</c:v>
                </c:pt>
                <c:pt idx="2812">
                  <c:v>1.1600107690927031</c:v>
                </c:pt>
                <c:pt idx="2813">
                  <c:v>1.1600107690927031</c:v>
                </c:pt>
                <c:pt idx="2814">
                  <c:v>1.1605492237278998</c:v>
                </c:pt>
                <c:pt idx="2815">
                  <c:v>1.1665619671542657</c:v>
                </c:pt>
                <c:pt idx="2816">
                  <c:v>1.1029345777618222</c:v>
                </c:pt>
                <c:pt idx="2817">
                  <c:v>1.1154536480301522</c:v>
                </c:pt>
                <c:pt idx="2818">
                  <c:v>1.0583325854796719</c:v>
                </c:pt>
                <c:pt idx="2819">
                  <c:v>1.0245894283406609</c:v>
                </c:pt>
                <c:pt idx="2820">
                  <c:v>1.0212689580902796</c:v>
                </c:pt>
                <c:pt idx="2821">
                  <c:v>1.0153459571031127</c:v>
                </c:pt>
                <c:pt idx="2822">
                  <c:v>1.0817104908911408</c:v>
                </c:pt>
                <c:pt idx="2823">
                  <c:v>1.0353585210446004</c:v>
                </c:pt>
                <c:pt idx="2824">
                  <c:v>1.0291662927398351</c:v>
                </c:pt>
                <c:pt idx="2825">
                  <c:v>0.99421161267163094</c:v>
                </c:pt>
                <c:pt idx="2826">
                  <c:v>1.0689221933052124</c:v>
                </c:pt>
                <c:pt idx="2827">
                  <c:v>1.0474737503365326</c:v>
                </c:pt>
                <c:pt idx="2828">
                  <c:v>1.0309611415238251</c:v>
                </c:pt>
                <c:pt idx="2829">
                  <c:v>1.0078524634299546</c:v>
                </c:pt>
                <c:pt idx="2830">
                  <c:v>1.0134613658799232</c:v>
                </c:pt>
                <c:pt idx="2831">
                  <c:v>1.0198779502826874</c:v>
                </c:pt>
                <c:pt idx="2832">
                  <c:v>1.0309162703042256</c:v>
                </c:pt>
                <c:pt idx="2833">
                  <c:v>0.97029525262496508</c:v>
                </c:pt>
                <c:pt idx="2834">
                  <c:v>0.93839181548954387</c:v>
                </c:pt>
                <c:pt idx="2835">
                  <c:v>0.9505070447814763</c:v>
                </c:pt>
                <c:pt idx="2836">
                  <c:v>0.97496185946333935</c:v>
                </c:pt>
                <c:pt idx="2837">
                  <c:v>0.97496185946333935</c:v>
                </c:pt>
                <c:pt idx="2838">
                  <c:v>0.96374405456340217</c:v>
                </c:pt>
                <c:pt idx="2839">
                  <c:v>0.95876334918783002</c:v>
                </c:pt>
                <c:pt idx="2840">
                  <c:v>0.94512249842950657</c:v>
                </c:pt>
                <c:pt idx="2841">
                  <c:v>0.94512249842950657</c:v>
                </c:pt>
                <c:pt idx="2842">
                  <c:v>0.8909180651530102</c:v>
                </c:pt>
                <c:pt idx="2843">
                  <c:v>0.90339226420174024</c:v>
                </c:pt>
                <c:pt idx="2844">
                  <c:v>0.87440545634030253</c:v>
                </c:pt>
                <c:pt idx="2845">
                  <c:v>0.82598941039217366</c:v>
                </c:pt>
                <c:pt idx="2846">
                  <c:v>0.82230997038499432</c:v>
                </c:pt>
                <c:pt idx="2847">
                  <c:v>0.79260522300996072</c:v>
                </c:pt>
                <c:pt idx="2848">
                  <c:v>0.77299650004487064</c:v>
                </c:pt>
                <c:pt idx="2849">
                  <c:v>0.74746477609261364</c:v>
                </c:pt>
                <c:pt idx="2850">
                  <c:v>0.77241317419007394</c:v>
                </c:pt>
                <c:pt idx="2851">
                  <c:v>0.73063806874270787</c:v>
                </c:pt>
                <c:pt idx="2852">
                  <c:v>0.70227945795566682</c:v>
                </c:pt>
                <c:pt idx="2853">
                  <c:v>0.70766400430763676</c:v>
                </c:pt>
                <c:pt idx="2854">
                  <c:v>0.68917706183254035</c:v>
                </c:pt>
                <c:pt idx="2855">
                  <c:v>0.69240778964372218</c:v>
                </c:pt>
                <c:pt idx="2856">
                  <c:v>0.70649735259804314</c:v>
                </c:pt>
                <c:pt idx="2857">
                  <c:v>0.70649735259804314</c:v>
                </c:pt>
                <c:pt idx="2858">
                  <c:v>0.68253612133177732</c:v>
                </c:pt>
                <c:pt idx="2859">
                  <c:v>0.72197792335995659</c:v>
                </c:pt>
                <c:pt idx="2860">
                  <c:v>0.7333752131382929</c:v>
                </c:pt>
                <c:pt idx="2861">
                  <c:v>0.81302162792784705</c:v>
                </c:pt>
                <c:pt idx="2862">
                  <c:v>0.82042537916180547</c:v>
                </c:pt>
                <c:pt idx="2863">
                  <c:v>0.73184959167190144</c:v>
                </c:pt>
                <c:pt idx="2864">
                  <c:v>0.7763618415148521</c:v>
                </c:pt>
                <c:pt idx="2865">
                  <c:v>0.83168805528134238</c:v>
                </c:pt>
                <c:pt idx="2866">
                  <c:v>0.82141254599299995</c:v>
                </c:pt>
                <c:pt idx="2867">
                  <c:v>0.81172036255945423</c:v>
                </c:pt>
                <c:pt idx="2868">
                  <c:v>0.76424661222292012</c:v>
                </c:pt>
                <c:pt idx="2869">
                  <c:v>0.78623350982679718</c:v>
                </c:pt>
                <c:pt idx="2870">
                  <c:v>0.7989769361931256</c:v>
                </c:pt>
                <c:pt idx="2871">
                  <c:v>0.83734182895091069</c:v>
                </c:pt>
                <c:pt idx="2872">
                  <c:v>0.86798887193753926</c:v>
                </c:pt>
                <c:pt idx="2873">
                  <c:v>0.86112357533877759</c:v>
                </c:pt>
                <c:pt idx="2874">
                  <c:v>0.86408507583236105</c:v>
                </c:pt>
                <c:pt idx="2875">
                  <c:v>0.93996230817553639</c:v>
                </c:pt>
                <c:pt idx="2876">
                  <c:v>0.90792425738131577</c:v>
                </c:pt>
                <c:pt idx="2877">
                  <c:v>0.88836040563582541</c:v>
                </c:pt>
                <c:pt idx="2878">
                  <c:v>0.87952077537467477</c:v>
                </c:pt>
                <c:pt idx="2879">
                  <c:v>0.86632863681234862</c:v>
                </c:pt>
                <c:pt idx="2880">
                  <c:v>0.92017410033204694</c:v>
                </c:pt>
                <c:pt idx="2881">
                  <c:v>0.97976307996051304</c:v>
                </c:pt>
                <c:pt idx="2882">
                  <c:v>1.0144036614915191</c:v>
                </c:pt>
                <c:pt idx="2883">
                  <c:v>1.1176074665709415</c:v>
                </c:pt>
                <c:pt idx="2884">
                  <c:v>1.2024589428340664</c:v>
                </c:pt>
                <c:pt idx="2885">
                  <c:v>1.2097280804092256</c:v>
                </c:pt>
                <c:pt idx="2886">
                  <c:v>1.203266624786862</c:v>
                </c:pt>
                <c:pt idx="2887">
                  <c:v>1.1836579018217717</c:v>
                </c:pt>
                <c:pt idx="2888">
                  <c:v>1.2243112267791436</c:v>
                </c:pt>
                <c:pt idx="2889">
                  <c:v>1.227317598492327</c:v>
                </c:pt>
                <c:pt idx="2890">
                  <c:v>1.1927218881809205</c:v>
                </c:pt>
                <c:pt idx="2891">
                  <c:v>1.114780579736157</c:v>
                </c:pt>
                <c:pt idx="2892">
                  <c:v>1.1431840617427982</c:v>
                </c:pt>
                <c:pt idx="2893">
                  <c:v>1.2845284034820068</c:v>
                </c:pt>
                <c:pt idx="2894">
                  <c:v>1.2800861527416316</c:v>
                </c:pt>
                <c:pt idx="2895">
                  <c:v>1.2961051781387418</c:v>
                </c:pt>
                <c:pt idx="2896">
                  <c:v>1.2888809117831821</c:v>
                </c:pt>
                <c:pt idx="2897">
                  <c:v>1.2296509019115138</c:v>
                </c:pt>
                <c:pt idx="2898">
                  <c:v>1.2281701516647221</c:v>
                </c:pt>
                <c:pt idx="2899">
                  <c:v>1.2811630620120256</c:v>
                </c:pt>
                <c:pt idx="2900">
                  <c:v>1.2953423674055462</c:v>
                </c:pt>
                <c:pt idx="2901">
                  <c:v>1.2995602620479225</c:v>
                </c:pt>
                <c:pt idx="2902">
                  <c:v>1.2460288970654223</c:v>
                </c:pt>
                <c:pt idx="2903">
                  <c:v>1.268733734182895</c:v>
                </c:pt>
                <c:pt idx="2904">
                  <c:v>1.188773220856143</c:v>
                </c:pt>
                <c:pt idx="2905">
                  <c:v>1.2010679350264741</c:v>
                </c:pt>
                <c:pt idx="2906">
                  <c:v>1.1581261778695144</c:v>
                </c:pt>
                <c:pt idx="2907">
                  <c:v>1.1768374764426097</c:v>
                </c:pt>
                <c:pt idx="2908">
                  <c:v>1.2566633761105628</c:v>
                </c:pt>
                <c:pt idx="2909">
                  <c:v>1.2509647312213947</c:v>
                </c:pt>
                <c:pt idx="2910">
                  <c:v>1.3333482904065335</c:v>
                </c:pt>
                <c:pt idx="2911">
                  <c:v>1.3848604505070448</c:v>
                </c:pt>
                <c:pt idx="2912">
                  <c:v>1.35174549044243</c:v>
                </c:pt>
                <c:pt idx="2913">
                  <c:v>1.388360405635825</c:v>
                </c:pt>
                <c:pt idx="2914">
                  <c:v>1.3734182895091087</c:v>
                </c:pt>
                <c:pt idx="2915">
                  <c:v>1.4100332047025037</c:v>
                </c:pt>
                <c:pt idx="2916">
                  <c:v>1.406443507134524</c:v>
                </c:pt>
                <c:pt idx="2917">
                  <c:v>1.3740016153639059</c:v>
                </c:pt>
                <c:pt idx="2918">
                  <c:v>1.3270663196625687</c:v>
                </c:pt>
                <c:pt idx="2919">
                  <c:v>1.3818540787938618</c:v>
                </c:pt>
                <c:pt idx="2920">
                  <c:v>1.4444494301355113</c:v>
                </c:pt>
                <c:pt idx="2921">
                  <c:v>1.4370008076819532</c:v>
                </c:pt>
                <c:pt idx="2922">
                  <c:v>1.419007448622454</c:v>
                </c:pt>
                <c:pt idx="2923">
                  <c:v>1.4033473929821416</c:v>
                </c:pt>
                <c:pt idx="2924">
                  <c:v>1.3449699362828684</c:v>
                </c:pt>
                <c:pt idx="2925">
                  <c:v>1.3580723324059951</c:v>
                </c:pt>
                <c:pt idx="2926">
                  <c:v>1.3185407879386162</c:v>
                </c:pt>
                <c:pt idx="2927">
                  <c:v>1.3206048640402046</c:v>
                </c:pt>
                <c:pt idx="2928">
                  <c:v>1.2879834873911871</c:v>
                </c:pt>
                <c:pt idx="2929">
                  <c:v>1.3813156241586646</c:v>
                </c:pt>
                <c:pt idx="2930">
                  <c:v>1.3675850309611417</c:v>
                </c:pt>
                <c:pt idx="2931">
                  <c:v>1.3889886027102216</c:v>
                </c:pt>
                <c:pt idx="2932">
                  <c:v>1.3245086601453826</c:v>
                </c:pt>
                <c:pt idx="2933">
                  <c:v>1.3244189177061831</c:v>
                </c:pt>
                <c:pt idx="2934">
                  <c:v>1.2812079332316251</c:v>
                </c:pt>
                <c:pt idx="2935">
                  <c:v>1.268733734182895</c:v>
                </c:pt>
                <c:pt idx="2936">
                  <c:v>1.2494839809746026</c:v>
                </c:pt>
                <c:pt idx="2937">
                  <c:v>1.2310867809387056</c:v>
                </c:pt>
                <c:pt idx="2938">
                  <c:v>1.2134972628556042</c:v>
                </c:pt>
                <c:pt idx="2939">
                  <c:v>1.2141703311496008</c:v>
                </c:pt>
                <c:pt idx="2940">
                  <c:v>1.2203176882347662</c:v>
                </c:pt>
                <c:pt idx="2941">
                  <c:v>1.2009781925872742</c:v>
                </c:pt>
                <c:pt idx="2942">
                  <c:v>1.1970743964820962</c:v>
                </c:pt>
                <c:pt idx="2943">
                  <c:v>1.1749528852194202</c:v>
                </c:pt>
                <c:pt idx="2944">
                  <c:v>1.1992282150228846</c:v>
                </c:pt>
                <c:pt idx="2945">
                  <c:v>1.2384905321726647</c:v>
                </c:pt>
                <c:pt idx="2946">
                  <c:v>1.2713362649196807</c:v>
                </c:pt>
                <c:pt idx="2947">
                  <c:v>1.262900475634928</c:v>
                </c:pt>
                <c:pt idx="2948">
                  <c:v>1.2654132639325142</c:v>
                </c:pt>
                <c:pt idx="2949">
                  <c:v>1.3166561967154276</c:v>
                </c:pt>
                <c:pt idx="2950">
                  <c:v>1.293727003499956</c:v>
                </c:pt>
                <c:pt idx="2951">
                  <c:v>1.217625415058782</c:v>
                </c:pt>
                <c:pt idx="2952">
                  <c:v>1.2283047653235224</c:v>
                </c:pt>
                <c:pt idx="2953">
                  <c:v>1.1828950910885765</c:v>
                </c:pt>
                <c:pt idx="2954">
                  <c:v>1.1948308355021093</c:v>
                </c:pt>
                <c:pt idx="2955">
                  <c:v>1.2171318316431847</c:v>
                </c:pt>
                <c:pt idx="2956">
                  <c:v>1.2226061204343543</c:v>
                </c:pt>
                <c:pt idx="2957">
                  <c:v>1.2583236112357548</c:v>
                </c:pt>
                <c:pt idx="2958">
                  <c:v>1.2811181907924269</c:v>
                </c:pt>
                <c:pt idx="2959">
                  <c:v>1.2505608902449978</c:v>
                </c:pt>
                <c:pt idx="2960">
                  <c:v>1.3135152113434452</c:v>
                </c:pt>
                <c:pt idx="2961">
                  <c:v>1.2482724580454105</c:v>
                </c:pt>
                <c:pt idx="2962">
                  <c:v>1.2096832091896266</c:v>
                </c:pt>
                <c:pt idx="2963">
                  <c:v>1.2438302073050354</c:v>
                </c:pt>
                <c:pt idx="2964">
                  <c:v>1.2884770708067852</c:v>
                </c:pt>
                <c:pt idx="2965">
                  <c:v>1.312034461096653</c:v>
                </c:pt>
                <c:pt idx="2966">
                  <c:v>1.3437584133536751</c:v>
                </c:pt>
                <c:pt idx="2967">
                  <c:v>1.3587902719195908</c:v>
                </c:pt>
                <c:pt idx="2968">
                  <c:v>1.3262137664901732</c:v>
                </c:pt>
                <c:pt idx="2969">
                  <c:v>1.3288611684465583</c:v>
                </c:pt>
                <c:pt idx="2970">
                  <c:v>1.3339316162613302</c:v>
                </c:pt>
                <c:pt idx="2971">
                  <c:v>1.3844566095306474</c:v>
                </c:pt>
                <c:pt idx="2972">
                  <c:v>1.4212510096024413</c:v>
                </c:pt>
                <c:pt idx="2973">
                  <c:v>1.4345328906039669</c:v>
                </c:pt>
                <c:pt idx="2974">
                  <c:v>1.449878847707081</c:v>
                </c:pt>
                <c:pt idx="2975">
                  <c:v>1.4894552633940594</c:v>
                </c:pt>
                <c:pt idx="2976">
                  <c:v>1.4938526429148351</c:v>
                </c:pt>
                <c:pt idx="2977">
                  <c:v>1.5345059678722075</c:v>
                </c:pt>
                <c:pt idx="2978">
                  <c:v>1.5441084088665535</c:v>
                </c:pt>
                <c:pt idx="2979">
                  <c:v>1.5387238625145834</c:v>
                </c:pt>
                <c:pt idx="2980">
                  <c:v>1.5415507493493679</c:v>
                </c:pt>
                <c:pt idx="2981">
                  <c:v>1.557749259624877</c:v>
                </c:pt>
                <c:pt idx="2982">
                  <c:v>1.5519160010769095</c:v>
                </c:pt>
                <c:pt idx="2983">
                  <c:v>1.5478775913129321</c:v>
                </c:pt>
                <c:pt idx="2984">
                  <c:v>1.5510185766849141</c:v>
                </c:pt>
                <c:pt idx="2985">
                  <c:v>1.5427174010589608</c:v>
                </c:pt>
                <c:pt idx="2986">
                  <c:v>1.5714798528223999</c:v>
                </c:pt>
                <c:pt idx="2987">
                  <c:v>1.5466660683837388</c:v>
                </c:pt>
                <c:pt idx="2988">
                  <c:v>1.520057435161088</c:v>
                </c:pt>
                <c:pt idx="2989">
                  <c:v>1.5610697298752583</c:v>
                </c:pt>
                <c:pt idx="2990">
                  <c:v>1.5842681504083287</c:v>
                </c:pt>
                <c:pt idx="2991">
                  <c:v>1.5873193933411116</c:v>
                </c:pt>
                <c:pt idx="2992">
                  <c:v>1.5861527416315182</c:v>
                </c:pt>
                <c:pt idx="2993">
                  <c:v>1.5885757874899049</c:v>
                </c:pt>
                <c:pt idx="2994">
                  <c:v>1.5540249483980983</c:v>
                </c:pt>
                <c:pt idx="2995">
                  <c:v>1.6159472314457517</c:v>
                </c:pt>
                <c:pt idx="2996">
                  <c:v>1.6159023602261517</c:v>
                </c:pt>
                <c:pt idx="2997">
                  <c:v>1.6539082832271386</c:v>
                </c:pt>
                <c:pt idx="2998">
                  <c:v>1.6408956295432113</c:v>
                </c:pt>
                <c:pt idx="2999">
                  <c:v>1.6618953603158935</c:v>
                </c:pt>
                <c:pt idx="3000">
                  <c:v>1.6548505788387331</c:v>
                </c:pt>
                <c:pt idx="3001">
                  <c:v>1.6517993359059502</c:v>
                </c:pt>
                <c:pt idx="3002">
                  <c:v>1.5927039396930813</c:v>
                </c:pt>
                <c:pt idx="3003">
                  <c:v>1.6034281611774213</c:v>
                </c:pt>
                <c:pt idx="3004">
                  <c:v>1.5898321816386973</c:v>
                </c:pt>
                <c:pt idx="3005">
                  <c:v>1.5900565377366962</c:v>
                </c:pt>
                <c:pt idx="3006">
                  <c:v>1.5897873104190974</c:v>
                </c:pt>
                <c:pt idx="3007">
                  <c:v>1.6299021807412726</c:v>
                </c:pt>
                <c:pt idx="3008">
                  <c:v>1.6283316880552814</c:v>
                </c:pt>
                <c:pt idx="3009">
                  <c:v>1.5980884860450506</c:v>
                </c:pt>
                <c:pt idx="3010">
                  <c:v>1.6131203446109663</c:v>
                </c:pt>
                <c:pt idx="3011">
                  <c:v>1.6750426276586192</c:v>
                </c:pt>
                <c:pt idx="3012">
                  <c:v>1.6727990666786319</c:v>
                </c:pt>
                <c:pt idx="3013">
                  <c:v>1.6980615633132903</c:v>
                </c:pt>
                <c:pt idx="3014">
                  <c:v>1.7026384277124644</c:v>
                </c:pt>
                <c:pt idx="3015">
                  <c:v>1.6024858655658254</c:v>
                </c:pt>
                <c:pt idx="3016">
                  <c:v>1.6288252714708782</c:v>
                </c:pt>
                <c:pt idx="3017">
                  <c:v>1.5495826976577218</c:v>
                </c:pt>
                <c:pt idx="3018">
                  <c:v>1.5603069191420618</c:v>
                </c:pt>
                <c:pt idx="3019">
                  <c:v>1.598447455801848</c:v>
                </c:pt>
                <c:pt idx="3020">
                  <c:v>1.5612043435340563</c:v>
                </c:pt>
                <c:pt idx="3021">
                  <c:v>1.5733644440455881</c:v>
                </c:pt>
                <c:pt idx="3022">
                  <c:v>1.5906847348110906</c:v>
                </c:pt>
                <c:pt idx="3023">
                  <c:v>1.6201651260881254</c:v>
                </c:pt>
                <c:pt idx="3024">
                  <c:v>1.6471327290675748</c:v>
                </c:pt>
                <c:pt idx="3025">
                  <c:v>1.6338059768464497</c:v>
                </c:pt>
                <c:pt idx="3026">
                  <c:v>1.6049089114242117</c:v>
                </c:pt>
                <c:pt idx="3027">
                  <c:v>1.619671542672529</c:v>
                </c:pt>
                <c:pt idx="3028">
                  <c:v>1.6633312393430844</c:v>
                </c:pt>
                <c:pt idx="3029">
                  <c:v>1.6182356636453368</c:v>
                </c:pt>
                <c:pt idx="3030">
                  <c:v>1.6189984743785328</c:v>
                </c:pt>
                <c:pt idx="3031">
                  <c:v>1.6680875886206579</c:v>
                </c:pt>
                <c:pt idx="3032">
                  <c:v>1.6626132998294882</c:v>
                </c:pt>
                <c:pt idx="3033">
                  <c:v>1.7036704657632584</c:v>
                </c:pt>
                <c:pt idx="3034">
                  <c:v>1.7211702414071608</c:v>
                </c:pt>
                <c:pt idx="3035">
                  <c:v>1.741990487301444</c:v>
                </c:pt>
                <c:pt idx="3036">
                  <c:v>1.7671183702773035</c:v>
                </c:pt>
                <c:pt idx="3037">
                  <c:v>1.738086691196266</c:v>
                </c:pt>
                <c:pt idx="3038">
                  <c:v>1.7424391994974417</c:v>
                </c:pt>
                <c:pt idx="3039">
                  <c:v>1.7715606210176786</c:v>
                </c:pt>
                <c:pt idx="3040">
                  <c:v>1.813245984025845</c:v>
                </c:pt>
                <c:pt idx="3041">
                  <c:v>1.8619761285111722</c:v>
                </c:pt>
                <c:pt idx="3042">
                  <c:v>1.8495468006820421</c:v>
                </c:pt>
                <c:pt idx="3043">
                  <c:v>1.8644440455891589</c:v>
                </c:pt>
                <c:pt idx="3044">
                  <c:v>1.876604146100691</c:v>
                </c:pt>
                <c:pt idx="3045">
                  <c:v>1.8744054563403032</c:v>
                </c:pt>
                <c:pt idx="3046">
                  <c:v>1.8657453109575517</c:v>
                </c:pt>
                <c:pt idx="3047">
                  <c:v>1.8639055909539621</c:v>
                </c:pt>
                <c:pt idx="3048">
                  <c:v>1.8829309880642553</c:v>
                </c:pt>
                <c:pt idx="3049">
                  <c:v>1.8855335188010409</c:v>
                </c:pt>
                <c:pt idx="3050">
                  <c:v>1.9132190612940856</c:v>
                </c:pt>
                <c:pt idx="3051">
                  <c:v>1.8415148523736873</c:v>
                </c:pt>
                <c:pt idx="3052">
                  <c:v>1.7707978102844835</c:v>
                </c:pt>
                <c:pt idx="3053">
                  <c:v>1.7639773849053215</c:v>
                </c:pt>
                <c:pt idx="3054">
                  <c:v>1.8740464865835054</c:v>
                </c:pt>
                <c:pt idx="3055">
                  <c:v>1.8788028358610784</c:v>
                </c:pt>
                <c:pt idx="3056">
                  <c:v>1.8384636094409044</c:v>
                </c:pt>
                <c:pt idx="3057">
                  <c:v>1.7461186395046213</c:v>
                </c:pt>
                <c:pt idx="3058">
                  <c:v>1.6556133895719283</c:v>
                </c:pt>
                <c:pt idx="3059">
                  <c:v>1.6768823476622092</c:v>
                </c:pt>
                <c:pt idx="3060">
                  <c:v>1.7263304316611325</c:v>
                </c:pt>
                <c:pt idx="3061">
                  <c:v>1.6819527954769811</c:v>
                </c:pt>
                <c:pt idx="3062">
                  <c:v>1.6905231984205331</c:v>
                </c:pt>
                <c:pt idx="3063">
                  <c:v>1.7402853809566547</c:v>
                </c:pt>
                <c:pt idx="3064">
                  <c:v>1.7799515390828331</c:v>
                </c:pt>
                <c:pt idx="3065">
                  <c:v>1.7813425468904249</c:v>
                </c:pt>
                <c:pt idx="3066">
                  <c:v>1.7548685273265732</c:v>
                </c:pt>
                <c:pt idx="3067">
                  <c:v>1.7622274073409323</c:v>
                </c:pt>
                <c:pt idx="3068">
                  <c:v>1.8203805079422071</c:v>
                </c:pt>
                <c:pt idx="3069">
                  <c:v>1.7365161985102766</c:v>
                </c:pt>
                <c:pt idx="3070">
                  <c:v>1.7777977205420452</c:v>
                </c:pt>
                <c:pt idx="3071">
                  <c:v>1.6701067935026481</c:v>
                </c:pt>
                <c:pt idx="3072">
                  <c:v>1.7064524813784443</c:v>
                </c:pt>
                <c:pt idx="3073">
                  <c:v>1.6846899398725661</c:v>
                </c:pt>
                <c:pt idx="3074">
                  <c:v>1.7410930629094499</c:v>
                </c:pt>
                <c:pt idx="3075">
                  <c:v>1.7557210804989682</c:v>
                </c:pt>
                <c:pt idx="3076">
                  <c:v>1.7226061204343535</c:v>
                </c:pt>
                <c:pt idx="3077">
                  <c:v>1.7147087857847976</c:v>
                </c:pt>
                <c:pt idx="3078">
                  <c:v>1.6553890334739298</c:v>
                </c:pt>
                <c:pt idx="3079">
                  <c:v>1.659965897873104</c:v>
                </c:pt>
                <c:pt idx="3080">
                  <c:v>1.6120434353405724</c:v>
                </c:pt>
                <c:pt idx="3081">
                  <c:v>1.6202997397469261</c:v>
                </c:pt>
                <c:pt idx="3082">
                  <c:v>1.6199856412097278</c:v>
                </c:pt>
                <c:pt idx="3083">
                  <c:v>1.5625953513416491</c:v>
                </c:pt>
                <c:pt idx="3084">
                  <c:v>1.5837745669927301</c:v>
                </c:pt>
                <c:pt idx="3085">
                  <c:v>1.5866463250471137</c:v>
                </c:pt>
                <c:pt idx="3086">
                  <c:v>1.5691016781836122</c:v>
                </c:pt>
                <c:pt idx="3087">
                  <c:v>1.5997038499506404</c:v>
                </c:pt>
                <c:pt idx="3088">
                  <c:v>1.6303508929372685</c:v>
                </c:pt>
                <c:pt idx="3089">
                  <c:v>1.6337611056268493</c:v>
                </c:pt>
                <c:pt idx="3090">
                  <c:v>1.682446378892577</c:v>
                </c:pt>
                <c:pt idx="3091">
                  <c:v>1.7024589428340651</c:v>
                </c:pt>
                <c:pt idx="3092">
                  <c:v>1.7024589428340651</c:v>
                </c:pt>
                <c:pt idx="3093">
                  <c:v>1.6737862335098255</c:v>
                </c:pt>
                <c:pt idx="3094">
                  <c:v>1.7736246971192666</c:v>
                </c:pt>
                <c:pt idx="3095">
                  <c:v>1.7635735439289228</c:v>
                </c:pt>
                <c:pt idx="3096">
                  <c:v>1.7851566005564021</c:v>
                </c:pt>
                <c:pt idx="3097">
                  <c:v>1.766983756618504</c:v>
                </c:pt>
                <c:pt idx="3098">
                  <c:v>1.7685542493044952</c:v>
                </c:pt>
                <c:pt idx="3099">
                  <c:v>1.7878937449519872</c:v>
                </c:pt>
                <c:pt idx="3100">
                  <c:v>1.8020281791259078</c:v>
                </c:pt>
                <c:pt idx="3101">
                  <c:v>1.8696491070627288</c:v>
                </c:pt>
                <c:pt idx="3102">
                  <c:v>1.8560979987436048</c:v>
                </c:pt>
                <c:pt idx="3103">
                  <c:v>1.8641748182715596</c:v>
                </c:pt>
                <c:pt idx="3104">
                  <c:v>1.887642466122228</c:v>
                </c:pt>
                <c:pt idx="3105">
                  <c:v>1.8784438661042793</c:v>
                </c:pt>
                <c:pt idx="3106">
                  <c:v>1.8695144934039294</c:v>
                </c:pt>
                <c:pt idx="3107">
                  <c:v>1.8951359597953861</c:v>
                </c:pt>
                <c:pt idx="3108">
                  <c:v>1.950192946244278</c:v>
                </c:pt>
                <c:pt idx="3109">
                  <c:v>1.9543210984474544</c:v>
                </c:pt>
                <c:pt idx="3110">
                  <c:v>1.9543210984474544</c:v>
                </c:pt>
                <c:pt idx="3111">
                  <c:v>1.9700260253073663</c:v>
                </c:pt>
                <c:pt idx="3112">
                  <c:v>1.9629812438302059</c:v>
                </c:pt>
                <c:pt idx="3113">
                  <c:v>1.8852642914834412</c:v>
                </c:pt>
                <c:pt idx="3114">
                  <c:v>1.9018217715157486</c:v>
                </c:pt>
                <c:pt idx="3115">
                  <c:v>1.9092703939693068</c:v>
                </c:pt>
                <c:pt idx="3116">
                  <c:v>1.8976936193125717</c:v>
                </c:pt>
                <c:pt idx="3117">
                  <c:v>1.9145203266624775</c:v>
                </c:pt>
                <c:pt idx="3118">
                  <c:v>1.8713990846271189</c:v>
                </c:pt>
                <c:pt idx="3119">
                  <c:v>1.8806425558646671</c:v>
                </c:pt>
                <c:pt idx="3120">
                  <c:v>1.9092255227497072</c:v>
                </c:pt>
                <c:pt idx="3121">
                  <c:v>1.9150139100780748</c:v>
                </c:pt>
                <c:pt idx="3122">
                  <c:v>1.9670645248137828</c:v>
                </c:pt>
                <c:pt idx="3123">
                  <c:v>2.0048909629363707</c:v>
                </c:pt>
                <c:pt idx="3124">
                  <c:v>1.9934488019384347</c:v>
                </c:pt>
                <c:pt idx="3125">
                  <c:v>2.0501211522929168</c:v>
                </c:pt>
                <c:pt idx="3126">
                  <c:v>2.0428968859373575</c:v>
                </c:pt>
                <c:pt idx="3127">
                  <c:v>2.0399353854437741</c:v>
                </c:pt>
                <c:pt idx="3128">
                  <c:v>2.0751144216099773</c:v>
                </c:pt>
                <c:pt idx="3129">
                  <c:v>2.0984474558018467</c:v>
                </c:pt>
                <c:pt idx="3130">
                  <c:v>2.077672081127163</c:v>
                </c:pt>
                <c:pt idx="3131">
                  <c:v>2.0270573454186467</c:v>
                </c:pt>
                <c:pt idx="3132">
                  <c:v>1.9912052409584473</c:v>
                </c:pt>
                <c:pt idx="3133">
                  <c:v>2.0058332585479652</c:v>
                </c:pt>
                <c:pt idx="3134">
                  <c:v>1.9549492955218501</c:v>
                </c:pt>
                <c:pt idx="3135">
                  <c:v>1.996724400969216</c:v>
                </c:pt>
                <c:pt idx="3136">
                  <c:v>1.9768015794669274</c:v>
                </c:pt>
                <c:pt idx="3137">
                  <c:v>1.9499237189266778</c:v>
                </c:pt>
                <c:pt idx="3138">
                  <c:v>1.9039755900565352</c:v>
                </c:pt>
                <c:pt idx="3139">
                  <c:v>1.8980077178497683</c:v>
                </c:pt>
                <c:pt idx="3140">
                  <c:v>1.9020461276137457</c:v>
                </c:pt>
                <c:pt idx="3141">
                  <c:v>1.9405905052499302</c:v>
                </c:pt>
                <c:pt idx="3142">
                  <c:v>1.9031230368841401</c:v>
                </c:pt>
                <c:pt idx="3143">
                  <c:v>1.9720003589697539</c:v>
                </c:pt>
                <c:pt idx="3144">
                  <c:v>1.9517185677106674</c:v>
                </c:pt>
                <c:pt idx="3145">
                  <c:v>1.8811361392802626</c:v>
                </c:pt>
                <c:pt idx="3146">
                  <c:v>1.9114242125100924</c:v>
                </c:pt>
                <c:pt idx="3147">
                  <c:v>1.8259894103921708</c:v>
                </c:pt>
                <c:pt idx="3148">
                  <c:v>1.8502647401956351</c:v>
                </c:pt>
                <c:pt idx="3149">
                  <c:v>1.8506685811720329</c:v>
                </c:pt>
                <c:pt idx="3150">
                  <c:v>1.8651619851027514</c:v>
                </c:pt>
                <c:pt idx="3151">
                  <c:v>1.8855783900206373</c:v>
                </c:pt>
                <c:pt idx="3152">
                  <c:v>1.9004756349277541</c:v>
                </c:pt>
                <c:pt idx="3153">
                  <c:v>1.9403212779323309</c:v>
                </c:pt>
                <c:pt idx="3154">
                  <c:v>1.928520147177597</c:v>
                </c:pt>
                <c:pt idx="3155">
                  <c:v>1.9159113344700676</c:v>
                </c:pt>
                <c:pt idx="3156">
                  <c:v>1.9260971013192107</c:v>
                </c:pt>
                <c:pt idx="3157">
                  <c:v>1.9510903706362708</c:v>
                </c:pt>
                <c:pt idx="3158">
                  <c:v>1.9064883783541204</c:v>
                </c:pt>
                <c:pt idx="3159">
                  <c:v>1.8817194651350593</c:v>
                </c:pt>
                <c:pt idx="3160">
                  <c:v>1.8983666876065661</c:v>
                </c:pt>
                <c:pt idx="3161">
                  <c:v>1.9008794759041523</c:v>
                </c:pt>
                <c:pt idx="3162">
                  <c:v>1.8878668222202251</c:v>
                </c:pt>
                <c:pt idx="3163">
                  <c:v>1.8668670914475429</c:v>
                </c:pt>
                <c:pt idx="3164">
                  <c:v>1.8190792425738107</c:v>
                </c:pt>
                <c:pt idx="3165">
                  <c:v>1.8867450417302316</c:v>
                </c:pt>
                <c:pt idx="3166">
                  <c:v>1.8788477070806757</c:v>
                </c:pt>
                <c:pt idx="3167">
                  <c:v>1.8451045499416647</c:v>
                </c:pt>
                <c:pt idx="3168">
                  <c:v>1.8609889616799755</c:v>
                </c:pt>
                <c:pt idx="3169">
                  <c:v>1.8892129588082174</c:v>
                </c:pt>
                <c:pt idx="3170">
                  <c:v>1.9232702144844263</c:v>
                </c:pt>
                <c:pt idx="3171">
                  <c:v>1.9103921744592984</c:v>
                </c:pt>
                <c:pt idx="3172">
                  <c:v>1.9020909988333448</c:v>
                </c:pt>
                <c:pt idx="3173">
                  <c:v>1.9347123754823619</c:v>
                </c:pt>
                <c:pt idx="3174">
                  <c:v>1.9938526429148307</c:v>
                </c:pt>
                <c:pt idx="3175">
                  <c:v>1.9656735170061883</c:v>
                </c:pt>
                <c:pt idx="3176">
                  <c:v>1.9104370456788979</c:v>
                </c:pt>
                <c:pt idx="3177">
                  <c:v>1.9484429686798852</c:v>
                </c:pt>
                <c:pt idx="3178">
                  <c:v>1.940231535493131</c:v>
                </c:pt>
                <c:pt idx="3179">
                  <c:v>1.973929821412542</c:v>
                </c:pt>
                <c:pt idx="3180">
                  <c:v>2.0220317688234726</c:v>
                </c:pt>
                <c:pt idx="3181">
                  <c:v>2.0304675581082252</c:v>
                </c:pt>
                <c:pt idx="3182">
                  <c:v>2.0611594723144533</c:v>
                </c:pt>
                <c:pt idx="3183">
                  <c:v>2.0725118908731894</c:v>
                </c:pt>
                <c:pt idx="3184">
                  <c:v>2.081934846989137</c:v>
                </c:pt>
                <c:pt idx="3185">
                  <c:v>2.0306021717670246</c:v>
                </c:pt>
                <c:pt idx="3186">
                  <c:v>1.7639325136857185</c:v>
                </c:pt>
                <c:pt idx="3187">
                  <c:v>1.8106883245086567</c:v>
                </c:pt>
                <c:pt idx="3188">
                  <c:v>1.7673427263752997</c:v>
                </c:pt>
                <c:pt idx="3189">
                  <c:v>1.8117203625594511</c:v>
                </c:pt>
                <c:pt idx="3190">
                  <c:v>1.8384187382213018</c:v>
                </c:pt>
                <c:pt idx="3191">
                  <c:v>1.8370277304137095</c:v>
                </c:pt>
                <c:pt idx="3192">
                  <c:v>1.8755721080498935</c:v>
                </c:pt>
                <c:pt idx="3193">
                  <c:v>1.8609889616799751</c:v>
                </c:pt>
                <c:pt idx="3194">
                  <c:v>1.8700529480391244</c:v>
                </c:pt>
                <c:pt idx="3195">
                  <c:v>1.813919052319839</c:v>
                </c:pt>
                <c:pt idx="3196">
                  <c:v>1.7949385264291453</c:v>
                </c:pt>
                <c:pt idx="3197">
                  <c:v>1.8048999371802896</c:v>
                </c:pt>
                <c:pt idx="3198">
                  <c:v>1.802207664004305</c:v>
                </c:pt>
                <c:pt idx="3199">
                  <c:v>1.8248227586825787</c:v>
                </c:pt>
                <c:pt idx="3200">
                  <c:v>1.8345149421161242</c:v>
                </c:pt>
                <c:pt idx="3201">
                  <c:v>1.8158933859822284</c:v>
                </c:pt>
                <c:pt idx="3202">
                  <c:v>1.7914385713003655</c:v>
                </c:pt>
                <c:pt idx="3203">
                  <c:v>1.7685542493044939</c:v>
                </c:pt>
                <c:pt idx="3204">
                  <c:v>1.7742977654132615</c:v>
                </c:pt>
                <c:pt idx="3205">
                  <c:v>1.7785156600556378</c:v>
                </c:pt>
                <c:pt idx="3206">
                  <c:v>1.7652337790541122</c:v>
                </c:pt>
                <c:pt idx="3207">
                  <c:v>1.7826438122588146</c:v>
                </c:pt>
                <c:pt idx="3208">
                  <c:v>1.7266445301983282</c:v>
                </c:pt>
                <c:pt idx="3209">
                  <c:v>1.7264201741003293</c:v>
                </c:pt>
                <c:pt idx="3210">
                  <c:v>1.7493493673158009</c:v>
                </c:pt>
                <c:pt idx="3211">
                  <c:v>1.7410481916898473</c:v>
                </c:pt>
                <c:pt idx="3212">
                  <c:v>1.7904514044691706</c:v>
                </c:pt>
                <c:pt idx="3213">
                  <c:v>1.7674324688144996</c:v>
                </c:pt>
                <c:pt idx="3214">
                  <c:v>1.782778425917614</c:v>
                </c:pt>
                <c:pt idx="3215">
                  <c:v>1.7926949654491584</c:v>
                </c:pt>
                <c:pt idx="3216">
                  <c:v>1.822354841604592</c:v>
                </c:pt>
                <c:pt idx="3217">
                  <c:v>1.8394059050524967</c:v>
                </c:pt>
                <c:pt idx="3218">
                  <c:v>1.8372520865117088</c:v>
                </c:pt>
                <c:pt idx="3219">
                  <c:v>1.8337970026025281</c:v>
                </c:pt>
                <c:pt idx="3220">
                  <c:v>1.8031050883963</c:v>
                </c:pt>
                <c:pt idx="3221">
                  <c:v>1.7964641478955374</c:v>
                </c:pt>
                <c:pt idx="3222">
                  <c:v>1.828008615274161</c:v>
                </c:pt>
                <c:pt idx="3223">
                  <c:v>1.8642196894911578</c:v>
                </c:pt>
                <c:pt idx="3224">
                  <c:v>1.9092255227497055</c:v>
                </c:pt>
                <c:pt idx="3225">
                  <c:v>1.924616351072419</c:v>
                </c:pt>
                <c:pt idx="3226">
                  <c:v>1.936193125729154</c:v>
                </c:pt>
                <c:pt idx="3227">
                  <c:v>1.9261419725388103</c:v>
                </c:pt>
                <c:pt idx="3228">
                  <c:v>1.9317508749887788</c:v>
                </c:pt>
                <c:pt idx="3229">
                  <c:v>1.9246612222920185</c:v>
                </c:pt>
                <c:pt idx="3230">
                  <c:v>1.9138472583684791</c:v>
                </c:pt>
                <c:pt idx="3231">
                  <c:v>1.902449968590143</c:v>
                </c:pt>
                <c:pt idx="3232">
                  <c:v>1.9210715247240389</c:v>
                </c:pt>
                <c:pt idx="3233">
                  <c:v>1.9465583774566961</c:v>
                </c:pt>
                <c:pt idx="3234">
                  <c:v>1.9170779861796614</c:v>
                </c:pt>
                <c:pt idx="3235">
                  <c:v>1.9290586018127946</c:v>
                </c:pt>
                <c:pt idx="3236">
                  <c:v>1.9389302701247391</c:v>
                </c:pt>
                <c:pt idx="3237">
                  <c:v>1.9579107960154332</c:v>
                </c:pt>
                <c:pt idx="3238">
                  <c:v>1.9846540428968837</c:v>
                </c:pt>
                <c:pt idx="3239">
                  <c:v>2.0124293278291283</c:v>
                </c:pt>
                <c:pt idx="3240">
                  <c:v>1.9963654312124182</c:v>
                </c:pt>
                <c:pt idx="3241">
                  <c:v>2.0017499775643883</c:v>
                </c:pt>
                <c:pt idx="3242">
                  <c:v>2.0485057883873261</c:v>
                </c:pt>
                <c:pt idx="3243">
                  <c:v>2.0466660683837361</c:v>
                </c:pt>
                <c:pt idx="3244">
                  <c:v>2.0364803015345929</c:v>
                </c:pt>
                <c:pt idx="3245">
                  <c:v>2.0060127434263633</c:v>
                </c:pt>
                <c:pt idx="3246">
                  <c:v>2.0224356097998712</c:v>
                </c:pt>
                <c:pt idx="3247">
                  <c:v>2.0639863591492387</c:v>
                </c:pt>
                <c:pt idx="3248">
                  <c:v>2.067172215740821</c:v>
                </c:pt>
                <c:pt idx="3249">
                  <c:v>2.0778964372251609</c:v>
                </c:pt>
                <c:pt idx="3250">
                  <c:v>2.0501660235125163</c:v>
                </c:pt>
                <c:pt idx="3251">
                  <c:v>2.0832809835771307</c:v>
                </c:pt>
                <c:pt idx="3252">
                  <c:v>2.0796912860091505</c:v>
                </c:pt>
                <c:pt idx="3253">
                  <c:v>2.1414789553980045</c:v>
                </c:pt>
                <c:pt idx="3254">
                  <c:v>2.1623889437314876</c:v>
                </c:pt>
                <c:pt idx="3255">
                  <c:v>2.1917795925693233</c:v>
                </c:pt>
                <c:pt idx="3256">
                  <c:v>2.1891321906129382</c:v>
                </c:pt>
                <c:pt idx="3257">
                  <c:v>2.1865745310957525</c:v>
                </c:pt>
                <c:pt idx="3258">
                  <c:v>2.2006192228304737</c:v>
                </c:pt>
                <c:pt idx="3259">
                  <c:v>2.180741272547785</c:v>
                </c:pt>
                <c:pt idx="3260">
                  <c:v>2.1784550839091779</c:v>
                </c:pt>
                <c:pt idx="3261">
                  <c:v>2.22727766310688</c:v>
                </c:pt>
                <c:pt idx="3262">
                  <c:v>2.2365085704029406</c:v>
                </c:pt>
                <c:pt idx="3263">
                  <c:v>2.2374979807951156</c:v>
                </c:pt>
                <c:pt idx="3264">
                  <c:v>2.2941043704567865</c:v>
                </c:pt>
                <c:pt idx="3265">
                  <c:v>2.2791371264470945</c:v>
                </c:pt>
                <c:pt idx="3266">
                  <c:v>2.3347940411020347</c:v>
                </c:pt>
                <c:pt idx="3267">
                  <c:v>2.3446356456968478</c:v>
                </c:pt>
                <c:pt idx="3268">
                  <c:v>2.3558094768015776</c:v>
                </c:pt>
                <c:pt idx="3269">
                  <c:v>2.3499362828681658</c:v>
                </c:pt>
                <c:pt idx="3270">
                  <c:v>2.3992874450327539</c:v>
                </c:pt>
                <c:pt idx="3271">
                  <c:v>2.4097823745849389</c:v>
                </c:pt>
                <c:pt idx="3272">
                  <c:v>2.4090541146908344</c:v>
                </c:pt>
                <c:pt idx="3273">
                  <c:v>2.4103989051422392</c:v>
                </c:pt>
                <c:pt idx="3274">
                  <c:v>2.3924589428340637</c:v>
                </c:pt>
                <c:pt idx="3275">
                  <c:v>2.382830027820154</c:v>
                </c:pt>
                <c:pt idx="3276">
                  <c:v>2.3403692901373039</c:v>
                </c:pt>
                <c:pt idx="3277">
                  <c:v>2.3347716054922349</c:v>
                </c:pt>
                <c:pt idx="3278">
                  <c:v>2.3113483801489703</c:v>
                </c:pt>
                <c:pt idx="3279">
                  <c:v>2.3010522300996117</c:v>
                </c:pt>
                <c:pt idx="3280">
                  <c:v>2.3336404020461252</c:v>
                </c:pt>
                <c:pt idx="3281">
                  <c:v>2.336616261329981</c:v>
                </c:pt>
                <c:pt idx="3282">
                  <c:v>2.4444453917257452</c:v>
                </c:pt>
                <c:pt idx="3283">
                  <c:v>2.4367513237009764</c:v>
                </c:pt>
                <c:pt idx="3284">
                  <c:v>2.4379220138203337</c:v>
                </c:pt>
                <c:pt idx="3285">
                  <c:v>2.412668042717399</c:v>
                </c:pt>
                <c:pt idx="3286">
                  <c:v>2.3979543210984451</c:v>
                </c:pt>
                <c:pt idx="3287">
                  <c:v>2.4504715965179917</c:v>
                </c:pt>
                <c:pt idx="3288">
                  <c:v>2.439818720272815</c:v>
                </c:pt>
                <c:pt idx="3289">
                  <c:v>2.4546257740285351</c:v>
                </c:pt>
                <c:pt idx="3290">
                  <c:v>2.45023063806874</c:v>
                </c:pt>
                <c:pt idx="3291">
                  <c:v>2.4192430225253498</c:v>
                </c:pt>
                <c:pt idx="3292">
                  <c:v>2.4367356187741152</c:v>
                </c:pt>
                <c:pt idx="3293">
                  <c:v>2.422918424122765</c:v>
                </c:pt>
                <c:pt idx="3294">
                  <c:v>2.4277353495467979</c:v>
                </c:pt>
                <c:pt idx="3295">
                  <c:v>2.3838791169343962</c:v>
                </c:pt>
                <c:pt idx="3296">
                  <c:v>2.4259261419725364</c:v>
                </c:pt>
                <c:pt idx="3297">
                  <c:v>2.44032711119088</c:v>
                </c:pt>
                <c:pt idx="3298">
                  <c:v>2.4055617876693867</c:v>
                </c:pt>
                <c:pt idx="3299">
                  <c:v>2.409122767656823</c:v>
                </c:pt>
                <c:pt idx="3300">
                  <c:v>2.35638203356367</c:v>
                </c:pt>
                <c:pt idx="3301">
                  <c:v>2.3343125729157297</c:v>
                </c:pt>
                <c:pt idx="3302">
                  <c:v>2.3125612492147516</c:v>
                </c:pt>
                <c:pt idx="3303">
                  <c:v>2.3166754913398515</c:v>
                </c:pt>
                <c:pt idx="3304">
                  <c:v>2.3344157767208085</c:v>
                </c:pt>
                <c:pt idx="3305">
                  <c:v>2.2493439827694495</c:v>
                </c:pt>
                <c:pt idx="3306">
                  <c:v>2.3367643363546602</c:v>
                </c:pt>
                <c:pt idx="3307">
                  <c:v>2.2724890065511962</c:v>
                </c:pt>
                <c:pt idx="3308">
                  <c:v>2.2381602799964084</c:v>
                </c:pt>
                <c:pt idx="3309">
                  <c:v>2.2520492685991189</c:v>
                </c:pt>
                <c:pt idx="3310">
                  <c:v>2.178075473391365</c:v>
                </c:pt>
                <c:pt idx="3311">
                  <c:v>2.2536924526608617</c:v>
                </c:pt>
                <c:pt idx="3312">
                  <c:v>2.2952203176882335</c:v>
                </c:pt>
                <c:pt idx="3313">
                  <c:v>2.2952203176882335</c:v>
                </c:pt>
                <c:pt idx="3314">
                  <c:v>2.3471511262676108</c:v>
                </c:pt>
                <c:pt idx="3315">
                  <c:v>2.3437489903975575</c:v>
                </c:pt>
                <c:pt idx="3316">
                  <c:v>2.3423036884142499</c:v>
                </c:pt>
                <c:pt idx="3317">
                  <c:v>2.3275316342098162</c:v>
                </c:pt>
                <c:pt idx="3318">
                  <c:v>2.3231140626402209</c:v>
                </c:pt>
                <c:pt idx="3319">
                  <c:v>2.326739657183881</c:v>
                </c:pt>
                <c:pt idx="3320">
                  <c:v>2.2621578569505507</c:v>
                </c:pt>
                <c:pt idx="3321">
                  <c:v>2.2294260971013182</c:v>
                </c:pt>
                <c:pt idx="3322">
                  <c:v>2.2425940052050604</c:v>
                </c:pt>
                <c:pt idx="3323">
                  <c:v>2.2796450686529655</c:v>
                </c:pt>
                <c:pt idx="3324">
                  <c:v>2.2552351251907021</c:v>
                </c:pt>
                <c:pt idx="3325">
                  <c:v>2.2876402225612487</c:v>
                </c:pt>
                <c:pt idx="3326">
                  <c:v>2.2526007358880009</c:v>
                </c:pt>
                <c:pt idx="3327">
                  <c:v>2.2635663645337867</c:v>
                </c:pt>
                <c:pt idx="3328">
                  <c:v>2.2666265817104896</c:v>
                </c:pt>
                <c:pt idx="3329">
                  <c:v>2.3121031140626394</c:v>
                </c:pt>
                <c:pt idx="3330">
                  <c:v>2.2717549133985457</c:v>
                </c:pt>
                <c:pt idx="3331">
                  <c:v>2.2499744234048276</c:v>
                </c:pt>
                <c:pt idx="3332">
                  <c:v>2.2579960513326749</c:v>
                </c:pt>
                <c:pt idx="3333">
                  <c:v>2.2807794130844474</c:v>
                </c:pt>
                <c:pt idx="3334">
                  <c:v>2.2612568428609885</c:v>
                </c:pt>
                <c:pt idx="3335">
                  <c:v>2.292068114511352</c:v>
                </c:pt>
                <c:pt idx="3336">
                  <c:v>2.3713286368123474</c:v>
                </c:pt>
                <c:pt idx="3337">
                  <c:v>2.3737112985730944</c:v>
                </c:pt>
                <c:pt idx="3338">
                  <c:v>2.3970981782284837</c:v>
                </c:pt>
                <c:pt idx="3339">
                  <c:v>2.413467647850668</c:v>
                </c:pt>
                <c:pt idx="3340">
                  <c:v>2.4282545095575698</c:v>
                </c:pt>
                <c:pt idx="3341">
                  <c:v>2.4282545095575698</c:v>
                </c:pt>
                <c:pt idx="3342">
                  <c:v>2.4950659606928109</c:v>
                </c:pt>
                <c:pt idx="3343">
                  <c:v>2.4997379520775374</c:v>
                </c:pt>
                <c:pt idx="3344">
                  <c:v>2.5290056537736696</c:v>
                </c:pt>
                <c:pt idx="3345">
                  <c:v>2.5480332944449429</c:v>
                </c:pt>
                <c:pt idx="3346">
                  <c:v>2.5618118998474371</c:v>
                </c:pt>
                <c:pt idx="3347">
                  <c:v>2.5387032217535661</c:v>
                </c:pt>
                <c:pt idx="3348">
                  <c:v>2.5089549492955214</c:v>
                </c:pt>
                <c:pt idx="3349">
                  <c:v>2.5612240868706806</c:v>
                </c:pt>
                <c:pt idx="3350">
                  <c:v>2.5604917885668121</c:v>
                </c:pt>
                <c:pt idx="3351">
                  <c:v>2.5785861078704109</c:v>
                </c:pt>
                <c:pt idx="3352">
                  <c:v>2.5821484339944352</c:v>
                </c:pt>
                <c:pt idx="3353">
                  <c:v>2.6430566274791345</c:v>
                </c:pt>
                <c:pt idx="3354">
                  <c:v>2.6328928475275948</c:v>
                </c:pt>
                <c:pt idx="3355">
                  <c:v>2.64441802028179</c:v>
                </c:pt>
                <c:pt idx="3356">
                  <c:v>2.6648757067217073</c:v>
                </c:pt>
                <c:pt idx="3357">
                  <c:v>2.6201359597953862</c:v>
                </c:pt>
                <c:pt idx="3358">
                  <c:v>2.7548236561069719</c:v>
                </c:pt>
                <c:pt idx="3359">
                  <c:v>2.7548236561069719</c:v>
                </c:pt>
                <c:pt idx="3360">
                  <c:v>2.8378731041909706</c:v>
                </c:pt>
                <c:pt idx="3361">
                  <c:v>2.800503006371712</c:v>
                </c:pt>
                <c:pt idx="3362">
                  <c:v>2.7908310149869866</c:v>
                </c:pt>
                <c:pt idx="3363">
                  <c:v>2.8101364085075824</c:v>
                </c:pt>
                <c:pt idx="3364">
                  <c:v>2.8362756887732203</c:v>
                </c:pt>
                <c:pt idx="3365">
                  <c:v>2.771037422597145</c:v>
                </c:pt>
                <c:pt idx="3366">
                  <c:v>2.6732069460647927</c:v>
                </c:pt>
                <c:pt idx="3367">
                  <c:v>2.7644278919501013</c:v>
                </c:pt>
                <c:pt idx="3368">
                  <c:v>2.7138441173831085</c:v>
                </c:pt>
                <c:pt idx="3369">
                  <c:v>2.6584640581530987</c:v>
                </c:pt>
                <c:pt idx="3370">
                  <c:v>2.63002333303419</c:v>
                </c:pt>
                <c:pt idx="3371">
                  <c:v>2.7486691196266699</c:v>
                </c:pt>
                <c:pt idx="3372">
                  <c:v>2.7822206766579907</c:v>
                </c:pt>
                <c:pt idx="3373">
                  <c:v>2.7927209907565276</c:v>
                </c:pt>
                <c:pt idx="3374">
                  <c:v>2.804752310867809</c:v>
                </c:pt>
                <c:pt idx="3375">
                  <c:v>2.850128331688055</c:v>
                </c:pt>
                <c:pt idx="3376">
                  <c:v>2.8612501121780491</c:v>
                </c:pt>
                <c:pt idx="3377">
                  <c:v>2.8897267342726378</c:v>
                </c:pt>
                <c:pt idx="3378">
                  <c:v>2.9169541416135698</c:v>
                </c:pt>
                <c:pt idx="3379">
                  <c:v>2.9330808579377194</c:v>
                </c:pt>
                <c:pt idx="3380">
                  <c:v>2.9008992192407796</c:v>
                </c:pt>
                <c:pt idx="3381">
                  <c:v>2.8299201292291132</c:v>
                </c:pt>
                <c:pt idx="3382">
                  <c:v>2.8310055640312308</c:v>
                </c:pt>
                <c:pt idx="3383">
                  <c:v>2.8482159203087147</c:v>
                </c:pt>
                <c:pt idx="3384">
                  <c:v>2.8599492955218531</c:v>
                </c:pt>
                <c:pt idx="3385">
                  <c:v>2.8433554698016699</c:v>
                </c:pt>
                <c:pt idx="3386">
                  <c:v>2.8357511442161001</c:v>
                </c:pt>
                <c:pt idx="3387">
                  <c:v>2.8133630979090012</c:v>
                </c:pt>
                <c:pt idx="3388">
                  <c:v>2.8755905052499329</c:v>
                </c:pt>
                <c:pt idx="3389">
                  <c:v>2.8993282778425913</c:v>
                </c:pt>
                <c:pt idx="3390">
                  <c:v>2.8761487032217539</c:v>
                </c:pt>
                <c:pt idx="3391">
                  <c:v>2.8612115229291932</c:v>
                </c:pt>
                <c:pt idx="3392">
                  <c:v>2.8108319124113792</c:v>
                </c:pt>
                <c:pt idx="3393">
                  <c:v>2.808960333841874</c:v>
                </c:pt>
                <c:pt idx="3394">
                  <c:v>2.7652813425468903</c:v>
                </c:pt>
                <c:pt idx="3395">
                  <c:v>2.7765323521493315</c:v>
                </c:pt>
                <c:pt idx="3396">
                  <c:v>2.8130032307278108</c:v>
                </c:pt>
                <c:pt idx="3397">
                  <c:v>2.8036381584851475</c:v>
                </c:pt>
                <c:pt idx="3398">
                  <c:v>2.7861074216997217</c:v>
                </c:pt>
                <c:pt idx="3399">
                  <c:v>2.8179960513326749</c:v>
                </c:pt>
                <c:pt idx="3400">
                  <c:v>2.7605698644889167</c:v>
                </c:pt>
                <c:pt idx="3401">
                  <c:v>2.7635349546800683</c:v>
                </c:pt>
                <c:pt idx="3402">
                  <c:v>2.8304567890155257</c:v>
                </c:pt>
                <c:pt idx="3403">
                  <c:v>2.7990864219689495</c:v>
                </c:pt>
                <c:pt idx="3404">
                  <c:v>2.7971578569505526</c:v>
                </c:pt>
                <c:pt idx="3405">
                  <c:v>2.7853221753567268</c:v>
                </c:pt>
                <c:pt idx="3406">
                  <c:v>2.8234613658799255</c:v>
                </c:pt>
                <c:pt idx="3407">
                  <c:v>2.8059956923629188</c:v>
                </c:pt>
                <c:pt idx="3408">
                  <c:v>2.7380970115767749</c:v>
                </c:pt>
                <c:pt idx="3409">
                  <c:v>2.792082922013821</c:v>
                </c:pt>
                <c:pt idx="3410">
                  <c:v>2.8250735888001444</c:v>
                </c:pt>
                <c:pt idx="3411">
                  <c:v>2.8339553980077188</c:v>
                </c:pt>
                <c:pt idx="3412">
                  <c:v>2.7841878309252457</c:v>
                </c:pt>
                <c:pt idx="3413">
                  <c:v>2.7181001525621475</c:v>
                </c:pt>
                <c:pt idx="3414">
                  <c:v>2.7730472045230199</c:v>
                </c:pt>
                <c:pt idx="3415">
                  <c:v>2.8488943731490632</c:v>
                </c:pt>
                <c:pt idx="3416">
                  <c:v>2.8510392174459307</c:v>
                </c:pt>
                <c:pt idx="3417">
                  <c:v>2.8387368751682676</c:v>
                </c:pt>
                <c:pt idx="3418">
                  <c:v>2.8410885757874906</c:v>
                </c:pt>
                <c:pt idx="3419">
                  <c:v>2.8351018576684925</c:v>
                </c:pt>
                <c:pt idx="3420">
                  <c:v>2.8160454994166755</c:v>
                </c:pt>
                <c:pt idx="3421">
                  <c:v>2.8761195369290151</c:v>
                </c:pt>
                <c:pt idx="3422">
                  <c:v>2.8788773220856156</c:v>
                </c:pt>
                <c:pt idx="3423">
                  <c:v>2.8641075114421621</c:v>
                </c:pt>
                <c:pt idx="3424">
                  <c:v>2.7937310419097203</c:v>
                </c:pt>
                <c:pt idx="3425">
                  <c:v>2.7372404199946168</c:v>
                </c:pt>
                <c:pt idx="3426">
                  <c:v>2.7296073768285036</c:v>
                </c:pt>
                <c:pt idx="3427">
                  <c:v>2.711497352598045</c:v>
                </c:pt>
                <c:pt idx="3428">
                  <c:v>2.722339136677737</c:v>
                </c:pt>
                <c:pt idx="3429">
                  <c:v>2.7810953064704318</c:v>
                </c:pt>
                <c:pt idx="3430">
                  <c:v>2.8526967602979463</c:v>
                </c:pt>
                <c:pt idx="3431">
                  <c:v>2.8239361033832919</c:v>
                </c:pt>
                <c:pt idx="3432">
                  <c:v>2.8244718657453123</c:v>
                </c:pt>
                <c:pt idx="3433">
                  <c:v>2.8199057704388424</c:v>
                </c:pt>
                <c:pt idx="3434">
                  <c:v>2.8830193843668694</c:v>
                </c:pt>
                <c:pt idx="3435">
                  <c:v>2.7522188818092097</c:v>
                </c:pt>
                <c:pt idx="3436">
                  <c:v>2.7279852822399739</c:v>
                </c:pt>
                <c:pt idx="3437">
                  <c:v>2.6711531903437162</c:v>
                </c:pt>
                <c:pt idx="3438">
                  <c:v>2.71259445391726</c:v>
                </c:pt>
                <c:pt idx="3439">
                  <c:v>2.6286139280265659</c:v>
                </c:pt>
                <c:pt idx="3440">
                  <c:v>2.5951857668491449</c:v>
                </c:pt>
                <c:pt idx="3441">
                  <c:v>2.5402342277663128</c:v>
                </c:pt>
                <c:pt idx="3442">
                  <c:v>2.3813084447635307</c:v>
                </c:pt>
                <c:pt idx="3443">
                  <c:v>2.4134420712554987</c:v>
                </c:pt>
                <c:pt idx="3444">
                  <c:v>2.4440280893834716</c:v>
                </c:pt>
                <c:pt idx="3445">
                  <c:v>2.4658417840796933</c:v>
                </c:pt>
                <c:pt idx="3446">
                  <c:v>2.5267010679350284</c:v>
                </c:pt>
                <c:pt idx="3447">
                  <c:v>2.4390074486224553</c:v>
                </c:pt>
                <c:pt idx="3448">
                  <c:v>2.4154724939423873</c:v>
                </c:pt>
                <c:pt idx="3449">
                  <c:v>2.3138050794220608</c:v>
                </c:pt>
                <c:pt idx="3450">
                  <c:v>2.2729996410302453</c:v>
                </c:pt>
                <c:pt idx="3451">
                  <c:v>2.2445378264381244</c:v>
                </c:pt>
                <c:pt idx="3452">
                  <c:v>2.2645665440186677</c:v>
                </c:pt>
                <c:pt idx="3453">
                  <c:v>2.2362083819438223</c:v>
                </c:pt>
                <c:pt idx="3454">
                  <c:v>2.2047559005653787</c:v>
                </c:pt>
                <c:pt idx="3455">
                  <c:v>2.1749856412097293</c:v>
                </c:pt>
                <c:pt idx="3456">
                  <c:v>2.1326725298393625</c:v>
                </c:pt>
                <c:pt idx="3457">
                  <c:v>2.2035511083191253</c:v>
                </c:pt>
                <c:pt idx="3458">
                  <c:v>2.2362653683927145</c:v>
                </c:pt>
                <c:pt idx="3459">
                  <c:v>2.1443462263304327</c:v>
                </c:pt>
                <c:pt idx="3460">
                  <c:v>2.1697321188189909</c:v>
                </c:pt>
                <c:pt idx="3461">
                  <c:v>2.1837462981243845</c:v>
                </c:pt>
                <c:pt idx="3462">
                  <c:v>2.2040110383200227</c:v>
                </c:pt>
                <c:pt idx="3463">
                  <c:v>2.168311944718659</c:v>
                </c:pt>
                <c:pt idx="3464">
                  <c:v>2.2202512788297604</c:v>
                </c:pt>
                <c:pt idx="3465">
                  <c:v>2.2649425648389134</c:v>
                </c:pt>
                <c:pt idx="3466">
                  <c:v>2.2684079691286025</c:v>
                </c:pt>
                <c:pt idx="3467">
                  <c:v>2.3055617876693901</c:v>
                </c:pt>
                <c:pt idx="3468">
                  <c:v>2.3538145023781758</c:v>
                </c:pt>
                <c:pt idx="3469">
                  <c:v>2.3452867270932432</c:v>
                </c:pt>
                <c:pt idx="3470">
                  <c:v>2.3658076819527962</c:v>
                </c:pt>
                <c:pt idx="3471">
                  <c:v>2.3658076819527962</c:v>
                </c:pt>
                <c:pt idx="3472">
                  <c:v>2.3591662927398378</c:v>
                </c:pt>
                <c:pt idx="3473">
                  <c:v>2.3383536749528862</c:v>
                </c:pt>
                <c:pt idx="3474">
                  <c:v>2.403761105626852</c:v>
                </c:pt>
                <c:pt idx="3475">
                  <c:v>2.4368818989500149</c:v>
                </c:pt>
                <c:pt idx="3476">
                  <c:v>2.4394947500673081</c:v>
                </c:pt>
                <c:pt idx="3477">
                  <c:v>2.505801848694249</c:v>
                </c:pt>
                <c:pt idx="3478">
                  <c:v>2.4713555595441101</c:v>
                </c:pt>
                <c:pt idx="3479">
                  <c:v>2.4769290137305942</c:v>
                </c:pt>
                <c:pt idx="3480">
                  <c:v>2.5255896078255415</c:v>
                </c:pt>
                <c:pt idx="3481">
                  <c:v>2.4997810284483539</c:v>
                </c:pt>
                <c:pt idx="3482">
                  <c:v>2.5517804899937189</c:v>
                </c:pt>
                <c:pt idx="3483">
                  <c:v>2.5994812887014276</c:v>
                </c:pt>
                <c:pt idx="3484">
                  <c:v>2.5630144485327122</c:v>
                </c:pt>
                <c:pt idx="3485">
                  <c:v>2.5836893116754931</c:v>
                </c:pt>
                <c:pt idx="3486">
                  <c:v>2.6020636273893936</c:v>
                </c:pt>
                <c:pt idx="3487">
                  <c:v>2.5547173113165229</c:v>
                </c:pt>
                <c:pt idx="3488">
                  <c:v>2.5583617517724146</c:v>
                </c:pt>
                <c:pt idx="3489">
                  <c:v>2.5733954051871151</c:v>
                </c:pt>
                <c:pt idx="3490">
                  <c:v>2.6540868706811467</c:v>
                </c:pt>
                <c:pt idx="3491">
                  <c:v>2.636846450686531</c:v>
                </c:pt>
                <c:pt idx="3492">
                  <c:v>2.6052463429956045</c:v>
                </c:pt>
                <c:pt idx="3493">
                  <c:v>2.5516333123934327</c:v>
                </c:pt>
                <c:pt idx="3494">
                  <c:v>2.5344157767208135</c:v>
                </c:pt>
                <c:pt idx="3495">
                  <c:v>2.4332922013820357</c:v>
                </c:pt>
                <c:pt idx="3496">
                  <c:v>2.4773602261509482</c:v>
                </c:pt>
                <c:pt idx="3497">
                  <c:v>2.5269725388136064</c:v>
                </c:pt>
                <c:pt idx="3498">
                  <c:v>2.4585834155972375</c:v>
                </c:pt>
                <c:pt idx="3499">
                  <c:v>2.4469496544916103</c:v>
                </c:pt>
                <c:pt idx="3500">
                  <c:v>2.411491519339497</c:v>
                </c:pt>
                <c:pt idx="3501">
                  <c:v>2.4249255137754657</c:v>
                </c:pt>
                <c:pt idx="3502">
                  <c:v>2.3734362379969496</c:v>
                </c:pt>
                <c:pt idx="3503">
                  <c:v>2.4506999910257572</c:v>
                </c:pt>
                <c:pt idx="3504">
                  <c:v>2.393779502826888</c:v>
                </c:pt>
                <c:pt idx="3505">
                  <c:v>2.4219792694965454</c:v>
                </c:pt>
                <c:pt idx="3506">
                  <c:v>2.4967997846181462</c:v>
                </c:pt>
                <c:pt idx="3507">
                  <c:v>2.4763160728708606</c:v>
                </c:pt>
                <c:pt idx="3508">
                  <c:v>2.5174024050973709</c:v>
                </c:pt>
                <c:pt idx="3509">
                  <c:v>2.4283447007089656</c:v>
                </c:pt>
                <c:pt idx="3510">
                  <c:v>2.4406142869963214</c:v>
                </c:pt>
                <c:pt idx="3511">
                  <c:v>2.4188607197343632</c:v>
                </c:pt>
                <c:pt idx="3512">
                  <c:v>2.3524095844925075</c:v>
                </c:pt>
                <c:pt idx="3513">
                  <c:v>2.3694817374136243</c:v>
                </c:pt>
                <c:pt idx="3514">
                  <c:v>2.4288795656465956</c:v>
                </c:pt>
                <c:pt idx="3515">
                  <c:v>2.4297922462532551</c:v>
                </c:pt>
                <c:pt idx="3516">
                  <c:v>2.3499286547608378</c:v>
                </c:pt>
                <c:pt idx="3517">
                  <c:v>2.3709418468994006</c:v>
                </c:pt>
                <c:pt idx="3518">
                  <c:v>2.3512819707439667</c:v>
                </c:pt>
                <c:pt idx="3519">
                  <c:v>2.3845952615992121</c:v>
                </c:pt>
                <c:pt idx="3520">
                  <c:v>2.4456093511621666</c:v>
                </c:pt>
                <c:pt idx="3521">
                  <c:v>2.5140428968859392</c:v>
                </c:pt>
                <c:pt idx="3522">
                  <c:v>2.5075231086780958</c:v>
                </c:pt>
                <c:pt idx="3523">
                  <c:v>2.5051606389661689</c:v>
                </c:pt>
                <c:pt idx="3524">
                  <c:v>2.5647621825361231</c:v>
                </c:pt>
                <c:pt idx="3525">
                  <c:v>2.499245266086334</c:v>
                </c:pt>
                <c:pt idx="3526">
                  <c:v>2.5282302790989881</c:v>
                </c:pt>
                <c:pt idx="3527">
                  <c:v>2.5293978282329732</c:v>
                </c:pt>
                <c:pt idx="3528">
                  <c:v>2.5897016063896632</c:v>
                </c:pt>
                <c:pt idx="3529">
                  <c:v>2.5601911513954962</c:v>
                </c:pt>
                <c:pt idx="3530">
                  <c:v>2.5279395135959812</c:v>
                </c:pt>
                <c:pt idx="3531">
                  <c:v>2.6620425379161818</c:v>
                </c:pt>
                <c:pt idx="3532">
                  <c:v>2.7365790182177161</c:v>
                </c:pt>
                <c:pt idx="3533">
                  <c:v>2.7221937539262329</c:v>
                </c:pt>
                <c:pt idx="3534">
                  <c:v>2.6938670017051076</c:v>
                </c:pt>
                <c:pt idx="3535">
                  <c:v>2.8626900296150062</c:v>
                </c:pt>
                <c:pt idx="3536">
                  <c:v>2.8628533608543494</c:v>
                </c:pt>
                <c:pt idx="3537">
                  <c:v>2.7547837207215307</c:v>
                </c:pt>
                <c:pt idx="3538">
                  <c:v>2.7207699901283333</c:v>
                </c:pt>
                <c:pt idx="3539">
                  <c:v>2.7404540967423507</c:v>
                </c:pt>
                <c:pt idx="3540">
                  <c:v>2.8462514583146388</c:v>
                </c:pt>
                <c:pt idx="3541">
                  <c:v>2.8483330341918713</c:v>
                </c:pt>
                <c:pt idx="3542">
                  <c:v>2.762322534326485</c:v>
                </c:pt>
                <c:pt idx="3543">
                  <c:v>2.7790424481737439</c:v>
                </c:pt>
                <c:pt idx="3544">
                  <c:v>2.8408278740016182</c:v>
                </c:pt>
                <c:pt idx="3545">
                  <c:v>2.8275163779951566</c:v>
                </c:pt>
                <c:pt idx="3546">
                  <c:v>2.7271632414969065</c:v>
                </c:pt>
                <c:pt idx="3547">
                  <c:v>2.7729296419276701</c:v>
                </c:pt>
                <c:pt idx="3548">
                  <c:v>2.8463551108319152</c:v>
                </c:pt>
                <c:pt idx="3549">
                  <c:v>2.7600605761464627</c:v>
                </c:pt>
                <c:pt idx="3550">
                  <c:v>2.8986677734900863</c:v>
                </c:pt>
                <c:pt idx="3551">
                  <c:v>2.9228013102396151</c:v>
                </c:pt>
                <c:pt idx="3552">
                  <c:v>2.9674706093511647</c:v>
                </c:pt>
                <c:pt idx="3553">
                  <c:v>3.0203787130934243</c:v>
                </c:pt>
                <c:pt idx="3554">
                  <c:v>2.9786825809925532</c:v>
                </c:pt>
                <c:pt idx="3555">
                  <c:v>2.9358498608992214</c:v>
                </c:pt>
                <c:pt idx="3556">
                  <c:v>2.8418796553890355</c:v>
                </c:pt>
                <c:pt idx="3557">
                  <c:v>2.8428255406981982</c:v>
                </c:pt>
                <c:pt idx="3558">
                  <c:v>2.8375975949026309</c:v>
                </c:pt>
                <c:pt idx="3559">
                  <c:v>2.8101996769272204</c:v>
                </c:pt>
                <c:pt idx="3560">
                  <c:v>2.8577160549223737</c:v>
                </c:pt>
                <c:pt idx="3561">
                  <c:v>2.9717881181010513</c:v>
                </c:pt>
                <c:pt idx="3562">
                  <c:v>2.9442174459301813</c:v>
                </c:pt>
                <c:pt idx="3563">
                  <c:v>2.9442174459301813</c:v>
                </c:pt>
                <c:pt idx="3564">
                  <c:v>2.9158574890065525</c:v>
                </c:pt>
                <c:pt idx="3565">
                  <c:v>2.925219420263844</c:v>
                </c:pt>
                <c:pt idx="3566">
                  <c:v>2.8692551377546454</c:v>
                </c:pt>
                <c:pt idx="3567">
                  <c:v>2.8385762362021008</c:v>
                </c:pt>
                <c:pt idx="3568">
                  <c:v>2.9437844386610439</c:v>
                </c:pt>
                <c:pt idx="3569">
                  <c:v>3.0047931436776469</c:v>
                </c:pt>
                <c:pt idx="3570">
                  <c:v>3.0253773669568353</c:v>
                </c:pt>
                <c:pt idx="3571">
                  <c:v>3.0161549851924994</c:v>
                </c:pt>
                <c:pt idx="3572">
                  <c:v>3.0303369828591959</c:v>
                </c:pt>
                <c:pt idx="3573">
                  <c:v>2.9766871578569525</c:v>
                </c:pt>
                <c:pt idx="3574">
                  <c:v>2.9953239702055119</c:v>
                </c:pt>
                <c:pt idx="3575">
                  <c:v>2.9866499147446843</c:v>
                </c:pt>
                <c:pt idx="3576">
                  <c:v>2.9538306560172329</c:v>
                </c:pt>
                <c:pt idx="3577">
                  <c:v>2.8550978192587295</c:v>
                </c:pt>
                <c:pt idx="3578">
                  <c:v>2.8777515031858587</c:v>
                </c:pt>
                <c:pt idx="3579">
                  <c:v>2.9027847078883626</c:v>
                </c:pt>
                <c:pt idx="3580">
                  <c:v>2.9413797900026939</c:v>
                </c:pt>
                <c:pt idx="3581">
                  <c:v>2.9239657183882275</c:v>
                </c:pt>
                <c:pt idx="3582">
                  <c:v>2.8768590146280189</c:v>
                </c:pt>
                <c:pt idx="3583">
                  <c:v>2.8863183164318427</c:v>
                </c:pt>
                <c:pt idx="3584">
                  <c:v>2.844275329803466</c:v>
                </c:pt>
                <c:pt idx="3585">
                  <c:v>2.826137036704659</c:v>
                </c:pt>
                <c:pt idx="3586">
                  <c:v>2.8453356367226075</c:v>
                </c:pt>
                <c:pt idx="3587">
                  <c:v>2.8453356367226075</c:v>
                </c:pt>
                <c:pt idx="3588">
                  <c:v>2.8201606389661689</c:v>
                </c:pt>
                <c:pt idx="3589">
                  <c:v>2.8347034012384467</c:v>
                </c:pt>
                <c:pt idx="3590">
                  <c:v>2.9436085434802126</c:v>
                </c:pt>
                <c:pt idx="3591">
                  <c:v>2.9436085434802126</c:v>
                </c:pt>
                <c:pt idx="3592">
                  <c:v>3.0838333482904075</c:v>
                </c:pt>
                <c:pt idx="3593">
                  <c:v>3.1085995692362935</c:v>
                </c:pt>
                <c:pt idx="3594">
                  <c:v>3.1210082563044077</c:v>
                </c:pt>
                <c:pt idx="3595">
                  <c:v>3.1146482096383394</c:v>
                </c:pt>
                <c:pt idx="3596">
                  <c:v>3.129581800233332</c:v>
                </c:pt>
                <c:pt idx="3597">
                  <c:v>3.2005312752400616</c:v>
                </c:pt>
                <c:pt idx="3598">
                  <c:v>3.2091864847886571</c:v>
                </c:pt>
                <c:pt idx="3599">
                  <c:v>3.2025625953513428</c:v>
                </c:pt>
                <c:pt idx="3600">
                  <c:v>3.2391694337252108</c:v>
                </c:pt>
                <c:pt idx="3601">
                  <c:v>3.2203948667324793</c:v>
                </c:pt>
                <c:pt idx="3602">
                  <c:v>3.2355321726644553</c:v>
                </c:pt>
                <c:pt idx="3603">
                  <c:v>3.2785196984654066</c:v>
                </c:pt>
                <c:pt idx="3604">
                  <c:v>3.3119783720721561</c:v>
                </c:pt>
                <c:pt idx="3605">
                  <c:v>3.3080754733913702</c:v>
                </c:pt>
                <c:pt idx="3606">
                  <c:v>3.2674046486583537</c:v>
                </c:pt>
                <c:pt idx="3607">
                  <c:v>3.3326940680247725</c:v>
                </c:pt>
                <c:pt idx="3608">
                  <c:v>3.3828946423763835</c:v>
                </c:pt>
                <c:pt idx="3609">
                  <c:v>3.3828946423763835</c:v>
                </c:pt>
                <c:pt idx="3610">
                  <c:v>3.2826832989320689</c:v>
                </c:pt>
                <c:pt idx="3611">
                  <c:v>3.2914533788028395</c:v>
                </c:pt>
                <c:pt idx="3612">
                  <c:v>3.3523382392533465</c:v>
                </c:pt>
                <c:pt idx="3613">
                  <c:v>3.370175895180834</c:v>
                </c:pt>
                <c:pt idx="3614">
                  <c:v>3.391154536480304</c:v>
                </c:pt>
                <c:pt idx="3615">
                  <c:v>3.4237920667683772</c:v>
                </c:pt>
                <c:pt idx="3616">
                  <c:v>3.4113434443148183</c:v>
                </c:pt>
                <c:pt idx="3617">
                  <c:v>3.2464134434173948</c:v>
                </c:pt>
                <c:pt idx="3618">
                  <c:v>3.2360939603338439</c:v>
                </c:pt>
                <c:pt idx="3619">
                  <c:v>3.2781611774208042</c:v>
                </c:pt>
                <c:pt idx="3620">
                  <c:v>3.2364224176613137</c:v>
                </c:pt>
                <c:pt idx="3621">
                  <c:v>3.3151933949564762</c:v>
                </c:pt>
                <c:pt idx="3622">
                  <c:v>3.3005653773669579</c:v>
                </c:pt>
                <c:pt idx="3623">
                  <c:v>3.3980566274791366</c:v>
                </c:pt>
                <c:pt idx="3624">
                  <c:v>3.3761065242753316</c:v>
                </c:pt>
                <c:pt idx="3625">
                  <c:v>3.3305164677375947</c:v>
                </c:pt>
                <c:pt idx="3626">
                  <c:v>3.382085165574801</c:v>
                </c:pt>
                <c:pt idx="3627">
                  <c:v>3.3320833707260178</c:v>
                </c:pt>
                <c:pt idx="3628">
                  <c:v>3.3494691734721362</c:v>
                </c:pt>
                <c:pt idx="3629">
                  <c:v>3.3922462532531652</c:v>
                </c:pt>
                <c:pt idx="3630">
                  <c:v>3.363272906757607</c:v>
                </c:pt>
                <c:pt idx="3631">
                  <c:v>3.379543210984477</c:v>
                </c:pt>
                <c:pt idx="3632">
                  <c:v>3.3662976756708272</c:v>
                </c:pt>
                <c:pt idx="3633">
                  <c:v>3.2889863591492441</c:v>
                </c:pt>
                <c:pt idx="3634">
                  <c:v>3.2449856412097304</c:v>
                </c:pt>
                <c:pt idx="3635">
                  <c:v>3.2276258637709798</c:v>
                </c:pt>
                <c:pt idx="3636">
                  <c:v>3.2331584851476292</c:v>
                </c:pt>
                <c:pt idx="3637">
                  <c:v>3.2791371264471003</c:v>
                </c:pt>
                <c:pt idx="3638">
                  <c:v>3.3985739926411229</c:v>
                </c:pt>
                <c:pt idx="3639">
                  <c:v>3.3896630171408093</c:v>
                </c:pt>
                <c:pt idx="3640">
                  <c:v>3.4379377187471993</c:v>
                </c:pt>
                <c:pt idx="3641">
                  <c:v>3.424511801130758</c:v>
                </c:pt>
                <c:pt idx="3642">
                  <c:v>3.4483864309431969</c:v>
                </c:pt>
                <c:pt idx="3643">
                  <c:v>3.4868491429597093</c:v>
                </c:pt>
                <c:pt idx="3644">
                  <c:v>3.4686516198510313</c:v>
                </c:pt>
                <c:pt idx="3645">
                  <c:v>3.3992358431302199</c:v>
                </c:pt>
                <c:pt idx="3646">
                  <c:v>3.340351790361666</c:v>
                </c:pt>
                <c:pt idx="3647">
                  <c:v>3.20601049986539</c:v>
                </c:pt>
                <c:pt idx="3648">
                  <c:v>3.2027286188638646</c:v>
                </c:pt>
                <c:pt idx="3649">
                  <c:v>3.2765332495737276</c:v>
                </c:pt>
                <c:pt idx="3650">
                  <c:v>3.1238176433635498</c:v>
                </c:pt>
                <c:pt idx="3651">
                  <c:v>3.2353468545275099</c:v>
                </c:pt>
                <c:pt idx="3652">
                  <c:v>3.2813672260612083</c:v>
                </c:pt>
                <c:pt idx="3653">
                  <c:v>3.3100803194830872</c:v>
                </c:pt>
                <c:pt idx="3654">
                  <c:v>3.2801202548685309</c:v>
                </c:pt>
                <c:pt idx="3655">
                  <c:v>3.2399479493852681</c:v>
                </c:pt>
                <c:pt idx="3656">
                  <c:v>3.3216844655837789</c:v>
                </c:pt>
                <c:pt idx="3657">
                  <c:v>3.3573620209997346</c:v>
                </c:pt>
                <c:pt idx="3658">
                  <c:v>3.3690787938616209</c:v>
                </c:pt>
                <c:pt idx="3659">
                  <c:v>3.3207300547428913</c:v>
                </c:pt>
                <c:pt idx="3660">
                  <c:v>3.305548326303513</c:v>
                </c:pt>
                <c:pt idx="3661">
                  <c:v>3.2517589518083136</c:v>
                </c:pt>
                <c:pt idx="3662">
                  <c:v>3.1674145203266661</c:v>
                </c:pt>
                <c:pt idx="3663">
                  <c:v>3.1767463878668263</c:v>
                </c:pt>
                <c:pt idx="3664">
                  <c:v>3.2328506685811762</c:v>
                </c:pt>
                <c:pt idx="3665">
                  <c:v>3.1858005025576634</c:v>
                </c:pt>
                <c:pt idx="3666">
                  <c:v>3.2438418738221344</c:v>
                </c:pt>
                <c:pt idx="3667">
                  <c:v>3.2442816117742126</c:v>
                </c:pt>
                <c:pt idx="3668">
                  <c:v>3.3041927667594058</c:v>
                </c:pt>
                <c:pt idx="3669">
                  <c:v>3.2648043614825495</c:v>
                </c:pt>
                <c:pt idx="3670">
                  <c:v>3.3324073409315309</c:v>
                </c:pt>
                <c:pt idx="3671">
                  <c:v>3.3182284842502057</c:v>
                </c:pt>
                <c:pt idx="3672">
                  <c:v>3.3160616530557343</c:v>
                </c:pt>
                <c:pt idx="3673">
                  <c:v>3.3234914295970608</c:v>
                </c:pt>
                <c:pt idx="3674">
                  <c:v>3.2864408148613524</c:v>
                </c:pt>
                <c:pt idx="3675">
                  <c:v>3.307991115498524</c:v>
                </c:pt>
                <c:pt idx="3676">
                  <c:v>3.2631544467378673</c:v>
                </c:pt>
                <c:pt idx="3677">
                  <c:v>3.235337431571395</c:v>
                </c:pt>
                <c:pt idx="3678">
                  <c:v>3.2895364803015399</c:v>
                </c:pt>
                <c:pt idx="3679">
                  <c:v>3.2541438571300425</c:v>
                </c:pt>
                <c:pt idx="3680">
                  <c:v>3.229451673696496</c:v>
                </c:pt>
                <c:pt idx="3681">
                  <c:v>3.1158817194651398</c:v>
                </c:pt>
                <c:pt idx="3682">
                  <c:v>3.132300098716688</c:v>
                </c:pt>
                <c:pt idx="3683">
                  <c:v>3.1112554967244055</c:v>
                </c:pt>
                <c:pt idx="3684">
                  <c:v>3.0395077627209952</c:v>
                </c:pt>
                <c:pt idx="3685">
                  <c:v>3.0380835502108985</c:v>
                </c:pt>
                <c:pt idx="3686">
                  <c:v>3.1257376828502244</c:v>
                </c:pt>
                <c:pt idx="3687">
                  <c:v>3.2396405815310114</c:v>
                </c:pt>
                <c:pt idx="3688">
                  <c:v>3.2340778964372303</c:v>
                </c:pt>
                <c:pt idx="3689">
                  <c:v>3.2138575787489954</c:v>
                </c:pt>
                <c:pt idx="3690">
                  <c:v>3.2011935744413584</c:v>
                </c:pt>
                <c:pt idx="3691">
                  <c:v>3.2566745939154682</c:v>
                </c:pt>
                <c:pt idx="3692">
                  <c:v>3.3252607017858802</c:v>
                </c:pt>
                <c:pt idx="3693">
                  <c:v>3.3330588710401203</c:v>
                </c:pt>
                <c:pt idx="3694">
                  <c:v>3.373030602171772</c:v>
                </c:pt>
                <c:pt idx="3695">
                  <c:v>3.353868796553896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375-426F-8F6D-21C98E94AFF9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51347152"/>
        <c:axId val="551345184"/>
      </c:lineChart>
      <c:dateAx>
        <c:axId val="551347152"/>
        <c:scaling>
          <c:orientation val="minMax"/>
        </c:scaling>
        <c:delete val="0"/>
        <c:axPos val="b"/>
        <c:numFmt formatCode="[$-416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pt-BR"/>
          </a:p>
        </c:txPr>
        <c:crossAx val="551345184"/>
        <c:crosses val="autoZero"/>
        <c:auto val="1"/>
        <c:lblOffset val="100"/>
        <c:baseTimeUnit val="days"/>
      </c:dateAx>
      <c:valAx>
        <c:axId val="551345184"/>
        <c:scaling>
          <c:orientation val="minMax"/>
          <c:max val="10"/>
          <c:min val="0"/>
        </c:scaling>
        <c:delete val="0"/>
        <c:axPos val="l"/>
        <c:majorGridlines>
          <c:spPr>
            <a:ln w="9525" cap="flat" cmpd="sng" algn="ctr">
              <a:solidFill>
                <a:schemeClr val="bg1">
                  <a:lumMod val="95000"/>
                </a:schemeClr>
              </a:solidFill>
              <a:round/>
            </a:ln>
            <a:effectLst/>
          </c:spPr>
        </c:majorGridlines>
        <c:numFmt formatCode="0%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pt-BR"/>
          </a:p>
        </c:txPr>
        <c:crossAx val="551347152"/>
        <c:crosses val="autoZero"/>
        <c:crossBetween val="between"/>
        <c:majorUnit val="2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>
          <a:latin typeface="Century Gothic" panose="020B0502020202020204" pitchFamily="34" charset="0"/>
        </a:defRPr>
      </a:pPr>
      <a:endParaRPr lang="pt-BR"/>
    </a:p>
  </c:txPr>
  <c:externalData r:id="rId4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9.7700601163785705E-2"/>
          <c:y val="3.7139434702416152E-2"/>
          <c:w val="0.87112084725743355"/>
          <c:h val="0.82393020998659683"/>
        </c:manualLayout>
      </c:layout>
      <c:lineChart>
        <c:grouping val="standard"/>
        <c:varyColors val="0"/>
        <c:ser>
          <c:idx val="0"/>
          <c:order val="0"/>
          <c:tx>
            <c:v>SMALL CAP PLUS</c:v>
          </c:tx>
          <c:spPr>
            <a:ln w="28575" cap="rnd">
              <a:solidFill>
                <a:srgbClr val="C00000"/>
              </a:solidFill>
              <a:round/>
            </a:ln>
            <a:effectLst/>
          </c:spPr>
          <c:marker>
            <c:symbol val="none"/>
          </c:marker>
          <c:cat>
            <c:numRef>
              <c:f>'[DadosIndustria918.xlsx]Quantum Axis'!$B$2:$B$3682</c:f>
              <c:numCache>
                <c:formatCode>[$-416]mmm\-yy;@</c:formatCode>
                <c:ptCount val="3681"/>
                <c:pt idx="0">
                  <c:v>38260</c:v>
                </c:pt>
                <c:pt idx="1">
                  <c:v>38261</c:v>
                </c:pt>
                <c:pt idx="2">
                  <c:v>38264</c:v>
                </c:pt>
                <c:pt idx="3">
                  <c:v>38265</c:v>
                </c:pt>
                <c:pt idx="4">
                  <c:v>38266</c:v>
                </c:pt>
                <c:pt idx="5">
                  <c:v>38267</c:v>
                </c:pt>
                <c:pt idx="6">
                  <c:v>38268</c:v>
                </c:pt>
                <c:pt idx="7">
                  <c:v>38271</c:v>
                </c:pt>
                <c:pt idx="8">
                  <c:v>38273</c:v>
                </c:pt>
                <c:pt idx="9">
                  <c:v>38274</c:v>
                </c:pt>
                <c:pt idx="10">
                  <c:v>38275</c:v>
                </c:pt>
                <c:pt idx="11">
                  <c:v>38278</c:v>
                </c:pt>
                <c:pt idx="12">
                  <c:v>38279</c:v>
                </c:pt>
                <c:pt idx="13">
                  <c:v>38280</c:v>
                </c:pt>
                <c:pt idx="14">
                  <c:v>38281</c:v>
                </c:pt>
                <c:pt idx="15">
                  <c:v>38282</c:v>
                </c:pt>
                <c:pt idx="16">
                  <c:v>38285</c:v>
                </c:pt>
                <c:pt idx="17">
                  <c:v>38286</c:v>
                </c:pt>
                <c:pt idx="18">
                  <c:v>38287</c:v>
                </c:pt>
                <c:pt idx="19">
                  <c:v>38288</c:v>
                </c:pt>
                <c:pt idx="20">
                  <c:v>38289</c:v>
                </c:pt>
                <c:pt idx="21">
                  <c:v>38292</c:v>
                </c:pt>
                <c:pt idx="22">
                  <c:v>38294</c:v>
                </c:pt>
                <c:pt idx="23">
                  <c:v>38295</c:v>
                </c:pt>
                <c:pt idx="24">
                  <c:v>38296</c:v>
                </c:pt>
                <c:pt idx="25">
                  <c:v>38299</c:v>
                </c:pt>
                <c:pt idx="26">
                  <c:v>38300</c:v>
                </c:pt>
                <c:pt idx="27">
                  <c:v>38301</c:v>
                </c:pt>
                <c:pt idx="28">
                  <c:v>38302</c:v>
                </c:pt>
                <c:pt idx="29">
                  <c:v>38303</c:v>
                </c:pt>
                <c:pt idx="30">
                  <c:v>38307</c:v>
                </c:pt>
                <c:pt idx="31">
                  <c:v>38308</c:v>
                </c:pt>
                <c:pt idx="32">
                  <c:v>38309</c:v>
                </c:pt>
                <c:pt idx="33">
                  <c:v>38310</c:v>
                </c:pt>
                <c:pt idx="34">
                  <c:v>38313</c:v>
                </c:pt>
                <c:pt idx="35">
                  <c:v>38314</c:v>
                </c:pt>
                <c:pt idx="36">
                  <c:v>38315</c:v>
                </c:pt>
                <c:pt idx="37">
                  <c:v>38316</c:v>
                </c:pt>
                <c:pt idx="38">
                  <c:v>38317</c:v>
                </c:pt>
                <c:pt idx="39">
                  <c:v>38320</c:v>
                </c:pt>
                <c:pt idx="40">
                  <c:v>38321</c:v>
                </c:pt>
                <c:pt idx="41">
                  <c:v>38322</c:v>
                </c:pt>
                <c:pt idx="42">
                  <c:v>38323</c:v>
                </c:pt>
                <c:pt idx="43">
                  <c:v>38324</c:v>
                </c:pt>
                <c:pt idx="44">
                  <c:v>38327</c:v>
                </c:pt>
                <c:pt idx="45">
                  <c:v>38328</c:v>
                </c:pt>
                <c:pt idx="46">
                  <c:v>38329</c:v>
                </c:pt>
                <c:pt idx="47">
                  <c:v>38330</c:v>
                </c:pt>
                <c:pt idx="48">
                  <c:v>38331</c:v>
                </c:pt>
                <c:pt idx="49">
                  <c:v>38334</c:v>
                </c:pt>
                <c:pt idx="50">
                  <c:v>38335</c:v>
                </c:pt>
                <c:pt idx="51">
                  <c:v>38336</c:v>
                </c:pt>
                <c:pt idx="52">
                  <c:v>38337</c:v>
                </c:pt>
                <c:pt idx="53">
                  <c:v>38338</c:v>
                </c:pt>
                <c:pt idx="54">
                  <c:v>38341</c:v>
                </c:pt>
                <c:pt idx="55">
                  <c:v>38342</c:v>
                </c:pt>
                <c:pt idx="56">
                  <c:v>38343</c:v>
                </c:pt>
                <c:pt idx="57">
                  <c:v>38344</c:v>
                </c:pt>
                <c:pt idx="58">
                  <c:v>38345</c:v>
                </c:pt>
                <c:pt idx="59">
                  <c:v>38348</c:v>
                </c:pt>
                <c:pt idx="60">
                  <c:v>38349</c:v>
                </c:pt>
                <c:pt idx="61">
                  <c:v>38350</c:v>
                </c:pt>
                <c:pt idx="62">
                  <c:v>38351</c:v>
                </c:pt>
                <c:pt idx="63">
                  <c:v>38352</c:v>
                </c:pt>
                <c:pt idx="64">
                  <c:v>38355</c:v>
                </c:pt>
                <c:pt idx="65">
                  <c:v>38356</c:v>
                </c:pt>
                <c:pt idx="66">
                  <c:v>38357</c:v>
                </c:pt>
                <c:pt idx="67">
                  <c:v>38358</c:v>
                </c:pt>
                <c:pt idx="68">
                  <c:v>38359</c:v>
                </c:pt>
                <c:pt idx="69">
                  <c:v>38362</c:v>
                </c:pt>
                <c:pt idx="70">
                  <c:v>38363</c:v>
                </c:pt>
                <c:pt idx="71">
                  <c:v>38364</c:v>
                </c:pt>
                <c:pt idx="72">
                  <c:v>38365</c:v>
                </c:pt>
                <c:pt idx="73">
                  <c:v>38366</c:v>
                </c:pt>
                <c:pt idx="74">
                  <c:v>38369</c:v>
                </c:pt>
                <c:pt idx="75">
                  <c:v>38370</c:v>
                </c:pt>
                <c:pt idx="76">
                  <c:v>38371</c:v>
                </c:pt>
                <c:pt idx="77">
                  <c:v>38372</c:v>
                </c:pt>
                <c:pt idx="78">
                  <c:v>38373</c:v>
                </c:pt>
                <c:pt idx="79">
                  <c:v>38376</c:v>
                </c:pt>
                <c:pt idx="80">
                  <c:v>38377</c:v>
                </c:pt>
                <c:pt idx="81">
                  <c:v>38378</c:v>
                </c:pt>
                <c:pt idx="82">
                  <c:v>38379</c:v>
                </c:pt>
                <c:pt idx="83">
                  <c:v>38380</c:v>
                </c:pt>
                <c:pt idx="84">
                  <c:v>38383</c:v>
                </c:pt>
                <c:pt idx="85">
                  <c:v>38384</c:v>
                </c:pt>
                <c:pt idx="86">
                  <c:v>38385</c:v>
                </c:pt>
                <c:pt idx="87">
                  <c:v>38386</c:v>
                </c:pt>
                <c:pt idx="88">
                  <c:v>38387</c:v>
                </c:pt>
                <c:pt idx="89">
                  <c:v>38392</c:v>
                </c:pt>
                <c:pt idx="90">
                  <c:v>38393</c:v>
                </c:pt>
                <c:pt idx="91">
                  <c:v>38394</c:v>
                </c:pt>
                <c:pt idx="92">
                  <c:v>38397</c:v>
                </c:pt>
                <c:pt idx="93">
                  <c:v>38398</c:v>
                </c:pt>
                <c:pt idx="94">
                  <c:v>38399</c:v>
                </c:pt>
                <c:pt idx="95">
                  <c:v>38400</c:v>
                </c:pt>
                <c:pt idx="96">
                  <c:v>38401</c:v>
                </c:pt>
                <c:pt idx="97">
                  <c:v>38404</c:v>
                </c:pt>
                <c:pt idx="98">
                  <c:v>38405</c:v>
                </c:pt>
                <c:pt idx="99">
                  <c:v>38406</c:v>
                </c:pt>
                <c:pt idx="100">
                  <c:v>38407</c:v>
                </c:pt>
                <c:pt idx="101">
                  <c:v>38408</c:v>
                </c:pt>
                <c:pt idx="102">
                  <c:v>38411</c:v>
                </c:pt>
                <c:pt idx="103">
                  <c:v>38412</c:v>
                </c:pt>
                <c:pt idx="104">
                  <c:v>38413</c:v>
                </c:pt>
                <c:pt idx="105">
                  <c:v>38414</c:v>
                </c:pt>
                <c:pt idx="106">
                  <c:v>38415</c:v>
                </c:pt>
                <c:pt idx="107">
                  <c:v>38418</c:v>
                </c:pt>
                <c:pt idx="108">
                  <c:v>38419</c:v>
                </c:pt>
                <c:pt idx="109">
                  <c:v>38420</c:v>
                </c:pt>
                <c:pt idx="110">
                  <c:v>38421</c:v>
                </c:pt>
                <c:pt idx="111">
                  <c:v>38422</c:v>
                </c:pt>
                <c:pt idx="112">
                  <c:v>38425</c:v>
                </c:pt>
                <c:pt idx="113">
                  <c:v>38426</c:v>
                </c:pt>
                <c:pt idx="114">
                  <c:v>38427</c:v>
                </c:pt>
                <c:pt idx="115">
                  <c:v>38428</c:v>
                </c:pt>
                <c:pt idx="116">
                  <c:v>38429</c:v>
                </c:pt>
                <c:pt idx="117">
                  <c:v>38432</c:v>
                </c:pt>
                <c:pt idx="118">
                  <c:v>38433</c:v>
                </c:pt>
                <c:pt idx="119">
                  <c:v>38434</c:v>
                </c:pt>
                <c:pt idx="120">
                  <c:v>38435</c:v>
                </c:pt>
                <c:pt idx="121">
                  <c:v>38439</c:v>
                </c:pt>
                <c:pt idx="122">
                  <c:v>38440</c:v>
                </c:pt>
                <c:pt idx="123">
                  <c:v>38441</c:v>
                </c:pt>
                <c:pt idx="124">
                  <c:v>38442</c:v>
                </c:pt>
                <c:pt idx="125">
                  <c:v>38443</c:v>
                </c:pt>
                <c:pt idx="126">
                  <c:v>38446</c:v>
                </c:pt>
                <c:pt idx="127">
                  <c:v>38447</c:v>
                </c:pt>
                <c:pt idx="128">
                  <c:v>38448</c:v>
                </c:pt>
                <c:pt idx="129">
                  <c:v>38449</c:v>
                </c:pt>
                <c:pt idx="130">
                  <c:v>38450</c:v>
                </c:pt>
                <c:pt idx="131">
                  <c:v>38453</c:v>
                </c:pt>
                <c:pt idx="132">
                  <c:v>38454</c:v>
                </c:pt>
                <c:pt idx="133">
                  <c:v>38455</c:v>
                </c:pt>
                <c:pt idx="134">
                  <c:v>38456</c:v>
                </c:pt>
                <c:pt idx="135">
                  <c:v>38457</c:v>
                </c:pt>
                <c:pt idx="136">
                  <c:v>38460</c:v>
                </c:pt>
                <c:pt idx="137">
                  <c:v>38461</c:v>
                </c:pt>
                <c:pt idx="138">
                  <c:v>38462</c:v>
                </c:pt>
                <c:pt idx="139">
                  <c:v>38464</c:v>
                </c:pt>
                <c:pt idx="140">
                  <c:v>38467</c:v>
                </c:pt>
                <c:pt idx="141">
                  <c:v>38468</c:v>
                </c:pt>
                <c:pt idx="142">
                  <c:v>38469</c:v>
                </c:pt>
                <c:pt idx="143">
                  <c:v>38470</c:v>
                </c:pt>
                <c:pt idx="144">
                  <c:v>38471</c:v>
                </c:pt>
                <c:pt idx="145">
                  <c:v>38474</c:v>
                </c:pt>
                <c:pt idx="146">
                  <c:v>38475</c:v>
                </c:pt>
                <c:pt idx="147">
                  <c:v>38476</c:v>
                </c:pt>
                <c:pt idx="148">
                  <c:v>38477</c:v>
                </c:pt>
                <c:pt idx="149">
                  <c:v>38478</c:v>
                </c:pt>
                <c:pt idx="150">
                  <c:v>38481</c:v>
                </c:pt>
                <c:pt idx="151">
                  <c:v>38482</c:v>
                </c:pt>
                <c:pt idx="152">
                  <c:v>38483</c:v>
                </c:pt>
                <c:pt idx="153">
                  <c:v>38484</c:v>
                </c:pt>
                <c:pt idx="154">
                  <c:v>38485</c:v>
                </c:pt>
                <c:pt idx="155">
                  <c:v>38488</c:v>
                </c:pt>
                <c:pt idx="156">
                  <c:v>38489</c:v>
                </c:pt>
                <c:pt idx="157">
                  <c:v>38490</c:v>
                </c:pt>
                <c:pt idx="158">
                  <c:v>38491</c:v>
                </c:pt>
                <c:pt idx="159">
                  <c:v>38492</c:v>
                </c:pt>
                <c:pt idx="160">
                  <c:v>38495</c:v>
                </c:pt>
                <c:pt idx="161">
                  <c:v>38496</c:v>
                </c:pt>
                <c:pt idx="162">
                  <c:v>38497</c:v>
                </c:pt>
                <c:pt idx="163">
                  <c:v>38499</c:v>
                </c:pt>
                <c:pt idx="164">
                  <c:v>38502</c:v>
                </c:pt>
                <c:pt idx="165">
                  <c:v>38503</c:v>
                </c:pt>
                <c:pt idx="166">
                  <c:v>38504</c:v>
                </c:pt>
                <c:pt idx="167">
                  <c:v>38505</c:v>
                </c:pt>
                <c:pt idx="168">
                  <c:v>38506</c:v>
                </c:pt>
                <c:pt idx="169">
                  <c:v>38509</c:v>
                </c:pt>
                <c:pt idx="170">
                  <c:v>38510</c:v>
                </c:pt>
                <c:pt idx="171">
                  <c:v>38511</c:v>
                </c:pt>
                <c:pt idx="172">
                  <c:v>38512</c:v>
                </c:pt>
                <c:pt idx="173">
                  <c:v>38513</c:v>
                </c:pt>
                <c:pt idx="174">
                  <c:v>38516</c:v>
                </c:pt>
                <c:pt idx="175">
                  <c:v>38517</c:v>
                </c:pt>
                <c:pt idx="176">
                  <c:v>38518</c:v>
                </c:pt>
                <c:pt idx="177">
                  <c:v>38519</c:v>
                </c:pt>
                <c:pt idx="178">
                  <c:v>38520</c:v>
                </c:pt>
                <c:pt idx="179">
                  <c:v>38523</c:v>
                </c:pt>
                <c:pt idx="180">
                  <c:v>38524</c:v>
                </c:pt>
                <c:pt idx="181">
                  <c:v>38525</c:v>
                </c:pt>
                <c:pt idx="182">
                  <c:v>38526</c:v>
                </c:pt>
                <c:pt idx="183">
                  <c:v>38527</c:v>
                </c:pt>
                <c:pt idx="184">
                  <c:v>38530</c:v>
                </c:pt>
                <c:pt idx="185">
                  <c:v>38531</c:v>
                </c:pt>
                <c:pt idx="186">
                  <c:v>38532</c:v>
                </c:pt>
                <c:pt idx="187">
                  <c:v>38533</c:v>
                </c:pt>
                <c:pt idx="188">
                  <c:v>38534</c:v>
                </c:pt>
                <c:pt idx="189">
                  <c:v>38537</c:v>
                </c:pt>
                <c:pt idx="190">
                  <c:v>38538</c:v>
                </c:pt>
                <c:pt idx="191">
                  <c:v>38539</c:v>
                </c:pt>
                <c:pt idx="192">
                  <c:v>38540</c:v>
                </c:pt>
                <c:pt idx="193">
                  <c:v>38541</c:v>
                </c:pt>
                <c:pt idx="194">
                  <c:v>38544</c:v>
                </c:pt>
                <c:pt idx="195">
                  <c:v>38545</c:v>
                </c:pt>
                <c:pt idx="196">
                  <c:v>38546</c:v>
                </c:pt>
                <c:pt idx="197">
                  <c:v>38547</c:v>
                </c:pt>
                <c:pt idx="198">
                  <c:v>38548</c:v>
                </c:pt>
                <c:pt idx="199">
                  <c:v>38551</c:v>
                </c:pt>
                <c:pt idx="200">
                  <c:v>38552</c:v>
                </c:pt>
                <c:pt idx="201">
                  <c:v>38553</c:v>
                </c:pt>
                <c:pt idx="202">
                  <c:v>38554</c:v>
                </c:pt>
                <c:pt idx="203">
                  <c:v>38555</c:v>
                </c:pt>
                <c:pt idx="204">
                  <c:v>38558</c:v>
                </c:pt>
                <c:pt idx="205">
                  <c:v>38559</c:v>
                </c:pt>
                <c:pt idx="206">
                  <c:v>38560</c:v>
                </c:pt>
                <c:pt idx="207">
                  <c:v>38561</c:v>
                </c:pt>
                <c:pt idx="208">
                  <c:v>38562</c:v>
                </c:pt>
                <c:pt idx="209">
                  <c:v>38565</c:v>
                </c:pt>
                <c:pt idx="210">
                  <c:v>38566</c:v>
                </c:pt>
                <c:pt idx="211">
                  <c:v>38567</c:v>
                </c:pt>
                <c:pt idx="212">
                  <c:v>38568</c:v>
                </c:pt>
                <c:pt idx="213">
                  <c:v>38569</c:v>
                </c:pt>
                <c:pt idx="214">
                  <c:v>38572</c:v>
                </c:pt>
                <c:pt idx="215">
                  <c:v>38573</c:v>
                </c:pt>
                <c:pt idx="216">
                  <c:v>38574</c:v>
                </c:pt>
                <c:pt idx="217">
                  <c:v>38575</c:v>
                </c:pt>
                <c:pt idx="218">
                  <c:v>38576</c:v>
                </c:pt>
                <c:pt idx="219">
                  <c:v>38579</c:v>
                </c:pt>
                <c:pt idx="220">
                  <c:v>38580</c:v>
                </c:pt>
                <c:pt idx="221">
                  <c:v>38581</c:v>
                </c:pt>
                <c:pt idx="222">
                  <c:v>38582</c:v>
                </c:pt>
                <c:pt idx="223">
                  <c:v>38583</c:v>
                </c:pt>
                <c:pt idx="224">
                  <c:v>38586</c:v>
                </c:pt>
                <c:pt idx="225">
                  <c:v>38587</c:v>
                </c:pt>
                <c:pt idx="226">
                  <c:v>38588</c:v>
                </c:pt>
                <c:pt idx="227">
                  <c:v>38589</c:v>
                </c:pt>
                <c:pt idx="228">
                  <c:v>38590</c:v>
                </c:pt>
                <c:pt idx="229">
                  <c:v>38593</c:v>
                </c:pt>
                <c:pt idx="230">
                  <c:v>38594</c:v>
                </c:pt>
                <c:pt idx="231">
                  <c:v>38595</c:v>
                </c:pt>
                <c:pt idx="232">
                  <c:v>38596</c:v>
                </c:pt>
                <c:pt idx="233">
                  <c:v>38597</c:v>
                </c:pt>
                <c:pt idx="234">
                  <c:v>38600</c:v>
                </c:pt>
                <c:pt idx="235">
                  <c:v>38601</c:v>
                </c:pt>
                <c:pt idx="236">
                  <c:v>38603</c:v>
                </c:pt>
                <c:pt idx="237">
                  <c:v>38604</c:v>
                </c:pt>
                <c:pt idx="238">
                  <c:v>38607</c:v>
                </c:pt>
                <c:pt idx="239">
                  <c:v>38608</c:v>
                </c:pt>
                <c:pt idx="240">
                  <c:v>38609</c:v>
                </c:pt>
                <c:pt idx="241">
                  <c:v>38610</c:v>
                </c:pt>
                <c:pt idx="242">
                  <c:v>38611</c:v>
                </c:pt>
                <c:pt idx="243">
                  <c:v>38614</c:v>
                </c:pt>
                <c:pt idx="244">
                  <c:v>38615</c:v>
                </c:pt>
                <c:pt idx="245">
                  <c:v>38616</c:v>
                </c:pt>
                <c:pt idx="246">
                  <c:v>38617</c:v>
                </c:pt>
                <c:pt idx="247">
                  <c:v>38618</c:v>
                </c:pt>
                <c:pt idx="248">
                  <c:v>38621</c:v>
                </c:pt>
                <c:pt idx="249">
                  <c:v>38622</c:v>
                </c:pt>
                <c:pt idx="250">
                  <c:v>38623</c:v>
                </c:pt>
                <c:pt idx="251">
                  <c:v>38624</c:v>
                </c:pt>
                <c:pt idx="252">
                  <c:v>38625</c:v>
                </c:pt>
                <c:pt idx="253">
                  <c:v>38628</c:v>
                </c:pt>
                <c:pt idx="254">
                  <c:v>38629</c:v>
                </c:pt>
                <c:pt idx="255">
                  <c:v>38630</c:v>
                </c:pt>
                <c:pt idx="256">
                  <c:v>38631</c:v>
                </c:pt>
                <c:pt idx="257">
                  <c:v>38632</c:v>
                </c:pt>
                <c:pt idx="258">
                  <c:v>38635</c:v>
                </c:pt>
                <c:pt idx="259">
                  <c:v>38636</c:v>
                </c:pt>
                <c:pt idx="260">
                  <c:v>38638</c:v>
                </c:pt>
                <c:pt idx="261">
                  <c:v>38639</c:v>
                </c:pt>
                <c:pt idx="262">
                  <c:v>38642</c:v>
                </c:pt>
                <c:pt idx="263">
                  <c:v>38643</c:v>
                </c:pt>
                <c:pt idx="264">
                  <c:v>38644</c:v>
                </c:pt>
                <c:pt idx="265">
                  <c:v>38645</c:v>
                </c:pt>
                <c:pt idx="266">
                  <c:v>38646</c:v>
                </c:pt>
                <c:pt idx="267">
                  <c:v>38649</c:v>
                </c:pt>
                <c:pt idx="268">
                  <c:v>38650</c:v>
                </c:pt>
                <c:pt idx="269">
                  <c:v>38651</c:v>
                </c:pt>
                <c:pt idx="270">
                  <c:v>38652</c:v>
                </c:pt>
                <c:pt idx="271">
                  <c:v>38653</c:v>
                </c:pt>
                <c:pt idx="272">
                  <c:v>38656</c:v>
                </c:pt>
                <c:pt idx="273">
                  <c:v>38657</c:v>
                </c:pt>
                <c:pt idx="274">
                  <c:v>38659</c:v>
                </c:pt>
                <c:pt idx="275">
                  <c:v>38660</c:v>
                </c:pt>
                <c:pt idx="276">
                  <c:v>38663</c:v>
                </c:pt>
                <c:pt idx="277">
                  <c:v>38664</c:v>
                </c:pt>
                <c:pt idx="278">
                  <c:v>38665</c:v>
                </c:pt>
                <c:pt idx="279">
                  <c:v>38666</c:v>
                </c:pt>
                <c:pt idx="280">
                  <c:v>38667</c:v>
                </c:pt>
                <c:pt idx="281">
                  <c:v>38670</c:v>
                </c:pt>
                <c:pt idx="282">
                  <c:v>38672</c:v>
                </c:pt>
                <c:pt idx="283">
                  <c:v>38673</c:v>
                </c:pt>
                <c:pt idx="284">
                  <c:v>38674</c:v>
                </c:pt>
                <c:pt idx="285">
                  <c:v>38677</c:v>
                </c:pt>
                <c:pt idx="286">
                  <c:v>38678</c:v>
                </c:pt>
                <c:pt idx="287">
                  <c:v>38679</c:v>
                </c:pt>
                <c:pt idx="288">
                  <c:v>38680</c:v>
                </c:pt>
                <c:pt idx="289">
                  <c:v>38681</c:v>
                </c:pt>
                <c:pt idx="290">
                  <c:v>38684</c:v>
                </c:pt>
                <c:pt idx="291">
                  <c:v>38685</c:v>
                </c:pt>
                <c:pt idx="292">
                  <c:v>38686</c:v>
                </c:pt>
                <c:pt idx="293">
                  <c:v>38687</c:v>
                </c:pt>
                <c:pt idx="294">
                  <c:v>38688</c:v>
                </c:pt>
                <c:pt idx="295">
                  <c:v>38691</c:v>
                </c:pt>
                <c:pt idx="296">
                  <c:v>38692</c:v>
                </c:pt>
                <c:pt idx="297">
                  <c:v>38693</c:v>
                </c:pt>
                <c:pt idx="298">
                  <c:v>38694</c:v>
                </c:pt>
                <c:pt idx="299">
                  <c:v>38695</c:v>
                </c:pt>
                <c:pt idx="300">
                  <c:v>38698</c:v>
                </c:pt>
                <c:pt idx="301">
                  <c:v>38699</c:v>
                </c:pt>
                <c:pt idx="302">
                  <c:v>38700</c:v>
                </c:pt>
                <c:pt idx="303">
                  <c:v>38701</c:v>
                </c:pt>
                <c:pt idx="304">
                  <c:v>38702</c:v>
                </c:pt>
                <c:pt idx="305">
                  <c:v>38705</c:v>
                </c:pt>
                <c:pt idx="306">
                  <c:v>38706</c:v>
                </c:pt>
                <c:pt idx="307">
                  <c:v>38707</c:v>
                </c:pt>
                <c:pt idx="308">
                  <c:v>38708</c:v>
                </c:pt>
                <c:pt idx="309">
                  <c:v>38709</c:v>
                </c:pt>
                <c:pt idx="310">
                  <c:v>38712</c:v>
                </c:pt>
                <c:pt idx="311">
                  <c:v>38713</c:v>
                </c:pt>
                <c:pt idx="312">
                  <c:v>38714</c:v>
                </c:pt>
                <c:pt idx="313">
                  <c:v>38715</c:v>
                </c:pt>
                <c:pt idx="314">
                  <c:v>38716</c:v>
                </c:pt>
                <c:pt idx="315">
                  <c:v>38719</c:v>
                </c:pt>
                <c:pt idx="316">
                  <c:v>38720</c:v>
                </c:pt>
                <c:pt idx="317">
                  <c:v>38721</c:v>
                </c:pt>
                <c:pt idx="318">
                  <c:v>38722</c:v>
                </c:pt>
                <c:pt idx="319">
                  <c:v>38723</c:v>
                </c:pt>
                <c:pt idx="320">
                  <c:v>38726</c:v>
                </c:pt>
                <c:pt idx="321">
                  <c:v>38727</c:v>
                </c:pt>
                <c:pt idx="322">
                  <c:v>38728</c:v>
                </c:pt>
                <c:pt idx="323">
                  <c:v>38729</c:v>
                </c:pt>
                <c:pt idx="324">
                  <c:v>38730</c:v>
                </c:pt>
                <c:pt idx="325">
                  <c:v>38733</c:v>
                </c:pt>
                <c:pt idx="326">
                  <c:v>38734</c:v>
                </c:pt>
                <c:pt idx="327">
                  <c:v>38735</c:v>
                </c:pt>
                <c:pt idx="328">
                  <c:v>38736</c:v>
                </c:pt>
                <c:pt idx="329">
                  <c:v>38737</c:v>
                </c:pt>
                <c:pt idx="330">
                  <c:v>38740</c:v>
                </c:pt>
                <c:pt idx="331">
                  <c:v>38741</c:v>
                </c:pt>
                <c:pt idx="332">
                  <c:v>38742</c:v>
                </c:pt>
                <c:pt idx="333">
                  <c:v>38743</c:v>
                </c:pt>
                <c:pt idx="334">
                  <c:v>38744</c:v>
                </c:pt>
                <c:pt idx="335">
                  <c:v>38747</c:v>
                </c:pt>
                <c:pt idx="336">
                  <c:v>38748</c:v>
                </c:pt>
                <c:pt idx="337">
                  <c:v>38749</c:v>
                </c:pt>
                <c:pt idx="338">
                  <c:v>38750</c:v>
                </c:pt>
                <c:pt idx="339">
                  <c:v>38751</c:v>
                </c:pt>
                <c:pt idx="340">
                  <c:v>38754</c:v>
                </c:pt>
                <c:pt idx="341">
                  <c:v>38755</c:v>
                </c:pt>
                <c:pt idx="342">
                  <c:v>38756</c:v>
                </c:pt>
                <c:pt idx="343">
                  <c:v>38757</c:v>
                </c:pt>
                <c:pt idx="344">
                  <c:v>38758</c:v>
                </c:pt>
                <c:pt idx="345">
                  <c:v>38761</c:v>
                </c:pt>
                <c:pt idx="346">
                  <c:v>38762</c:v>
                </c:pt>
                <c:pt idx="347">
                  <c:v>38763</c:v>
                </c:pt>
                <c:pt idx="348">
                  <c:v>38764</c:v>
                </c:pt>
                <c:pt idx="349">
                  <c:v>38765</c:v>
                </c:pt>
                <c:pt idx="350">
                  <c:v>38768</c:v>
                </c:pt>
                <c:pt idx="351">
                  <c:v>38769</c:v>
                </c:pt>
                <c:pt idx="352">
                  <c:v>38770</c:v>
                </c:pt>
                <c:pt idx="353">
                  <c:v>38771</c:v>
                </c:pt>
                <c:pt idx="354">
                  <c:v>38772</c:v>
                </c:pt>
                <c:pt idx="355">
                  <c:v>38777</c:v>
                </c:pt>
                <c:pt idx="356">
                  <c:v>38778</c:v>
                </c:pt>
                <c:pt idx="357">
                  <c:v>38779</c:v>
                </c:pt>
                <c:pt idx="358">
                  <c:v>38782</c:v>
                </c:pt>
                <c:pt idx="359">
                  <c:v>38783</c:v>
                </c:pt>
                <c:pt idx="360">
                  <c:v>38784</c:v>
                </c:pt>
                <c:pt idx="361">
                  <c:v>38785</c:v>
                </c:pt>
                <c:pt idx="362">
                  <c:v>38786</c:v>
                </c:pt>
                <c:pt idx="363">
                  <c:v>38789</c:v>
                </c:pt>
                <c:pt idx="364">
                  <c:v>38790</c:v>
                </c:pt>
                <c:pt idx="365">
                  <c:v>38791</c:v>
                </c:pt>
                <c:pt idx="366">
                  <c:v>38792</c:v>
                </c:pt>
                <c:pt idx="367">
                  <c:v>38793</c:v>
                </c:pt>
                <c:pt idx="368">
                  <c:v>38796</c:v>
                </c:pt>
                <c:pt idx="369">
                  <c:v>38797</c:v>
                </c:pt>
                <c:pt idx="370">
                  <c:v>38798</c:v>
                </c:pt>
                <c:pt idx="371">
                  <c:v>38799</c:v>
                </c:pt>
                <c:pt idx="372">
                  <c:v>38800</c:v>
                </c:pt>
                <c:pt idx="373">
                  <c:v>38803</c:v>
                </c:pt>
                <c:pt idx="374">
                  <c:v>38804</c:v>
                </c:pt>
                <c:pt idx="375">
                  <c:v>38805</c:v>
                </c:pt>
                <c:pt idx="376">
                  <c:v>38806</c:v>
                </c:pt>
                <c:pt idx="377">
                  <c:v>38807</c:v>
                </c:pt>
                <c:pt idx="378">
                  <c:v>38810</c:v>
                </c:pt>
                <c:pt idx="379">
                  <c:v>38811</c:v>
                </c:pt>
                <c:pt idx="380">
                  <c:v>38812</c:v>
                </c:pt>
                <c:pt idx="381">
                  <c:v>38813</c:v>
                </c:pt>
                <c:pt idx="382">
                  <c:v>38814</c:v>
                </c:pt>
                <c:pt idx="383">
                  <c:v>38817</c:v>
                </c:pt>
                <c:pt idx="384">
                  <c:v>38818</c:v>
                </c:pt>
                <c:pt idx="385">
                  <c:v>38819</c:v>
                </c:pt>
                <c:pt idx="386">
                  <c:v>38820</c:v>
                </c:pt>
                <c:pt idx="387">
                  <c:v>38824</c:v>
                </c:pt>
                <c:pt idx="388">
                  <c:v>38825</c:v>
                </c:pt>
                <c:pt idx="389">
                  <c:v>38826</c:v>
                </c:pt>
                <c:pt idx="390">
                  <c:v>38827</c:v>
                </c:pt>
                <c:pt idx="391">
                  <c:v>38831</c:v>
                </c:pt>
                <c:pt idx="392">
                  <c:v>38832</c:v>
                </c:pt>
                <c:pt idx="393">
                  <c:v>38833</c:v>
                </c:pt>
                <c:pt idx="394">
                  <c:v>38834</c:v>
                </c:pt>
                <c:pt idx="395">
                  <c:v>38835</c:v>
                </c:pt>
                <c:pt idx="396">
                  <c:v>38839</c:v>
                </c:pt>
                <c:pt idx="397">
                  <c:v>38840</c:v>
                </c:pt>
                <c:pt idx="398">
                  <c:v>38841</c:v>
                </c:pt>
                <c:pt idx="399">
                  <c:v>38842</c:v>
                </c:pt>
                <c:pt idx="400">
                  <c:v>38845</c:v>
                </c:pt>
                <c:pt idx="401">
                  <c:v>38846</c:v>
                </c:pt>
                <c:pt idx="402">
                  <c:v>38847</c:v>
                </c:pt>
                <c:pt idx="403">
                  <c:v>38848</c:v>
                </c:pt>
                <c:pt idx="404">
                  <c:v>38849</c:v>
                </c:pt>
                <c:pt idx="405">
                  <c:v>38852</c:v>
                </c:pt>
                <c:pt idx="406">
                  <c:v>38853</c:v>
                </c:pt>
                <c:pt idx="407">
                  <c:v>38854</c:v>
                </c:pt>
                <c:pt idx="408">
                  <c:v>38855</c:v>
                </c:pt>
                <c:pt idx="409">
                  <c:v>38856</c:v>
                </c:pt>
                <c:pt idx="410">
                  <c:v>38859</c:v>
                </c:pt>
                <c:pt idx="411">
                  <c:v>38860</c:v>
                </c:pt>
                <c:pt idx="412">
                  <c:v>38861</c:v>
                </c:pt>
                <c:pt idx="413">
                  <c:v>38862</c:v>
                </c:pt>
                <c:pt idx="414">
                  <c:v>38863</c:v>
                </c:pt>
                <c:pt idx="415">
                  <c:v>38866</c:v>
                </c:pt>
                <c:pt idx="416">
                  <c:v>38867</c:v>
                </c:pt>
                <c:pt idx="417">
                  <c:v>38868</c:v>
                </c:pt>
                <c:pt idx="418">
                  <c:v>38869</c:v>
                </c:pt>
                <c:pt idx="419">
                  <c:v>38870</c:v>
                </c:pt>
                <c:pt idx="420">
                  <c:v>38873</c:v>
                </c:pt>
                <c:pt idx="421">
                  <c:v>38874</c:v>
                </c:pt>
                <c:pt idx="422">
                  <c:v>38875</c:v>
                </c:pt>
                <c:pt idx="423">
                  <c:v>38876</c:v>
                </c:pt>
                <c:pt idx="424">
                  <c:v>38877</c:v>
                </c:pt>
                <c:pt idx="425">
                  <c:v>38880</c:v>
                </c:pt>
                <c:pt idx="426">
                  <c:v>38881</c:v>
                </c:pt>
                <c:pt idx="427">
                  <c:v>38882</c:v>
                </c:pt>
                <c:pt idx="428">
                  <c:v>38884</c:v>
                </c:pt>
                <c:pt idx="429">
                  <c:v>38887</c:v>
                </c:pt>
                <c:pt idx="430">
                  <c:v>38888</c:v>
                </c:pt>
                <c:pt idx="431">
                  <c:v>38889</c:v>
                </c:pt>
                <c:pt idx="432">
                  <c:v>38890</c:v>
                </c:pt>
                <c:pt idx="433">
                  <c:v>38891</c:v>
                </c:pt>
                <c:pt idx="434">
                  <c:v>38894</c:v>
                </c:pt>
                <c:pt idx="435">
                  <c:v>38895</c:v>
                </c:pt>
                <c:pt idx="436">
                  <c:v>38896</c:v>
                </c:pt>
                <c:pt idx="437">
                  <c:v>38897</c:v>
                </c:pt>
                <c:pt idx="438">
                  <c:v>38898</c:v>
                </c:pt>
                <c:pt idx="439">
                  <c:v>38901</c:v>
                </c:pt>
                <c:pt idx="440">
                  <c:v>38902</c:v>
                </c:pt>
                <c:pt idx="441">
                  <c:v>38903</c:v>
                </c:pt>
                <c:pt idx="442">
                  <c:v>38904</c:v>
                </c:pt>
                <c:pt idx="443">
                  <c:v>38905</c:v>
                </c:pt>
                <c:pt idx="444">
                  <c:v>38908</c:v>
                </c:pt>
                <c:pt idx="445">
                  <c:v>38909</c:v>
                </c:pt>
                <c:pt idx="446">
                  <c:v>38910</c:v>
                </c:pt>
                <c:pt idx="447">
                  <c:v>38911</c:v>
                </c:pt>
                <c:pt idx="448">
                  <c:v>38912</c:v>
                </c:pt>
                <c:pt idx="449">
                  <c:v>38915</c:v>
                </c:pt>
                <c:pt idx="450">
                  <c:v>38916</c:v>
                </c:pt>
                <c:pt idx="451">
                  <c:v>38917</c:v>
                </c:pt>
                <c:pt idx="452">
                  <c:v>38918</c:v>
                </c:pt>
                <c:pt idx="453">
                  <c:v>38919</c:v>
                </c:pt>
                <c:pt idx="454">
                  <c:v>38922</c:v>
                </c:pt>
                <c:pt idx="455">
                  <c:v>38923</c:v>
                </c:pt>
                <c:pt idx="456">
                  <c:v>38924</c:v>
                </c:pt>
                <c:pt idx="457">
                  <c:v>38925</c:v>
                </c:pt>
                <c:pt idx="458">
                  <c:v>38926</c:v>
                </c:pt>
                <c:pt idx="459">
                  <c:v>38929</c:v>
                </c:pt>
                <c:pt idx="460">
                  <c:v>38930</c:v>
                </c:pt>
                <c:pt idx="461">
                  <c:v>38931</c:v>
                </c:pt>
                <c:pt idx="462">
                  <c:v>38932</c:v>
                </c:pt>
                <c:pt idx="463">
                  <c:v>38933</c:v>
                </c:pt>
                <c:pt idx="464">
                  <c:v>38936</c:v>
                </c:pt>
                <c:pt idx="465">
                  <c:v>38937</c:v>
                </c:pt>
                <c:pt idx="466">
                  <c:v>38938</c:v>
                </c:pt>
                <c:pt idx="467">
                  <c:v>38939</c:v>
                </c:pt>
                <c:pt idx="468">
                  <c:v>38940</c:v>
                </c:pt>
                <c:pt idx="469">
                  <c:v>38943</c:v>
                </c:pt>
                <c:pt idx="470">
                  <c:v>38944</c:v>
                </c:pt>
                <c:pt idx="471">
                  <c:v>38945</c:v>
                </c:pt>
                <c:pt idx="472">
                  <c:v>38946</c:v>
                </c:pt>
                <c:pt idx="473">
                  <c:v>38947</c:v>
                </c:pt>
                <c:pt idx="474">
                  <c:v>38950</c:v>
                </c:pt>
                <c:pt idx="475">
                  <c:v>38951</c:v>
                </c:pt>
                <c:pt idx="476">
                  <c:v>38952</c:v>
                </c:pt>
                <c:pt idx="477">
                  <c:v>38953</c:v>
                </c:pt>
                <c:pt idx="478">
                  <c:v>38954</c:v>
                </c:pt>
                <c:pt idx="479">
                  <c:v>38957</c:v>
                </c:pt>
                <c:pt idx="480">
                  <c:v>38958</c:v>
                </c:pt>
                <c:pt idx="481">
                  <c:v>38959</c:v>
                </c:pt>
                <c:pt idx="482">
                  <c:v>38960</c:v>
                </c:pt>
                <c:pt idx="483">
                  <c:v>38961</c:v>
                </c:pt>
                <c:pt idx="484">
                  <c:v>38964</c:v>
                </c:pt>
                <c:pt idx="485">
                  <c:v>38965</c:v>
                </c:pt>
                <c:pt idx="486">
                  <c:v>38966</c:v>
                </c:pt>
                <c:pt idx="487">
                  <c:v>38968</c:v>
                </c:pt>
                <c:pt idx="488">
                  <c:v>38971</c:v>
                </c:pt>
                <c:pt idx="489">
                  <c:v>38972</c:v>
                </c:pt>
                <c:pt idx="490">
                  <c:v>38973</c:v>
                </c:pt>
                <c:pt idx="491">
                  <c:v>38974</c:v>
                </c:pt>
                <c:pt idx="492">
                  <c:v>38975</c:v>
                </c:pt>
                <c:pt idx="493">
                  <c:v>38978</c:v>
                </c:pt>
                <c:pt idx="494">
                  <c:v>38979</c:v>
                </c:pt>
                <c:pt idx="495">
                  <c:v>38980</c:v>
                </c:pt>
                <c:pt idx="496">
                  <c:v>38981</c:v>
                </c:pt>
                <c:pt idx="497">
                  <c:v>38982</c:v>
                </c:pt>
                <c:pt idx="498">
                  <c:v>38985</c:v>
                </c:pt>
                <c:pt idx="499">
                  <c:v>38986</c:v>
                </c:pt>
                <c:pt idx="500">
                  <c:v>38987</c:v>
                </c:pt>
                <c:pt idx="501">
                  <c:v>38988</c:v>
                </c:pt>
                <c:pt idx="502">
                  <c:v>38989</c:v>
                </c:pt>
                <c:pt idx="503">
                  <c:v>38992</c:v>
                </c:pt>
                <c:pt idx="504">
                  <c:v>38993</c:v>
                </c:pt>
                <c:pt idx="505">
                  <c:v>38994</c:v>
                </c:pt>
                <c:pt idx="506">
                  <c:v>38995</c:v>
                </c:pt>
                <c:pt idx="507">
                  <c:v>38996</c:v>
                </c:pt>
                <c:pt idx="508">
                  <c:v>38999</c:v>
                </c:pt>
                <c:pt idx="509">
                  <c:v>39000</c:v>
                </c:pt>
                <c:pt idx="510">
                  <c:v>39001</c:v>
                </c:pt>
                <c:pt idx="511">
                  <c:v>39003</c:v>
                </c:pt>
                <c:pt idx="512">
                  <c:v>39006</c:v>
                </c:pt>
                <c:pt idx="513">
                  <c:v>39007</c:v>
                </c:pt>
                <c:pt idx="514">
                  <c:v>39008</c:v>
                </c:pt>
                <c:pt idx="515">
                  <c:v>39009</c:v>
                </c:pt>
                <c:pt idx="516">
                  <c:v>39010</c:v>
                </c:pt>
                <c:pt idx="517">
                  <c:v>39013</c:v>
                </c:pt>
                <c:pt idx="518">
                  <c:v>39014</c:v>
                </c:pt>
                <c:pt idx="519">
                  <c:v>39015</c:v>
                </c:pt>
                <c:pt idx="520">
                  <c:v>39016</c:v>
                </c:pt>
                <c:pt idx="521">
                  <c:v>39017</c:v>
                </c:pt>
                <c:pt idx="522">
                  <c:v>39020</c:v>
                </c:pt>
                <c:pt idx="523">
                  <c:v>39021</c:v>
                </c:pt>
                <c:pt idx="524">
                  <c:v>39022</c:v>
                </c:pt>
                <c:pt idx="525">
                  <c:v>39024</c:v>
                </c:pt>
                <c:pt idx="526">
                  <c:v>39027</c:v>
                </c:pt>
                <c:pt idx="527">
                  <c:v>39028</c:v>
                </c:pt>
                <c:pt idx="528">
                  <c:v>39029</c:v>
                </c:pt>
                <c:pt idx="529">
                  <c:v>39030</c:v>
                </c:pt>
                <c:pt idx="530">
                  <c:v>39031</c:v>
                </c:pt>
                <c:pt idx="531">
                  <c:v>39034</c:v>
                </c:pt>
                <c:pt idx="532">
                  <c:v>39035</c:v>
                </c:pt>
                <c:pt idx="533">
                  <c:v>39037</c:v>
                </c:pt>
                <c:pt idx="534">
                  <c:v>39038</c:v>
                </c:pt>
                <c:pt idx="535">
                  <c:v>39041</c:v>
                </c:pt>
                <c:pt idx="536">
                  <c:v>39042</c:v>
                </c:pt>
                <c:pt idx="537">
                  <c:v>39043</c:v>
                </c:pt>
                <c:pt idx="538">
                  <c:v>39044</c:v>
                </c:pt>
                <c:pt idx="539">
                  <c:v>39045</c:v>
                </c:pt>
                <c:pt idx="540">
                  <c:v>39048</c:v>
                </c:pt>
                <c:pt idx="541">
                  <c:v>39049</c:v>
                </c:pt>
                <c:pt idx="542">
                  <c:v>39050</c:v>
                </c:pt>
                <c:pt idx="543">
                  <c:v>39051</c:v>
                </c:pt>
                <c:pt idx="544">
                  <c:v>39052</c:v>
                </c:pt>
                <c:pt idx="545">
                  <c:v>39055</c:v>
                </c:pt>
                <c:pt idx="546">
                  <c:v>39056</c:v>
                </c:pt>
                <c:pt idx="547">
                  <c:v>39057</c:v>
                </c:pt>
                <c:pt idx="548">
                  <c:v>39058</c:v>
                </c:pt>
                <c:pt idx="549">
                  <c:v>39059</c:v>
                </c:pt>
                <c:pt idx="550">
                  <c:v>39062</c:v>
                </c:pt>
                <c:pt idx="551">
                  <c:v>39063</c:v>
                </c:pt>
                <c:pt idx="552">
                  <c:v>39064</c:v>
                </c:pt>
                <c:pt idx="553">
                  <c:v>39065</c:v>
                </c:pt>
                <c:pt idx="554">
                  <c:v>39066</c:v>
                </c:pt>
                <c:pt idx="555">
                  <c:v>39069</c:v>
                </c:pt>
                <c:pt idx="556">
                  <c:v>39070</c:v>
                </c:pt>
                <c:pt idx="557">
                  <c:v>39071</c:v>
                </c:pt>
                <c:pt idx="558">
                  <c:v>39072</c:v>
                </c:pt>
                <c:pt idx="559">
                  <c:v>39073</c:v>
                </c:pt>
                <c:pt idx="560">
                  <c:v>39077</c:v>
                </c:pt>
                <c:pt idx="561">
                  <c:v>39078</c:v>
                </c:pt>
                <c:pt idx="562">
                  <c:v>39079</c:v>
                </c:pt>
                <c:pt idx="563">
                  <c:v>39080</c:v>
                </c:pt>
                <c:pt idx="564">
                  <c:v>39084</c:v>
                </c:pt>
                <c:pt idx="565">
                  <c:v>39085</c:v>
                </c:pt>
                <c:pt idx="566">
                  <c:v>39086</c:v>
                </c:pt>
                <c:pt idx="567">
                  <c:v>39087</c:v>
                </c:pt>
                <c:pt idx="568">
                  <c:v>39090</c:v>
                </c:pt>
                <c:pt idx="569">
                  <c:v>39091</c:v>
                </c:pt>
                <c:pt idx="570">
                  <c:v>39092</c:v>
                </c:pt>
                <c:pt idx="571">
                  <c:v>39093</c:v>
                </c:pt>
                <c:pt idx="572">
                  <c:v>39094</c:v>
                </c:pt>
                <c:pt idx="573">
                  <c:v>39097</c:v>
                </c:pt>
                <c:pt idx="574">
                  <c:v>39098</c:v>
                </c:pt>
                <c:pt idx="575">
                  <c:v>39099</c:v>
                </c:pt>
                <c:pt idx="576">
                  <c:v>39100</c:v>
                </c:pt>
                <c:pt idx="577">
                  <c:v>39101</c:v>
                </c:pt>
                <c:pt idx="578">
                  <c:v>39104</c:v>
                </c:pt>
                <c:pt idx="579">
                  <c:v>39105</c:v>
                </c:pt>
                <c:pt idx="580">
                  <c:v>39106</c:v>
                </c:pt>
                <c:pt idx="581">
                  <c:v>39107</c:v>
                </c:pt>
                <c:pt idx="582">
                  <c:v>39108</c:v>
                </c:pt>
                <c:pt idx="583">
                  <c:v>39111</c:v>
                </c:pt>
                <c:pt idx="584">
                  <c:v>39112</c:v>
                </c:pt>
                <c:pt idx="585">
                  <c:v>39113</c:v>
                </c:pt>
                <c:pt idx="586">
                  <c:v>39114</c:v>
                </c:pt>
                <c:pt idx="587">
                  <c:v>39115</c:v>
                </c:pt>
                <c:pt idx="588">
                  <c:v>39118</c:v>
                </c:pt>
                <c:pt idx="589">
                  <c:v>39119</c:v>
                </c:pt>
                <c:pt idx="590">
                  <c:v>39120</c:v>
                </c:pt>
                <c:pt idx="591">
                  <c:v>39121</c:v>
                </c:pt>
                <c:pt idx="592">
                  <c:v>39122</c:v>
                </c:pt>
                <c:pt idx="593">
                  <c:v>39125</c:v>
                </c:pt>
                <c:pt idx="594">
                  <c:v>39126</c:v>
                </c:pt>
                <c:pt idx="595">
                  <c:v>39127</c:v>
                </c:pt>
                <c:pt idx="596">
                  <c:v>39128</c:v>
                </c:pt>
                <c:pt idx="597">
                  <c:v>39129</c:v>
                </c:pt>
                <c:pt idx="598">
                  <c:v>39134</c:v>
                </c:pt>
                <c:pt idx="599">
                  <c:v>39135</c:v>
                </c:pt>
                <c:pt idx="600">
                  <c:v>39136</c:v>
                </c:pt>
                <c:pt idx="601">
                  <c:v>39139</c:v>
                </c:pt>
                <c:pt idx="602">
                  <c:v>39140</c:v>
                </c:pt>
                <c:pt idx="603">
                  <c:v>39141</c:v>
                </c:pt>
                <c:pt idx="604">
                  <c:v>39142</c:v>
                </c:pt>
                <c:pt idx="605">
                  <c:v>39143</c:v>
                </c:pt>
                <c:pt idx="606">
                  <c:v>39146</c:v>
                </c:pt>
                <c:pt idx="607">
                  <c:v>39147</c:v>
                </c:pt>
                <c:pt idx="608">
                  <c:v>39148</c:v>
                </c:pt>
                <c:pt idx="609">
                  <c:v>39149</c:v>
                </c:pt>
                <c:pt idx="610">
                  <c:v>39150</c:v>
                </c:pt>
                <c:pt idx="611">
                  <c:v>39153</c:v>
                </c:pt>
                <c:pt idx="612">
                  <c:v>39154</c:v>
                </c:pt>
                <c:pt idx="613">
                  <c:v>39155</c:v>
                </c:pt>
                <c:pt idx="614">
                  <c:v>39156</c:v>
                </c:pt>
                <c:pt idx="615">
                  <c:v>39157</c:v>
                </c:pt>
                <c:pt idx="616">
                  <c:v>39160</c:v>
                </c:pt>
                <c:pt idx="617">
                  <c:v>39161</c:v>
                </c:pt>
                <c:pt idx="618">
                  <c:v>39162</c:v>
                </c:pt>
                <c:pt idx="619">
                  <c:v>39163</c:v>
                </c:pt>
                <c:pt idx="620">
                  <c:v>39164</c:v>
                </c:pt>
                <c:pt idx="621">
                  <c:v>39167</c:v>
                </c:pt>
                <c:pt idx="622">
                  <c:v>39168</c:v>
                </c:pt>
                <c:pt idx="623">
                  <c:v>39169</c:v>
                </c:pt>
                <c:pt idx="624">
                  <c:v>39170</c:v>
                </c:pt>
                <c:pt idx="625">
                  <c:v>39171</c:v>
                </c:pt>
                <c:pt idx="626">
                  <c:v>39174</c:v>
                </c:pt>
                <c:pt idx="627">
                  <c:v>39175</c:v>
                </c:pt>
                <c:pt idx="628">
                  <c:v>39176</c:v>
                </c:pt>
                <c:pt idx="629">
                  <c:v>39177</c:v>
                </c:pt>
                <c:pt idx="630">
                  <c:v>39181</c:v>
                </c:pt>
                <c:pt idx="631">
                  <c:v>39182</c:v>
                </c:pt>
                <c:pt idx="632">
                  <c:v>39183</c:v>
                </c:pt>
                <c:pt idx="633">
                  <c:v>39184</c:v>
                </c:pt>
                <c:pt idx="634">
                  <c:v>39185</c:v>
                </c:pt>
                <c:pt idx="635">
                  <c:v>39188</c:v>
                </c:pt>
                <c:pt idx="636">
                  <c:v>39189</c:v>
                </c:pt>
                <c:pt idx="637">
                  <c:v>39190</c:v>
                </c:pt>
                <c:pt idx="638">
                  <c:v>39191</c:v>
                </c:pt>
                <c:pt idx="639">
                  <c:v>39192</c:v>
                </c:pt>
                <c:pt idx="640">
                  <c:v>39195</c:v>
                </c:pt>
                <c:pt idx="641">
                  <c:v>39196</c:v>
                </c:pt>
                <c:pt idx="642">
                  <c:v>39197</c:v>
                </c:pt>
                <c:pt idx="643">
                  <c:v>39198</c:v>
                </c:pt>
                <c:pt idx="644">
                  <c:v>39199</c:v>
                </c:pt>
                <c:pt idx="645">
                  <c:v>39202</c:v>
                </c:pt>
                <c:pt idx="646">
                  <c:v>39204</c:v>
                </c:pt>
                <c:pt idx="647">
                  <c:v>39205</c:v>
                </c:pt>
                <c:pt idx="648">
                  <c:v>39206</c:v>
                </c:pt>
                <c:pt idx="649">
                  <c:v>39209</c:v>
                </c:pt>
                <c:pt idx="650">
                  <c:v>39210</c:v>
                </c:pt>
                <c:pt idx="651">
                  <c:v>39211</c:v>
                </c:pt>
                <c:pt idx="652">
                  <c:v>39212</c:v>
                </c:pt>
                <c:pt idx="653">
                  <c:v>39213</c:v>
                </c:pt>
                <c:pt idx="654">
                  <c:v>39216</c:v>
                </c:pt>
                <c:pt idx="655">
                  <c:v>39217</c:v>
                </c:pt>
                <c:pt idx="656">
                  <c:v>39218</c:v>
                </c:pt>
                <c:pt idx="657">
                  <c:v>39219</c:v>
                </c:pt>
                <c:pt idx="658">
                  <c:v>39220</c:v>
                </c:pt>
                <c:pt idx="659">
                  <c:v>39223</c:v>
                </c:pt>
                <c:pt idx="660">
                  <c:v>39224</c:v>
                </c:pt>
                <c:pt idx="661">
                  <c:v>39225</c:v>
                </c:pt>
                <c:pt idx="662">
                  <c:v>39226</c:v>
                </c:pt>
                <c:pt idx="663">
                  <c:v>39227</c:v>
                </c:pt>
                <c:pt idx="664">
                  <c:v>39230</c:v>
                </c:pt>
                <c:pt idx="665">
                  <c:v>39231</c:v>
                </c:pt>
                <c:pt idx="666">
                  <c:v>39232</c:v>
                </c:pt>
                <c:pt idx="667">
                  <c:v>39233</c:v>
                </c:pt>
                <c:pt idx="668">
                  <c:v>39234</c:v>
                </c:pt>
                <c:pt idx="669">
                  <c:v>39237</c:v>
                </c:pt>
                <c:pt idx="670">
                  <c:v>39238</c:v>
                </c:pt>
                <c:pt idx="671">
                  <c:v>39239</c:v>
                </c:pt>
                <c:pt idx="672">
                  <c:v>39241</c:v>
                </c:pt>
                <c:pt idx="673">
                  <c:v>39244</c:v>
                </c:pt>
                <c:pt idx="674">
                  <c:v>39245</c:v>
                </c:pt>
                <c:pt idx="675">
                  <c:v>39246</c:v>
                </c:pt>
                <c:pt idx="676">
                  <c:v>39247</c:v>
                </c:pt>
                <c:pt idx="677">
                  <c:v>39248</c:v>
                </c:pt>
                <c:pt idx="678">
                  <c:v>39251</c:v>
                </c:pt>
                <c:pt idx="679">
                  <c:v>39252</c:v>
                </c:pt>
                <c:pt idx="680">
                  <c:v>39253</c:v>
                </c:pt>
                <c:pt idx="681">
                  <c:v>39254</c:v>
                </c:pt>
                <c:pt idx="682">
                  <c:v>39255</c:v>
                </c:pt>
                <c:pt idx="683">
                  <c:v>39258</c:v>
                </c:pt>
                <c:pt idx="684">
                  <c:v>39259</c:v>
                </c:pt>
                <c:pt idx="685">
                  <c:v>39260</c:v>
                </c:pt>
                <c:pt idx="686">
                  <c:v>39261</c:v>
                </c:pt>
                <c:pt idx="687">
                  <c:v>39262</c:v>
                </c:pt>
                <c:pt idx="688">
                  <c:v>39265</c:v>
                </c:pt>
                <c:pt idx="689">
                  <c:v>39266</c:v>
                </c:pt>
                <c:pt idx="690">
                  <c:v>39267</c:v>
                </c:pt>
                <c:pt idx="691">
                  <c:v>39268</c:v>
                </c:pt>
                <c:pt idx="692">
                  <c:v>39269</c:v>
                </c:pt>
                <c:pt idx="693">
                  <c:v>39272</c:v>
                </c:pt>
                <c:pt idx="694">
                  <c:v>39273</c:v>
                </c:pt>
                <c:pt idx="695">
                  <c:v>39274</c:v>
                </c:pt>
                <c:pt idx="696">
                  <c:v>39275</c:v>
                </c:pt>
                <c:pt idx="697">
                  <c:v>39276</c:v>
                </c:pt>
                <c:pt idx="698">
                  <c:v>39279</c:v>
                </c:pt>
                <c:pt idx="699">
                  <c:v>39280</c:v>
                </c:pt>
                <c:pt idx="700">
                  <c:v>39281</c:v>
                </c:pt>
                <c:pt idx="701">
                  <c:v>39282</c:v>
                </c:pt>
                <c:pt idx="702">
                  <c:v>39283</c:v>
                </c:pt>
                <c:pt idx="703">
                  <c:v>39286</c:v>
                </c:pt>
                <c:pt idx="704">
                  <c:v>39287</c:v>
                </c:pt>
                <c:pt idx="705">
                  <c:v>39288</c:v>
                </c:pt>
                <c:pt idx="706">
                  <c:v>39289</c:v>
                </c:pt>
                <c:pt idx="707">
                  <c:v>39290</c:v>
                </c:pt>
                <c:pt idx="708">
                  <c:v>39293</c:v>
                </c:pt>
                <c:pt idx="709">
                  <c:v>39294</c:v>
                </c:pt>
                <c:pt idx="710">
                  <c:v>39295</c:v>
                </c:pt>
                <c:pt idx="711">
                  <c:v>39296</c:v>
                </c:pt>
                <c:pt idx="712">
                  <c:v>39297</c:v>
                </c:pt>
                <c:pt idx="713">
                  <c:v>39300</c:v>
                </c:pt>
                <c:pt idx="714">
                  <c:v>39301</c:v>
                </c:pt>
                <c:pt idx="715">
                  <c:v>39302</c:v>
                </c:pt>
                <c:pt idx="716">
                  <c:v>39303</c:v>
                </c:pt>
                <c:pt idx="717">
                  <c:v>39304</c:v>
                </c:pt>
                <c:pt idx="718">
                  <c:v>39307</c:v>
                </c:pt>
                <c:pt idx="719">
                  <c:v>39308</c:v>
                </c:pt>
                <c:pt idx="720">
                  <c:v>39309</c:v>
                </c:pt>
                <c:pt idx="721">
                  <c:v>39310</c:v>
                </c:pt>
                <c:pt idx="722">
                  <c:v>39311</c:v>
                </c:pt>
                <c:pt idx="723">
                  <c:v>39314</c:v>
                </c:pt>
                <c:pt idx="724">
                  <c:v>39315</c:v>
                </c:pt>
                <c:pt idx="725">
                  <c:v>39316</c:v>
                </c:pt>
                <c:pt idx="726">
                  <c:v>39317</c:v>
                </c:pt>
                <c:pt idx="727">
                  <c:v>39318</c:v>
                </c:pt>
                <c:pt idx="728">
                  <c:v>39321</c:v>
                </c:pt>
                <c:pt idx="729">
                  <c:v>39322</c:v>
                </c:pt>
                <c:pt idx="730">
                  <c:v>39323</c:v>
                </c:pt>
                <c:pt idx="731">
                  <c:v>39324</c:v>
                </c:pt>
                <c:pt idx="732">
                  <c:v>39325</c:v>
                </c:pt>
                <c:pt idx="733">
                  <c:v>39328</c:v>
                </c:pt>
                <c:pt idx="734">
                  <c:v>39329</c:v>
                </c:pt>
                <c:pt idx="735">
                  <c:v>39330</c:v>
                </c:pt>
                <c:pt idx="736">
                  <c:v>39331</c:v>
                </c:pt>
                <c:pt idx="737">
                  <c:v>39335</c:v>
                </c:pt>
                <c:pt idx="738">
                  <c:v>39336</c:v>
                </c:pt>
                <c:pt idx="739">
                  <c:v>39337</c:v>
                </c:pt>
                <c:pt idx="740">
                  <c:v>39338</c:v>
                </c:pt>
                <c:pt idx="741">
                  <c:v>39339</c:v>
                </c:pt>
                <c:pt idx="742">
                  <c:v>39342</c:v>
                </c:pt>
                <c:pt idx="743">
                  <c:v>39343</c:v>
                </c:pt>
                <c:pt idx="744">
                  <c:v>39344</c:v>
                </c:pt>
                <c:pt idx="745">
                  <c:v>39345</c:v>
                </c:pt>
                <c:pt idx="746">
                  <c:v>39346</c:v>
                </c:pt>
                <c:pt idx="747">
                  <c:v>39349</c:v>
                </c:pt>
                <c:pt idx="748">
                  <c:v>39350</c:v>
                </c:pt>
                <c:pt idx="749">
                  <c:v>39351</c:v>
                </c:pt>
                <c:pt idx="750">
                  <c:v>39352</c:v>
                </c:pt>
                <c:pt idx="751">
                  <c:v>39353</c:v>
                </c:pt>
                <c:pt idx="752">
                  <c:v>39356</c:v>
                </c:pt>
                <c:pt idx="753">
                  <c:v>39357</c:v>
                </c:pt>
                <c:pt idx="754">
                  <c:v>39358</c:v>
                </c:pt>
                <c:pt idx="755">
                  <c:v>39359</c:v>
                </c:pt>
                <c:pt idx="756">
                  <c:v>39360</c:v>
                </c:pt>
                <c:pt idx="757">
                  <c:v>39363</c:v>
                </c:pt>
                <c:pt idx="758">
                  <c:v>39364</c:v>
                </c:pt>
                <c:pt idx="759">
                  <c:v>39365</c:v>
                </c:pt>
                <c:pt idx="760">
                  <c:v>39366</c:v>
                </c:pt>
                <c:pt idx="761">
                  <c:v>39370</c:v>
                </c:pt>
                <c:pt idx="762">
                  <c:v>39371</c:v>
                </c:pt>
                <c:pt idx="763">
                  <c:v>39372</c:v>
                </c:pt>
                <c:pt idx="764">
                  <c:v>39373</c:v>
                </c:pt>
                <c:pt idx="765">
                  <c:v>39374</c:v>
                </c:pt>
                <c:pt idx="766">
                  <c:v>39377</c:v>
                </c:pt>
                <c:pt idx="767">
                  <c:v>39378</c:v>
                </c:pt>
                <c:pt idx="768">
                  <c:v>39379</c:v>
                </c:pt>
                <c:pt idx="769">
                  <c:v>39380</c:v>
                </c:pt>
                <c:pt idx="770">
                  <c:v>39381</c:v>
                </c:pt>
                <c:pt idx="771">
                  <c:v>39384</c:v>
                </c:pt>
                <c:pt idx="772">
                  <c:v>39385</c:v>
                </c:pt>
                <c:pt idx="773">
                  <c:v>39386</c:v>
                </c:pt>
                <c:pt idx="774">
                  <c:v>39387</c:v>
                </c:pt>
                <c:pt idx="775">
                  <c:v>39391</c:v>
                </c:pt>
                <c:pt idx="776">
                  <c:v>39392</c:v>
                </c:pt>
                <c:pt idx="777">
                  <c:v>39393</c:v>
                </c:pt>
                <c:pt idx="778">
                  <c:v>39394</c:v>
                </c:pt>
                <c:pt idx="779">
                  <c:v>39395</c:v>
                </c:pt>
                <c:pt idx="780">
                  <c:v>39398</c:v>
                </c:pt>
                <c:pt idx="781">
                  <c:v>39399</c:v>
                </c:pt>
                <c:pt idx="782">
                  <c:v>39400</c:v>
                </c:pt>
                <c:pt idx="783">
                  <c:v>39402</c:v>
                </c:pt>
                <c:pt idx="784">
                  <c:v>39405</c:v>
                </c:pt>
                <c:pt idx="785">
                  <c:v>39406</c:v>
                </c:pt>
                <c:pt idx="786">
                  <c:v>39407</c:v>
                </c:pt>
                <c:pt idx="787">
                  <c:v>39408</c:v>
                </c:pt>
                <c:pt idx="788">
                  <c:v>39409</c:v>
                </c:pt>
                <c:pt idx="789">
                  <c:v>39412</c:v>
                </c:pt>
                <c:pt idx="790">
                  <c:v>39413</c:v>
                </c:pt>
                <c:pt idx="791">
                  <c:v>39414</c:v>
                </c:pt>
                <c:pt idx="792">
                  <c:v>39415</c:v>
                </c:pt>
                <c:pt idx="793">
                  <c:v>39416</c:v>
                </c:pt>
                <c:pt idx="794">
                  <c:v>39419</c:v>
                </c:pt>
                <c:pt idx="795">
                  <c:v>39420</c:v>
                </c:pt>
                <c:pt idx="796">
                  <c:v>39421</c:v>
                </c:pt>
                <c:pt idx="797">
                  <c:v>39422</c:v>
                </c:pt>
                <c:pt idx="798">
                  <c:v>39423</c:v>
                </c:pt>
                <c:pt idx="799">
                  <c:v>39426</c:v>
                </c:pt>
                <c:pt idx="800">
                  <c:v>39427</c:v>
                </c:pt>
                <c:pt idx="801">
                  <c:v>39428</c:v>
                </c:pt>
                <c:pt idx="802">
                  <c:v>39429</c:v>
                </c:pt>
                <c:pt idx="803">
                  <c:v>39430</c:v>
                </c:pt>
                <c:pt idx="804">
                  <c:v>39433</c:v>
                </c:pt>
                <c:pt idx="805">
                  <c:v>39434</c:v>
                </c:pt>
                <c:pt idx="806">
                  <c:v>39435</c:v>
                </c:pt>
                <c:pt idx="807">
                  <c:v>39436</c:v>
                </c:pt>
                <c:pt idx="808">
                  <c:v>39437</c:v>
                </c:pt>
                <c:pt idx="809">
                  <c:v>39440</c:v>
                </c:pt>
                <c:pt idx="810">
                  <c:v>39442</c:v>
                </c:pt>
                <c:pt idx="811">
                  <c:v>39443</c:v>
                </c:pt>
                <c:pt idx="812">
                  <c:v>39444</c:v>
                </c:pt>
                <c:pt idx="813">
                  <c:v>39447</c:v>
                </c:pt>
                <c:pt idx="814">
                  <c:v>39449</c:v>
                </c:pt>
                <c:pt idx="815">
                  <c:v>39450</c:v>
                </c:pt>
                <c:pt idx="816">
                  <c:v>39451</c:v>
                </c:pt>
                <c:pt idx="817">
                  <c:v>39454</c:v>
                </c:pt>
                <c:pt idx="818">
                  <c:v>39455</c:v>
                </c:pt>
                <c:pt idx="819">
                  <c:v>39456</c:v>
                </c:pt>
                <c:pt idx="820">
                  <c:v>39457</c:v>
                </c:pt>
                <c:pt idx="821">
                  <c:v>39458</c:v>
                </c:pt>
                <c:pt idx="822">
                  <c:v>39461</c:v>
                </c:pt>
                <c:pt idx="823">
                  <c:v>39462</c:v>
                </c:pt>
                <c:pt idx="824">
                  <c:v>39463</c:v>
                </c:pt>
                <c:pt idx="825">
                  <c:v>39464</c:v>
                </c:pt>
                <c:pt idx="826">
                  <c:v>39465</c:v>
                </c:pt>
                <c:pt idx="827">
                  <c:v>39468</c:v>
                </c:pt>
                <c:pt idx="828">
                  <c:v>39469</c:v>
                </c:pt>
                <c:pt idx="829">
                  <c:v>39470</c:v>
                </c:pt>
                <c:pt idx="830">
                  <c:v>39471</c:v>
                </c:pt>
                <c:pt idx="831">
                  <c:v>39472</c:v>
                </c:pt>
                <c:pt idx="832">
                  <c:v>39475</c:v>
                </c:pt>
                <c:pt idx="833">
                  <c:v>39476</c:v>
                </c:pt>
                <c:pt idx="834">
                  <c:v>39477</c:v>
                </c:pt>
                <c:pt idx="835">
                  <c:v>39478</c:v>
                </c:pt>
                <c:pt idx="836">
                  <c:v>39479</c:v>
                </c:pt>
                <c:pt idx="837">
                  <c:v>39484</c:v>
                </c:pt>
                <c:pt idx="838">
                  <c:v>39485</c:v>
                </c:pt>
                <c:pt idx="839">
                  <c:v>39486</c:v>
                </c:pt>
                <c:pt idx="840">
                  <c:v>39489</c:v>
                </c:pt>
                <c:pt idx="841">
                  <c:v>39490</c:v>
                </c:pt>
                <c:pt idx="842">
                  <c:v>39491</c:v>
                </c:pt>
                <c:pt idx="843">
                  <c:v>39492</c:v>
                </c:pt>
                <c:pt idx="844">
                  <c:v>39493</c:v>
                </c:pt>
                <c:pt idx="845">
                  <c:v>39496</c:v>
                </c:pt>
                <c:pt idx="846">
                  <c:v>39497</c:v>
                </c:pt>
                <c:pt idx="847">
                  <c:v>39498</c:v>
                </c:pt>
                <c:pt idx="848">
                  <c:v>39499</c:v>
                </c:pt>
                <c:pt idx="849">
                  <c:v>39500</c:v>
                </c:pt>
                <c:pt idx="850">
                  <c:v>39503</c:v>
                </c:pt>
                <c:pt idx="851">
                  <c:v>39504</c:v>
                </c:pt>
                <c:pt idx="852">
                  <c:v>39505</c:v>
                </c:pt>
                <c:pt idx="853">
                  <c:v>39506</c:v>
                </c:pt>
                <c:pt idx="854">
                  <c:v>39507</c:v>
                </c:pt>
                <c:pt idx="855">
                  <c:v>39510</c:v>
                </c:pt>
                <c:pt idx="856">
                  <c:v>39511</c:v>
                </c:pt>
                <c:pt idx="857">
                  <c:v>39512</c:v>
                </c:pt>
                <c:pt idx="858">
                  <c:v>39513</c:v>
                </c:pt>
                <c:pt idx="859">
                  <c:v>39514</c:v>
                </c:pt>
                <c:pt idx="860">
                  <c:v>39517</c:v>
                </c:pt>
                <c:pt idx="861">
                  <c:v>39518</c:v>
                </c:pt>
                <c:pt idx="862">
                  <c:v>39519</c:v>
                </c:pt>
                <c:pt idx="863">
                  <c:v>39520</c:v>
                </c:pt>
                <c:pt idx="864">
                  <c:v>39521</c:v>
                </c:pt>
                <c:pt idx="865">
                  <c:v>39524</c:v>
                </c:pt>
                <c:pt idx="866">
                  <c:v>39525</c:v>
                </c:pt>
                <c:pt idx="867">
                  <c:v>39526</c:v>
                </c:pt>
                <c:pt idx="868">
                  <c:v>39527</c:v>
                </c:pt>
                <c:pt idx="869">
                  <c:v>39531</c:v>
                </c:pt>
                <c:pt idx="870">
                  <c:v>39532</c:v>
                </c:pt>
                <c:pt idx="871">
                  <c:v>39533</c:v>
                </c:pt>
                <c:pt idx="872">
                  <c:v>39534</c:v>
                </c:pt>
                <c:pt idx="873">
                  <c:v>39535</c:v>
                </c:pt>
                <c:pt idx="874">
                  <c:v>39538</c:v>
                </c:pt>
                <c:pt idx="875">
                  <c:v>39539</c:v>
                </c:pt>
                <c:pt idx="876">
                  <c:v>39540</c:v>
                </c:pt>
                <c:pt idx="877">
                  <c:v>39541</c:v>
                </c:pt>
                <c:pt idx="878">
                  <c:v>39542</c:v>
                </c:pt>
                <c:pt idx="879">
                  <c:v>39545</c:v>
                </c:pt>
                <c:pt idx="880">
                  <c:v>39546</c:v>
                </c:pt>
                <c:pt idx="881">
                  <c:v>39547</c:v>
                </c:pt>
                <c:pt idx="882">
                  <c:v>39548</c:v>
                </c:pt>
                <c:pt idx="883">
                  <c:v>39549</c:v>
                </c:pt>
                <c:pt idx="884">
                  <c:v>39552</c:v>
                </c:pt>
                <c:pt idx="885">
                  <c:v>39553</c:v>
                </c:pt>
                <c:pt idx="886">
                  <c:v>39554</c:v>
                </c:pt>
                <c:pt idx="887">
                  <c:v>39555</c:v>
                </c:pt>
                <c:pt idx="888">
                  <c:v>39556</c:v>
                </c:pt>
                <c:pt idx="889">
                  <c:v>39560</c:v>
                </c:pt>
                <c:pt idx="890">
                  <c:v>39561</c:v>
                </c:pt>
                <c:pt idx="891">
                  <c:v>39562</c:v>
                </c:pt>
                <c:pt idx="892">
                  <c:v>39563</c:v>
                </c:pt>
                <c:pt idx="893">
                  <c:v>39566</c:v>
                </c:pt>
                <c:pt idx="894">
                  <c:v>39567</c:v>
                </c:pt>
                <c:pt idx="895">
                  <c:v>39568</c:v>
                </c:pt>
                <c:pt idx="896">
                  <c:v>39570</c:v>
                </c:pt>
                <c:pt idx="897">
                  <c:v>39573</c:v>
                </c:pt>
                <c:pt idx="898">
                  <c:v>39574</c:v>
                </c:pt>
                <c:pt idx="899">
                  <c:v>39575</c:v>
                </c:pt>
                <c:pt idx="900">
                  <c:v>39576</c:v>
                </c:pt>
                <c:pt idx="901">
                  <c:v>39577</c:v>
                </c:pt>
                <c:pt idx="902">
                  <c:v>39580</c:v>
                </c:pt>
                <c:pt idx="903">
                  <c:v>39581</c:v>
                </c:pt>
                <c:pt idx="904">
                  <c:v>39582</c:v>
                </c:pt>
                <c:pt idx="905">
                  <c:v>39583</c:v>
                </c:pt>
                <c:pt idx="906">
                  <c:v>39584</c:v>
                </c:pt>
                <c:pt idx="907">
                  <c:v>39587</c:v>
                </c:pt>
                <c:pt idx="908">
                  <c:v>39588</c:v>
                </c:pt>
                <c:pt idx="909">
                  <c:v>39589</c:v>
                </c:pt>
                <c:pt idx="910">
                  <c:v>39591</c:v>
                </c:pt>
                <c:pt idx="911">
                  <c:v>39594</c:v>
                </c:pt>
                <c:pt idx="912">
                  <c:v>39595</c:v>
                </c:pt>
                <c:pt idx="913">
                  <c:v>39596</c:v>
                </c:pt>
                <c:pt idx="914">
                  <c:v>39597</c:v>
                </c:pt>
                <c:pt idx="915">
                  <c:v>39598</c:v>
                </c:pt>
                <c:pt idx="916">
                  <c:v>39601</c:v>
                </c:pt>
                <c:pt idx="917">
                  <c:v>39602</c:v>
                </c:pt>
                <c:pt idx="918">
                  <c:v>39603</c:v>
                </c:pt>
                <c:pt idx="919">
                  <c:v>39604</c:v>
                </c:pt>
                <c:pt idx="920">
                  <c:v>39605</c:v>
                </c:pt>
                <c:pt idx="921">
                  <c:v>39608</c:v>
                </c:pt>
                <c:pt idx="922">
                  <c:v>39609</c:v>
                </c:pt>
                <c:pt idx="923">
                  <c:v>39610</c:v>
                </c:pt>
                <c:pt idx="924">
                  <c:v>39611</c:v>
                </c:pt>
                <c:pt idx="925">
                  <c:v>39612</c:v>
                </c:pt>
                <c:pt idx="926">
                  <c:v>39615</c:v>
                </c:pt>
                <c:pt idx="927">
                  <c:v>39616</c:v>
                </c:pt>
                <c:pt idx="928">
                  <c:v>39617</c:v>
                </c:pt>
                <c:pt idx="929">
                  <c:v>39618</c:v>
                </c:pt>
                <c:pt idx="930">
                  <c:v>39619</c:v>
                </c:pt>
                <c:pt idx="931">
                  <c:v>39622</c:v>
                </c:pt>
                <c:pt idx="932">
                  <c:v>39623</c:v>
                </c:pt>
                <c:pt idx="933">
                  <c:v>39624</c:v>
                </c:pt>
                <c:pt idx="934">
                  <c:v>39625</c:v>
                </c:pt>
                <c:pt idx="935">
                  <c:v>39626</c:v>
                </c:pt>
                <c:pt idx="936">
                  <c:v>39629</c:v>
                </c:pt>
                <c:pt idx="937">
                  <c:v>39630</c:v>
                </c:pt>
                <c:pt idx="938">
                  <c:v>39631</c:v>
                </c:pt>
                <c:pt idx="939">
                  <c:v>39632</c:v>
                </c:pt>
                <c:pt idx="940">
                  <c:v>39633</c:v>
                </c:pt>
                <c:pt idx="941">
                  <c:v>39636</c:v>
                </c:pt>
                <c:pt idx="942">
                  <c:v>39637</c:v>
                </c:pt>
                <c:pt idx="943">
                  <c:v>39638</c:v>
                </c:pt>
                <c:pt idx="944">
                  <c:v>39639</c:v>
                </c:pt>
                <c:pt idx="945">
                  <c:v>39640</c:v>
                </c:pt>
                <c:pt idx="946">
                  <c:v>39643</c:v>
                </c:pt>
                <c:pt idx="947">
                  <c:v>39644</c:v>
                </c:pt>
                <c:pt idx="948">
                  <c:v>39645</c:v>
                </c:pt>
                <c:pt idx="949">
                  <c:v>39646</c:v>
                </c:pt>
                <c:pt idx="950">
                  <c:v>39647</c:v>
                </c:pt>
                <c:pt idx="951">
                  <c:v>39650</c:v>
                </c:pt>
                <c:pt idx="952">
                  <c:v>39651</c:v>
                </c:pt>
                <c:pt idx="953">
                  <c:v>39652</c:v>
                </c:pt>
                <c:pt idx="954">
                  <c:v>39653</c:v>
                </c:pt>
                <c:pt idx="955">
                  <c:v>39654</c:v>
                </c:pt>
                <c:pt idx="956">
                  <c:v>39657</c:v>
                </c:pt>
                <c:pt idx="957">
                  <c:v>39658</c:v>
                </c:pt>
                <c:pt idx="958">
                  <c:v>39659</c:v>
                </c:pt>
                <c:pt idx="959">
                  <c:v>39660</c:v>
                </c:pt>
                <c:pt idx="960">
                  <c:v>39661</c:v>
                </c:pt>
                <c:pt idx="961">
                  <c:v>39664</c:v>
                </c:pt>
                <c:pt idx="962">
                  <c:v>39665</c:v>
                </c:pt>
                <c:pt idx="963">
                  <c:v>39666</c:v>
                </c:pt>
                <c:pt idx="964">
                  <c:v>39667</c:v>
                </c:pt>
                <c:pt idx="965">
                  <c:v>39668</c:v>
                </c:pt>
                <c:pt idx="966">
                  <c:v>39671</c:v>
                </c:pt>
                <c:pt idx="967">
                  <c:v>39672</c:v>
                </c:pt>
                <c:pt idx="968">
                  <c:v>39673</c:v>
                </c:pt>
                <c:pt idx="969">
                  <c:v>39674</c:v>
                </c:pt>
                <c:pt idx="970">
                  <c:v>39675</c:v>
                </c:pt>
                <c:pt idx="971">
                  <c:v>39678</c:v>
                </c:pt>
                <c:pt idx="972">
                  <c:v>39679</c:v>
                </c:pt>
                <c:pt idx="973">
                  <c:v>39680</c:v>
                </c:pt>
                <c:pt idx="974">
                  <c:v>39681</c:v>
                </c:pt>
                <c:pt idx="975">
                  <c:v>39682</c:v>
                </c:pt>
                <c:pt idx="976">
                  <c:v>39685</c:v>
                </c:pt>
                <c:pt idx="977">
                  <c:v>39686</c:v>
                </c:pt>
                <c:pt idx="978">
                  <c:v>39687</c:v>
                </c:pt>
                <c:pt idx="979">
                  <c:v>39688</c:v>
                </c:pt>
                <c:pt idx="980">
                  <c:v>39689</c:v>
                </c:pt>
                <c:pt idx="981">
                  <c:v>39692</c:v>
                </c:pt>
                <c:pt idx="982">
                  <c:v>39693</c:v>
                </c:pt>
                <c:pt idx="983">
                  <c:v>39694</c:v>
                </c:pt>
                <c:pt idx="984">
                  <c:v>39695</c:v>
                </c:pt>
                <c:pt idx="985">
                  <c:v>39696</c:v>
                </c:pt>
                <c:pt idx="986">
                  <c:v>39699</c:v>
                </c:pt>
                <c:pt idx="987">
                  <c:v>39700</c:v>
                </c:pt>
                <c:pt idx="988">
                  <c:v>39701</c:v>
                </c:pt>
                <c:pt idx="989">
                  <c:v>39702</c:v>
                </c:pt>
                <c:pt idx="990">
                  <c:v>39703</c:v>
                </c:pt>
                <c:pt idx="991">
                  <c:v>39706</c:v>
                </c:pt>
                <c:pt idx="992">
                  <c:v>39707</c:v>
                </c:pt>
                <c:pt idx="993">
                  <c:v>39708</c:v>
                </c:pt>
                <c:pt idx="994">
                  <c:v>39709</c:v>
                </c:pt>
                <c:pt idx="995">
                  <c:v>39710</c:v>
                </c:pt>
                <c:pt idx="996">
                  <c:v>39713</c:v>
                </c:pt>
                <c:pt idx="997">
                  <c:v>39714</c:v>
                </c:pt>
                <c:pt idx="998">
                  <c:v>39715</c:v>
                </c:pt>
                <c:pt idx="999">
                  <c:v>39716</c:v>
                </c:pt>
                <c:pt idx="1000">
                  <c:v>39717</c:v>
                </c:pt>
                <c:pt idx="1001">
                  <c:v>39720</c:v>
                </c:pt>
                <c:pt idx="1002">
                  <c:v>39721</c:v>
                </c:pt>
                <c:pt idx="1003">
                  <c:v>39722</c:v>
                </c:pt>
                <c:pt idx="1004">
                  <c:v>39723</c:v>
                </c:pt>
                <c:pt idx="1005">
                  <c:v>39724</c:v>
                </c:pt>
                <c:pt idx="1006">
                  <c:v>39727</c:v>
                </c:pt>
                <c:pt idx="1007">
                  <c:v>39728</c:v>
                </c:pt>
                <c:pt idx="1008">
                  <c:v>39729</c:v>
                </c:pt>
                <c:pt idx="1009">
                  <c:v>39730</c:v>
                </c:pt>
                <c:pt idx="1010">
                  <c:v>39731</c:v>
                </c:pt>
                <c:pt idx="1011">
                  <c:v>39734</c:v>
                </c:pt>
                <c:pt idx="1012">
                  <c:v>39735</c:v>
                </c:pt>
                <c:pt idx="1013">
                  <c:v>39736</c:v>
                </c:pt>
                <c:pt idx="1014">
                  <c:v>39737</c:v>
                </c:pt>
                <c:pt idx="1015">
                  <c:v>39738</c:v>
                </c:pt>
                <c:pt idx="1016">
                  <c:v>39741</c:v>
                </c:pt>
                <c:pt idx="1017">
                  <c:v>39742</c:v>
                </c:pt>
                <c:pt idx="1018">
                  <c:v>39743</c:v>
                </c:pt>
                <c:pt idx="1019">
                  <c:v>39744</c:v>
                </c:pt>
                <c:pt idx="1020">
                  <c:v>39745</c:v>
                </c:pt>
                <c:pt idx="1021">
                  <c:v>39748</c:v>
                </c:pt>
                <c:pt idx="1022">
                  <c:v>39749</c:v>
                </c:pt>
                <c:pt idx="1023">
                  <c:v>39750</c:v>
                </c:pt>
                <c:pt idx="1024">
                  <c:v>39751</c:v>
                </c:pt>
                <c:pt idx="1025">
                  <c:v>39752</c:v>
                </c:pt>
                <c:pt idx="1026">
                  <c:v>39755</c:v>
                </c:pt>
                <c:pt idx="1027">
                  <c:v>39756</c:v>
                </c:pt>
                <c:pt idx="1028">
                  <c:v>39757</c:v>
                </c:pt>
                <c:pt idx="1029">
                  <c:v>39758</c:v>
                </c:pt>
                <c:pt idx="1030">
                  <c:v>39759</c:v>
                </c:pt>
                <c:pt idx="1031">
                  <c:v>39762</c:v>
                </c:pt>
                <c:pt idx="1032">
                  <c:v>39763</c:v>
                </c:pt>
                <c:pt idx="1033">
                  <c:v>39764</c:v>
                </c:pt>
                <c:pt idx="1034">
                  <c:v>39765</c:v>
                </c:pt>
                <c:pt idx="1035">
                  <c:v>39766</c:v>
                </c:pt>
                <c:pt idx="1036">
                  <c:v>39769</c:v>
                </c:pt>
                <c:pt idx="1037">
                  <c:v>39770</c:v>
                </c:pt>
                <c:pt idx="1038">
                  <c:v>39771</c:v>
                </c:pt>
                <c:pt idx="1039">
                  <c:v>39772</c:v>
                </c:pt>
                <c:pt idx="1040">
                  <c:v>39773</c:v>
                </c:pt>
                <c:pt idx="1041">
                  <c:v>39776</c:v>
                </c:pt>
                <c:pt idx="1042">
                  <c:v>39777</c:v>
                </c:pt>
                <c:pt idx="1043">
                  <c:v>39778</c:v>
                </c:pt>
                <c:pt idx="1044">
                  <c:v>39779</c:v>
                </c:pt>
                <c:pt idx="1045">
                  <c:v>39780</c:v>
                </c:pt>
                <c:pt idx="1046">
                  <c:v>39783</c:v>
                </c:pt>
                <c:pt idx="1047">
                  <c:v>39784</c:v>
                </c:pt>
                <c:pt idx="1048">
                  <c:v>39785</c:v>
                </c:pt>
                <c:pt idx="1049">
                  <c:v>39786</c:v>
                </c:pt>
                <c:pt idx="1050">
                  <c:v>39787</c:v>
                </c:pt>
                <c:pt idx="1051">
                  <c:v>39790</c:v>
                </c:pt>
                <c:pt idx="1052">
                  <c:v>39791</c:v>
                </c:pt>
                <c:pt idx="1053">
                  <c:v>39792</c:v>
                </c:pt>
                <c:pt idx="1054">
                  <c:v>39793</c:v>
                </c:pt>
                <c:pt idx="1055">
                  <c:v>39794</c:v>
                </c:pt>
                <c:pt idx="1056">
                  <c:v>39797</c:v>
                </c:pt>
                <c:pt idx="1057">
                  <c:v>39798</c:v>
                </c:pt>
                <c:pt idx="1058">
                  <c:v>39799</c:v>
                </c:pt>
                <c:pt idx="1059">
                  <c:v>39800</c:v>
                </c:pt>
                <c:pt idx="1060">
                  <c:v>39801</c:v>
                </c:pt>
                <c:pt idx="1061">
                  <c:v>39804</c:v>
                </c:pt>
                <c:pt idx="1062">
                  <c:v>39805</c:v>
                </c:pt>
                <c:pt idx="1063">
                  <c:v>39806</c:v>
                </c:pt>
                <c:pt idx="1064">
                  <c:v>39808</c:v>
                </c:pt>
                <c:pt idx="1065">
                  <c:v>39811</c:v>
                </c:pt>
                <c:pt idx="1066">
                  <c:v>39812</c:v>
                </c:pt>
                <c:pt idx="1067">
                  <c:v>39813</c:v>
                </c:pt>
                <c:pt idx="1068">
                  <c:v>39815</c:v>
                </c:pt>
                <c:pt idx="1069">
                  <c:v>39818</c:v>
                </c:pt>
                <c:pt idx="1070">
                  <c:v>39819</c:v>
                </c:pt>
                <c:pt idx="1071">
                  <c:v>39820</c:v>
                </c:pt>
                <c:pt idx="1072">
                  <c:v>39821</c:v>
                </c:pt>
                <c:pt idx="1073">
                  <c:v>39822</c:v>
                </c:pt>
                <c:pt idx="1074">
                  <c:v>39825</c:v>
                </c:pt>
                <c:pt idx="1075">
                  <c:v>39826</c:v>
                </c:pt>
                <c:pt idx="1076">
                  <c:v>39827</c:v>
                </c:pt>
                <c:pt idx="1077">
                  <c:v>39828</c:v>
                </c:pt>
                <c:pt idx="1078">
                  <c:v>39829</c:v>
                </c:pt>
                <c:pt idx="1079">
                  <c:v>39832</c:v>
                </c:pt>
                <c:pt idx="1080">
                  <c:v>39833</c:v>
                </c:pt>
                <c:pt idx="1081">
                  <c:v>39834</c:v>
                </c:pt>
                <c:pt idx="1082">
                  <c:v>39835</c:v>
                </c:pt>
                <c:pt idx="1083">
                  <c:v>39836</c:v>
                </c:pt>
                <c:pt idx="1084">
                  <c:v>39839</c:v>
                </c:pt>
                <c:pt idx="1085">
                  <c:v>39840</c:v>
                </c:pt>
                <c:pt idx="1086">
                  <c:v>39841</c:v>
                </c:pt>
                <c:pt idx="1087">
                  <c:v>39842</c:v>
                </c:pt>
                <c:pt idx="1088">
                  <c:v>39843</c:v>
                </c:pt>
                <c:pt idx="1089">
                  <c:v>39846</c:v>
                </c:pt>
                <c:pt idx="1090">
                  <c:v>39847</c:v>
                </c:pt>
                <c:pt idx="1091">
                  <c:v>39848</c:v>
                </c:pt>
                <c:pt idx="1092">
                  <c:v>39849</c:v>
                </c:pt>
                <c:pt idx="1093">
                  <c:v>39850</c:v>
                </c:pt>
                <c:pt idx="1094">
                  <c:v>39853</c:v>
                </c:pt>
                <c:pt idx="1095">
                  <c:v>39854</c:v>
                </c:pt>
                <c:pt idx="1096">
                  <c:v>39855</c:v>
                </c:pt>
                <c:pt idx="1097">
                  <c:v>39856</c:v>
                </c:pt>
                <c:pt idx="1098">
                  <c:v>39857</c:v>
                </c:pt>
                <c:pt idx="1099">
                  <c:v>39860</c:v>
                </c:pt>
                <c:pt idx="1100">
                  <c:v>39861</c:v>
                </c:pt>
                <c:pt idx="1101">
                  <c:v>39862</c:v>
                </c:pt>
                <c:pt idx="1102">
                  <c:v>39863</c:v>
                </c:pt>
                <c:pt idx="1103">
                  <c:v>39864</c:v>
                </c:pt>
                <c:pt idx="1104">
                  <c:v>39869</c:v>
                </c:pt>
                <c:pt idx="1105">
                  <c:v>39870</c:v>
                </c:pt>
                <c:pt idx="1106">
                  <c:v>39871</c:v>
                </c:pt>
                <c:pt idx="1107">
                  <c:v>39874</c:v>
                </c:pt>
                <c:pt idx="1108">
                  <c:v>39875</c:v>
                </c:pt>
                <c:pt idx="1109">
                  <c:v>39876</c:v>
                </c:pt>
                <c:pt idx="1110">
                  <c:v>39877</c:v>
                </c:pt>
                <c:pt idx="1111">
                  <c:v>39878</c:v>
                </c:pt>
                <c:pt idx="1112">
                  <c:v>39881</c:v>
                </c:pt>
                <c:pt idx="1113">
                  <c:v>39882</c:v>
                </c:pt>
                <c:pt idx="1114">
                  <c:v>39883</c:v>
                </c:pt>
                <c:pt idx="1115">
                  <c:v>39884</c:v>
                </c:pt>
                <c:pt idx="1116">
                  <c:v>39885</c:v>
                </c:pt>
                <c:pt idx="1117">
                  <c:v>39888</c:v>
                </c:pt>
                <c:pt idx="1118">
                  <c:v>39889</c:v>
                </c:pt>
                <c:pt idx="1119">
                  <c:v>39890</c:v>
                </c:pt>
                <c:pt idx="1120">
                  <c:v>39891</c:v>
                </c:pt>
                <c:pt idx="1121">
                  <c:v>39892</c:v>
                </c:pt>
                <c:pt idx="1122">
                  <c:v>39895</c:v>
                </c:pt>
                <c:pt idx="1123">
                  <c:v>39896</c:v>
                </c:pt>
                <c:pt idx="1124">
                  <c:v>39897</c:v>
                </c:pt>
                <c:pt idx="1125">
                  <c:v>39898</c:v>
                </c:pt>
                <c:pt idx="1126">
                  <c:v>39899</c:v>
                </c:pt>
                <c:pt idx="1127">
                  <c:v>39902</c:v>
                </c:pt>
                <c:pt idx="1128">
                  <c:v>39903</c:v>
                </c:pt>
                <c:pt idx="1129">
                  <c:v>39904</c:v>
                </c:pt>
                <c:pt idx="1130">
                  <c:v>39905</c:v>
                </c:pt>
                <c:pt idx="1131">
                  <c:v>39906</c:v>
                </c:pt>
                <c:pt idx="1132">
                  <c:v>39909</c:v>
                </c:pt>
                <c:pt idx="1133">
                  <c:v>39910</c:v>
                </c:pt>
                <c:pt idx="1134">
                  <c:v>39911</c:v>
                </c:pt>
                <c:pt idx="1135">
                  <c:v>39912</c:v>
                </c:pt>
                <c:pt idx="1136">
                  <c:v>39916</c:v>
                </c:pt>
                <c:pt idx="1137">
                  <c:v>39917</c:v>
                </c:pt>
                <c:pt idx="1138">
                  <c:v>39918</c:v>
                </c:pt>
                <c:pt idx="1139">
                  <c:v>39919</c:v>
                </c:pt>
                <c:pt idx="1140">
                  <c:v>39920</c:v>
                </c:pt>
                <c:pt idx="1141">
                  <c:v>39923</c:v>
                </c:pt>
                <c:pt idx="1142">
                  <c:v>39925</c:v>
                </c:pt>
                <c:pt idx="1143">
                  <c:v>39926</c:v>
                </c:pt>
                <c:pt idx="1144">
                  <c:v>39927</c:v>
                </c:pt>
                <c:pt idx="1145">
                  <c:v>39930</c:v>
                </c:pt>
                <c:pt idx="1146">
                  <c:v>39931</c:v>
                </c:pt>
                <c:pt idx="1147">
                  <c:v>39932</c:v>
                </c:pt>
                <c:pt idx="1148">
                  <c:v>39933</c:v>
                </c:pt>
                <c:pt idx="1149">
                  <c:v>39937</c:v>
                </c:pt>
                <c:pt idx="1150">
                  <c:v>39938</c:v>
                </c:pt>
                <c:pt idx="1151">
                  <c:v>39939</c:v>
                </c:pt>
                <c:pt idx="1152">
                  <c:v>39940</c:v>
                </c:pt>
                <c:pt idx="1153">
                  <c:v>39941</c:v>
                </c:pt>
                <c:pt idx="1154">
                  <c:v>39944</c:v>
                </c:pt>
                <c:pt idx="1155">
                  <c:v>39945</c:v>
                </c:pt>
                <c:pt idx="1156">
                  <c:v>39946</c:v>
                </c:pt>
                <c:pt idx="1157">
                  <c:v>39947</c:v>
                </c:pt>
                <c:pt idx="1158">
                  <c:v>39948</c:v>
                </c:pt>
                <c:pt idx="1159">
                  <c:v>39951</c:v>
                </c:pt>
                <c:pt idx="1160">
                  <c:v>39952</c:v>
                </c:pt>
                <c:pt idx="1161">
                  <c:v>39953</c:v>
                </c:pt>
                <c:pt idx="1162">
                  <c:v>39954</c:v>
                </c:pt>
                <c:pt idx="1163">
                  <c:v>39955</c:v>
                </c:pt>
                <c:pt idx="1164">
                  <c:v>39958</c:v>
                </c:pt>
                <c:pt idx="1165">
                  <c:v>39959</c:v>
                </c:pt>
                <c:pt idx="1166">
                  <c:v>39960</c:v>
                </c:pt>
                <c:pt idx="1167">
                  <c:v>39961</c:v>
                </c:pt>
                <c:pt idx="1168">
                  <c:v>39962</c:v>
                </c:pt>
                <c:pt idx="1169">
                  <c:v>39965</c:v>
                </c:pt>
                <c:pt idx="1170">
                  <c:v>39966</c:v>
                </c:pt>
                <c:pt idx="1171">
                  <c:v>39967</c:v>
                </c:pt>
                <c:pt idx="1172">
                  <c:v>39968</c:v>
                </c:pt>
                <c:pt idx="1173">
                  <c:v>39969</c:v>
                </c:pt>
                <c:pt idx="1174">
                  <c:v>39972</c:v>
                </c:pt>
                <c:pt idx="1175">
                  <c:v>39973</c:v>
                </c:pt>
                <c:pt idx="1176">
                  <c:v>39974</c:v>
                </c:pt>
                <c:pt idx="1177">
                  <c:v>39976</c:v>
                </c:pt>
                <c:pt idx="1178">
                  <c:v>39979</c:v>
                </c:pt>
                <c:pt idx="1179">
                  <c:v>39980</c:v>
                </c:pt>
                <c:pt idx="1180">
                  <c:v>39981</c:v>
                </c:pt>
                <c:pt idx="1181">
                  <c:v>39982</c:v>
                </c:pt>
                <c:pt idx="1182">
                  <c:v>39983</c:v>
                </c:pt>
                <c:pt idx="1183">
                  <c:v>39986</c:v>
                </c:pt>
                <c:pt idx="1184">
                  <c:v>39987</c:v>
                </c:pt>
                <c:pt idx="1185">
                  <c:v>39988</c:v>
                </c:pt>
                <c:pt idx="1186">
                  <c:v>39989</c:v>
                </c:pt>
                <c:pt idx="1187">
                  <c:v>39990</c:v>
                </c:pt>
                <c:pt idx="1188">
                  <c:v>39993</c:v>
                </c:pt>
                <c:pt idx="1189">
                  <c:v>39994</c:v>
                </c:pt>
                <c:pt idx="1190">
                  <c:v>39995</c:v>
                </c:pt>
                <c:pt idx="1191">
                  <c:v>39996</c:v>
                </c:pt>
                <c:pt idx="1192">
                  <c:v>39997</c:v>
                </c:pt>
                <c:pt idx="1193">
                  <c:v>40000</c:v>
                </c:pt>
                <c:pt idx="1194">
                  <c:v>40001</c:v>
                </c:pt>
                <c:pt idx="1195">
                  <c:v>40002</c:v>
                </c:pt>
                <c:pt idx="1196">
                  <c:v>40003</c:v>
                </c:pt>
                <c:pt idx="1197">
                  <c:v>40004</c:v>
                </c:pt>
                <c:pt idx="1198">
                  <c:v>40007</c:v>
                </c:pt>
                <c:pt idx="1199">
                  <c:v>40008</c:v>
                </c:pt>
                <c:pt idx="1200">
                  <c:v>40009</c:v>
                </c:pt>
                <c:pt idx="1201">
                  <c:v>40010</c:v>
                </c:pt>
                <c:pt idx="1202">
                  <c:v>40011</c:v>
                </c:pt>
                <c:pt idx="1203">
                  <c:v>40014</c:v>
                </c:pt>
                <c:pt idx="1204">
                  <c:v>40015</c:v>
                </c:pt>
                <c:pt idx="1205">
                  <c:v>40016</c:v>
                </c:pt>
                <c:pt idx="1206">
                  <c:v>40017</c:v>
                </c:pt>
                <c:pt idx="1207">
                  <c:v>40018</c:v>
                </c:pt>
                <c:pt idx="1208">
                  <c:v>40021</c:v>
                </c:pt>
                <c:pt idx="1209">
                  <c:v>40022</c:v>
                </c:pt>
                <c:pt idx="1210">
                  <c:v>40023</c:v>
                </c:pt>
                <c:pt idx="1211">
                  <c:v>40024</c:v>
                </c:pt>
                <c:pt idx="1212">
                  <c:v>40025</c:v>
                </c:pt>
                <c:pt idx="1213">
                  <c:v>40028</c:v>
                </c:pt>
                <c:pt idx="1214">
                  <c:v>40029</c:v>
                </c:pt>
                <c:pt idx="1215">
                  <c:v>40030</c:v>
                </c:pt>
                <c:pt idx="1216">
                  <c:v>40031</c:v>
                </c:pt>
                <c:pt idx="1217">
                  <c:v>40032</c:v>
                </c:pt>
                <c:pt idx="1218">
                  <c:v>40035</c:v>
                </c:pt>
                <c:pt idx="1219">
                  <c:v>40036</c:v>
                </c:pt>
                <c:pt idx="1220">
                  <c:v>40037</c:v>
                </c:pt>
                <c:pt idx="1221">
                  <c:v>40038</c:v>
                </c:pt>
                <c:pt idx="1222">
                  <c:v>40039</c:v>
                </c:pt>
                <c:pt idx="1223">
                  <c:v>40042</c:v>
                </c:pt>
                <c:pt idx="1224">
                  <c:v>40043</c:v>
                </c:pt>
                <c:pt idx="1225">
                  <c:v>40044</c:v>
                </c:pt>
                <c:pt idx="1226">
                  <c:v>40045</c:v>
                </c:pt>
                <c:pt idx="1227">
                  <c:v>40046</c:v>
                </c:pt>
                <c:pt idx="1228">
                  <c:v>40049</c:v>
                </c:pt>
                <c:pt idx="1229">
                  <c:v>40050</c:v>
                </c:pt>
                <c:pt idx="1230">
                  <c:v>40051</c:v>
                </c:pt>
                <c:pt idx="1231">
                  <c:v>40052</c:v>
                </c:pt>
                <c:pt idx="1232">
                  <c:v>40053</c:v>
                </c:pt>
                <c:pt idx="1233">
                  <c:v>40056</c:v>
                </c:pt>
                <c:pt idx="1234">
                  <c:v>40057</c:v>
                </c:pt>
                <c:pt idx="1235">
                  <c:v>40058</c:v>
                </c:pt>
                <c:pt idx="1236">
                  <c:v>40059</c:v>
                </c:pt>
                <c:pt idx="1237">
                  <c:v>40060</c:v>
                </c:pt>
                <c:pt idx="1238">
                  <c:v>40064</c:v>
                </c:pt>
                <c:pt idx="1239">
                  <c:v>40065</c:v>
                </c:pt>
                <c:pt idx="1240">
                  <c:v>40066</c:v>
                </c:pt>
                <c:pt idx="1241">
                  <c:v>40067</c:v>
                </c:pt>
                <c:pt idx="1242">
                  <c:v>40070</c:v>
                </c:pt>
                <c:pt idx="1243">
                  <c:v>40071</c:v>
                </c:pt>
                <c:pt idx="1244">
                  <c:v>40072</c:v>
                </c:pt>
                <c:pt idx="1245">
                  <c:v>40073</c:v>
                </c:pt>
                <c:pt idx="1246">
                  <c:v>40074</c:v>
                </c:pt>
                <c:pt idx="1247">
                  <c:v>40077</c:v>
                </c:pt>
                <c:pt idx="1248">
                  <c:v>40078</c:v>
                </c:pt>
                <c:pt idx="1249">
                  <c:v>40079</c:v>
                </c:pt>
                <c:pt idx="1250">
                  <c:v>40080</c:v>
                </c:pt>
                <c:pt idx="1251">
                  <c:v>40081</c:v>
                </c:pt>
                <c:pt idx="1252">
                  <c:v>40084</c:v>
                </c:pt>
                <c:pt idx="1253">
                  <c:v>40085</c:v>
                </c:pt>
                <c:pt idx="1254">
                  <c:v>40086</c:v>
                </c:pt>
                <c:pt idx="1255">
                  <c:v>40087</c:v>
                </c:pt>
                <c:pt idx="1256">
                  <c:v>40088</c:v>
                </c:pt>
                <c:pt idx="1257">
                  <c:v>40091</c:v>
                </c:pt>
                <c:pt idx="1258">
                  <c:v>40092</c:v>
                </c:pt>
                <c:pt idx="1259">
                  <c:v>40093</c:v>
                </c:pt>
                <c:pt idx="1260">
                  <c:v>40094</c:v>
                </c:pt>
                <c:pt idx="1261">
                  <c:v>40095</c:v>
                </c:pt>
                <c:pt idx="1262">
                  <c:v>40099</c:v>
                </c:pt>
                <c:pt idx="1263">
                  <c:v>40100</c:v>
                </c:pt>
                <c:pt idx="1264">
                  <c:v>40101</c:v>
                </c:pt>
                <c:pt idx="1265">
                  <c:v>40102</c:v>
                </c:pt>
                <c:pt idx="1266">
                  <c:v>40105</c:v>
                </c:pt>
                <c:pt idx="1267">
                  <c:v>40106</c:v>
                </c:pt>
                <c:pt idx="1268">
                  <c:v>40107</c:v>
                </c:pt>
                <c:pt idx="1269">
                  <c:v>40108</c:v>
                </c:pt>
                <c:pt idx="1270">
                  <c:v>40109</c:v>
                </c:pt>
                <c:pt idx="1271">
                  <c:v>40112</c:v>
                </c:pt>
                <c:pt idx="1272">
                  <c:v>40113</c:v>
                </c:pt>
                <c:pt idx="1273">
                  <c:v>40114</c:v>
                </c:pt>
                <c:pt idx="1274">
                  <c:v>40115</c:v>
                </c:pt>
                <c:pt idx="1275">
                  <c:v>40116</c:v>
                </c:pt>
                <c:pt idx="1276">
                  <c:v>40120</c:v>
                </c:pt>
                <c:pt idx="1277">
                  <c:v>40121</c:v>
                </c:pt>
                <c:pt idx="1278">
                  <c:v>40122</c:v>
                </c:pt>
                <c:pt idx="1279">
                  <c:v>40123</c:v>
                </c:pt>
                <c:pt idx="1280">
                  <c:v>40126</c:v>
                </c:pt>
                <c:pt idx="1281">
                  <c:v>40127</c:v>
                </c:pt>
                <c:pt idx="1282">
                  <c:v>40128</c:v>
                </c:pt>
                <c:pt idx="1283">
                  <c:v>40129</c:v>
                </c:pt>
                <c:pt idx="1284">
                  <c:v>40130</c:v>
                </c:pt>
                <c:pt idx="1285">
                  <c:v>40133</c:v>
                </c:pt>
                <c:pt idx="1286">
                  <c:v>40134</c:v>
                </c:pt>
                <c:pt idx="1287">
                  <c:v>40135</c:v>
                </c:pt>
                <c:pt idx="1288">
                  <c:v>40136</c:v>
                </c:pt>
                <c:pt idx="1289">
                  <c:v>40137</c:v>
                </c:pt>
                <c:pt idx="1290">
                  <c:v>40140</c:v>
                </c:pt>
                <c:pt idx="1291">
                  <c:v>40141</c:v>
                </c:pt>
                <c:pt idx="1292">
                  <c:v>40142</c:v>
                </c:pt>
                <c:pt idx="1293">
                  <c:v>40143</c:v>
                </c:pt>
                <c:pt idx="1294">
                  <c:v>40144</c:v>
                </c:pt>
                <c:pt idx="1295">
                  <c:v>40147</c:v>
                </c:pt>
                <c:pt idx="1296">
                  <c:v>40148</c:v>
                </c:pt>
                <c:pt idx="1297">
                  <c:v>40149</c:v>
                </c:pt>
                <c:pt idx="1298">
                  <c:v>40150</c:v>
                </c:pt>
                <c:pt idx="1299">
                  <c:v>40151</c:v>
                </c:pt>
                <c:pt idx="1300">
                  <c:v>40154</c:v>
                </c:pt>
                <c:pt idx="1301">
                  <c:v>40155</c:v>
                </c:pt>
                <c:pt idx="1302">
                  <c:v>40156</c:v>
                </c:pt>
                <c:pt idx="1303">
                  <c:v>40157</c:v>
                </c:pt>
                <c:pt idx="1304">
                  <c:v>40158</c:v>
                </c:pt>
                <c:pt idx="1305">
                  <c:v>40161</c:v>
                </c:pt>
                <c:pt idx="1306">
                  <c:v>40162</c:v>
                </c:pt>
                <c:pt idx="1307">
                  <c:v>40163</c:v>
                </c:pt>
                <c:pt idx="1308">
                  <c:v>40164</c:v>
                </c:pt>
                <c:pt idx="1309">
                  <c:v>40165</c:v>
                </c:pt>
                <c:pt idx="1310">
                  <c:v>40168</c:v>
                </c:pt>
                <c:pt idx="1311">
                  <c:v>40169</c:v>
                </c:pt>
                <c:pt idx="1312">
                  <c:v>40170</c:v>
                </c:pt>
                <c:pt idx="1313">
                  <c:v>40171</c:v>
                </c:pt>
                <c:pt idx="1314">
                  <c:v>40175</c:v>
                </c:pt>
                <c:pt idx="1315">
                  <c:v>40176</c:v>
                </c:pt>
                <c:pt idx="1316">
                  <c:v>40177</c:v>
                </c:pt>
                <c:pt idx="1317">
                  <c:v>40178</c:v>
                </c:pt>
                <c:pt idx="1318">
                  <c:v>40182</c:v>
                </c:pt>
                <c:pt idx="1319">
                  <c:v>40183</c:v>
                </c:pt>
                <c:pt idx="1320">
                  <c:v>40184</c:v>
                </c:pt>
                <c:pt idx="1321">
                  <c:v>40185</c:v>
                </c:pt>
                <c:pt idx="1322">
                  <c:v>40186</c:v>
                </c:pt>
                <c:pt idx="1323">
                  <c:v>40189</c:v>
                </c:pt>
                <c:pt idx="1324">
                  <c:v>40190</c:v>
                </c:pt>
                <c:pt idx="1325">
                  <c:v>40191</c:v>
                </c:pt>
                <c:pt idx="1326">
                  <c:v>40192</c:v>
                </c:pt>
                <c:pt idx="1327">
                  <c:v>40193</c:v>
                </c:pt>
                <c:pt idx="1328">
                  <c:v>40196</c:v>
                </c:pt>
                <c:pt idx="1329">
                  <c:v>40197</c:v>
                </c:pt>
                <c:pt idx="1330">
                  <c:v>40198</c:v>
                </c:pt>
                <c:pt idx="1331">
                  <c:v>40199</c:v>
                </c:pt>
                <c:pt idx="1332">
                  <c:v>40200</c:v>
                </c:pt>
                <c:pt idx="1333">
                  <c:v>40203</c:v>
                </c:pt>
                <c:pt idx="1334">
                  <c:v>40204</c:v>
                </c:pt>
                <c:pt idx="1335">
                  <c:v>40205</c:v>
                </c:pt>
                <c:pt idx="1336">
                  <c:v>40206</c:v>
                </c:pt>
                <c:pt idx="1337">
                  <c:v>40207</c:v>
                </c:pt>
                <c:pt idx="1338">
                  <c:v>40210</c:v>
                </c:pt>
                <c:pt idx="1339">
                  <c:v>40211</c:v>
                </c:pt>
                <c:pt idx="1340">
                  <c:v>40212</c:v>
                </c:pt>
                <c:pt idx="1341">
                  <c:v>40213</c:v>
                </c:pt>
                <c:pt idx="1342">
                  <c:v>40214</c:v>
                </c:pt>
                <c:pt idx="1343">
                  <c:v>40217</c:v>
                </c:pt>
                <c:pt idx="1344">
                  <c:v>40218</c:v>
                </c:pt>
                <c:pt idx="1345">
                  <c:v>40219</c:v>
                </c:pt>
                <c:pt idx="1346">
                  <c:v>40220</c:v>
                </c:pt>
                <c:pt idx="1347">
                  <c:v>40221</c:v>
                </c:pt>
                <c:pt idx="1348">
                  <c:v>40226</c:v>
                </c:pt>
                <c:pt idx="1349">
                  <c:v>40227</c:v>
                </c:pt>
                <c:pt idx="1350">
                  <c:v>40228</c:v>
                </c:pt>
                <c:pt idx="1351">
                  <c:v>40231</c:v>
                </c:pt>
                <c:pt idx="1352">
                  <c:v>40232</c:v>
                </c:pt>
                <c:pt idx="1353">
                  <c:v>40233</c:v>
                </c:pt>
                <c:pt idx="1354">
                  <c:v>40234</c:v>
                </c:pt>
                <c:pt idx="1355">
                  <c:v>40235</c:v>
                </c:pt>
                <c:pt idx="1356">
                  <c:v>40238</c:v>
                </c:pt>
                <c:pt idx="1357">
                  <c:v>40239</c:v>
                </c:pt>
                <c:pt idx="1358">
                  <c:v>40240</c:v>
                </c:pt>
                <c:pt idx="1359">
                  <c:v>40241</c:v>
                </c:pt>
                <c:pt idx="1360">
                  <c:v>40242</c:v>
                </c:pt>
                <c:pt idx="1361">
                  <c:v>40245</c:v>
                </c:pt>
                <c:pt idx="1362">
                  <c:v>40246</c:v>
                </c:pt>
                <c:pt idx="1363">
                  <c:v>40247</c:v>
                </c:pt>
                <c:pt idx="1364">
                  <c:v>40248</c:v>
                </c:pt>
                <c:pt idx="1365">
                  <c:v>40249</c:v>
                </c:pt>
                <c:pt idx="1366">
                  <c:v>40252</c:v>
                </c:pt>
                <c:pt idx="1367">
                  <c:v>40253</c:v>
                </c:pt>
                <c:pt idx="1368">
                  <c:v>40254</c:v>
                </c:pt>
                <c:pt idx="1369">
                  <c:v>40255</c:v>
                </c:pt>
                <c:pt idx="1370">
                  <c:v>40256</c:v>
                </c:pt>
                <c:pt idx="1371">
                  <c:v>40259</c:v>
                </c:pt>
                <c:pt idx="1372">
                  <c:v>40260</c:v>
                </c:pt>
                <c:pt idx="1373">
                  <c:v>40261</c:v>
                </c:pt>
                <c:pt idx="1374">
                  <c:v>40262</c:v>
                </c:pt>
                <c:pt idx="1375">
                  <c:v>40263</c:v>
                </c:pt>
                <c:pt idx="1376">
                  <c:v>40266</c:v>
                </c:pt>
                <c:pt idx="1377">
                  <c:v>40267</c:v>
                </c:pt>
                <c:pt idx="1378">
                  <c:v>40268</c:v>
                </c:pt>
                <c:pt idx="1379">
                  <c:v>40269</c:v>
                </c:pt>
                <c:pt idx="1380">
                  <c:v>40273</c:v>
                </c:pt>
                <c:pt idx="1381">
                  <c:v>40274</c:v>
                </c:pt>
                <c:pt idx="1382">
                  <c:v>40275</c:v>
                </c:pt>
                <c:pt idx="1383">
                  <c:v>40276</c:v>
                </c:pt>
                <c:pt idx="1384">
                  <c:v>40277</c:v>
                </c:pt>
                <c:pt idx="1385">
                  <c:v>40280</c:v>
                </c:pt>
                <c:pt idx="1386">
                  <c:v>40281</c:v>
                </c:pt>
                <c:pt idx="1387">
                  <c:v>40282</c:v>
                </c:pt>
                <c:pt idx="1388">
                  <c:v>40283</c:v>
                </c:pt>
                <c:pt idx="1389">
                  <c:v>40284</c:v>
                </c:pt>
                <c:pt idx="1390">
                  <c:v>40287</c:v>
                </c:pt>
                <c:pt idx="1391">
                  <c:v>40288</c:v>
                </c:pt>
                <c:pt idx="1392">
                  <c:v>40290</c:v>
                </c:pt>
                <c:pt idx="1393">
                  <c:v>40291</c:v>
                </c:pt>
                <c:pt idx="1394">
                  <c:v>40294</c:v>
                </c:pt>
                <c:pt idx="1395">
                  <c:v>40295</c:v>
                </c:pt>
                <c:pt idx="1396">
                  <c:v>40296</c:v>
                </c:pt>
                <c:pt idx="1397">
                  <c:v>40297</c:v>
                </c:pt>
                <c:pt idx="1398">
                  <c:v>40298</c:v>
                </c:pt>
                <c:pt idx="1399">
                  <c:v>40301</c:v>
                </c:pt>
                <c:pt idx="1400">
                  <c:v>40302</c:v>
                </c:pt>
                <c:pt idx="1401">
                  <c:v>40303</c:v>
                </c:pt>
                <c:pt idx="1402">
                  <c:v>40304</c:v>
                </c:pt>
                <c:pt idx="1403">
                  <c:v>40305</c:v>
                </c:pt>
                <c:pt idx="1404">
                  <c:v>40308</c:v>
                </c:pt>
                <c:pt idx="1405">
                  <c:v>40309</c:v>
                </c:pt>
                <c:pt idx="1406">
                  <c:v>40310</c:v>
                </c:pt>
                <c:pt idx="1407">
                  <c:v>40311</c:v>
                </c:pt>
                <c:pt idx="1408">
                  <c:v>40312</c:v>
                </c:pt>
                <c:pt idx="1409">
                  <c:v>40315</c:v>
                </c:pt>
                <c:pt idx="1410">
                  <c:v>40316</c:v>
                </c:pt>
                <c:pt idx="1411">
                  <c:v>40317</c:v>
                </c:pt>
                <c:pt idx="1412">
                  <c:v>40318</c:v>
                </c:pt>
                <c:pt idx="1413">
                  <c:v>40319</c:v>
                </c:pt>
                <c:pt idx="1414">
                  <c:v>40322</c:v>
                </c:pt>
                <c:pt idx="1415">
                  <c:v>40323</c:v>
                </c:pt>
                <c:pt idx="1416">
                  <c:v>40324</c:v>
                </c:pt>
                <c:pt idx="1417">
                  <c:v>40325</c:v>
                </c:pt>
                <c:pt idx="1418">
                  <c:v>40326</c:v>
                </c:pt>
                <c:pt idx="1419">
                  <c:v>40329</c:v>
                </c:pt>
                <c:pt idx="1420">
                  <c:v>40330</c:v>
                </c:pt>
                <c:pt idx="1421">
                  <c:v>40331</c:v>
                </c:pt>
                <c:pt idx="1422">
                  <c:v>40333</c:v>
                </c:pt>
                <c:pt idx="1423">
                  <c:v>40336</c:v>
                </c:pt>
                <c:pt idx="1424">
                  <c:v>40337</c:v>
                </c:pt>
                <c:pt idx="1425">
                  <c:v>40338</c:v>
                </c:pt>
                <c:pt idx="1426">
                  <c:v>40339</c:v>
                </c:pt>
                <c:pt idx="1427">
                  <c:v>40340</c:v>
                </c:pt>
                <c:pt idx="1428">
                  <c:v>40343</c:v>
                </c:pt>
                <c:pt idx="1429">
                  <c:v>40344</c:v>
                </c:pt>
                <c:pt idx="1430">
                  <c:v>40345</c:v>
                </c:pt>
                <c:pt idx="1431">
                  <c:v>40346</c:v>
                </c:pt>
                <c:pt idx="1432">
                  <c:v>40347</c:v>
                </c:pt>
                <c:pt idx="1433">
                  <c:v>40350</c:v>
                </c:pt>
                <c:pt idx="1434">
                  <c:v>40351</c:v>
                </c:pt>
                <c:pt idx="1435">
                  <c:v>40352</c:v>
                </c:pt>
                <c:pt idx="1436">
                  <c:v>40353</c:v>
                </c:pt>
                <c:pt idx="1437">
                  <c:v>40354</c:v>
                </c:pt>
                <c:pt idx="1438">
                  <c:v>40357</c:v>
                </c:pt>
                <c:pt idx="1439">
                  <c:v>40358</c:v>
                </c:pt>
                <c:pt idx="1440">
                  <c:v>40359</c:v>
                </c:pt>
                <c:pt idx="1441">
                  <c:v>40360</c:v>
                </c:pt>
                <c:pt idx="1442">
                  <c:v>40361</c:v>
                </c:pt>
                <c:pt idx="1443">
                  <c:v>40364</c:v>
                </c:pt>
                <c:pt idx="1444">
                  <c:v>40365</c:v>
                </c:pt>
                <c:pt idx="1445">
                  <c:v>40366</c:v>
                </c:pt>
                <c:pt idx="1446">
                  <c:v>40367</c:v>
                </c:pt>
                <c:pt idx="1447">
                  <c:v>40368</c:v>
                </c:pt>
                <c:pt idx="1448">
                  <c:v>40371</c:v>
                </c:pt>
                <c:pt idx="1449">
                  <c:v>40372</c:v>
                </c:pt>
                <c:pt idx="1450">
                  <c:v>40373</c:v>
                </c:pt>
                <c:pt idx="1451">
                  <c:v>40374</c:v>
                </c:pt>
                <c:pt idx="1452">
                  <c:v>40375</c:v>
                </c:pt>
                <c:pt idx="1453">
                  <c:v>40378</c:v>
                </c:pt>
                <c:pt idx="1454">
                  <c:v>40379</c:v>
                </c:pt>
                <c:pt idx="1455">
                  <c:v>40380</c:v>
                </c:pt>
                <c:pt idx="1456">
                  <c:v>40381</c:v>
                </c:pt>
                <c:pt idx="1457">
                  <c:v>40382</c:v>
                </c:pt>
                <c:pt idx="1458">
                  <c:v>40385</c:v>
                </c:pt>
                <c:pt idx="1459">
                  <c:v>40386</c:v>
                </c:pt>
                <c:pt idx="1460">
                  <c:v>40387</c:v>
                </c:pt>
                <c:pt idx="1461">
                  <c:v>40388</c:v>
                </c:pt>
                <c:pt idx="1462">
                  <c:v>40389</c:v>
                </c:pt>
                <c:pt idx="1463">
                  <c:v>40392</c:v>
                </c:pt>
                <c:pt idx="1464">
                  <c:v>40393</c:v>
                </c:pt>
                <c:pt idx="1465">
                  <c:v>40394</c:v>
                </c:pt>
                <c:pt idx="1466">
                  <c:v>40395</c:v>
                </c:pt>
                <c:pt idx="1467">
                  <c:v>40396</c:v>
                </c:pt>
                <c:pt idx="1468">
                  <c:v>40399</c:v>
                </c:pt>
                <c:pt idx="1469">
                  <c:v>40400</c:v>
                </c:pt>
                <c:pt idx="1470">
                  <c:v>40401</c:v>
                </c:pt>
                <c:pt idx="1471">
                  <c:v>40402</c:v>
                </c:pt>
                <c:pt idx="1472">
                  <c:v>40403</c:v>
                </c:pt>
                <c:pt idx="1473">
                  <c:v>40406</c:v>
                </c:pt>
                <c:pt idx="1474">
                  <c:v>40407</c:v>
                </c:pt>
                <c:pt idx="1475">
                  <c:v>40408</c:v>
                </c:pt>
                <c:pt idx="1476">
                  <c:v>40409</c:v>
                </c:pt>
                <c:pt idx="1477">
                  <c:v>40410</c:v>
                </c:pt>
                <c:pt idx="1478">
                  <c:v>40413</c:v>
                </c:pt>
                <c:pt idx="1479">
                  <c:v>40414</c:v>
                </c:pt>
                <c:pt idx="1480">
                  <c:v>40415</c:v>
                </c:pt>
                <c:pt idx="1481">
                  <c:v>40416</c:v>
                </c:pt>
                <c:pt idx="1482">
                  <c:v>40417</c:v>
                </c:pt>
                <c:pt idx="1483">
                  <c:v>40420</c:v>
                </c:pt>
                <c:pt idx="1484">
                  <c:v>40421</c:v>
                </c:pt>
                <c:pt idx="1485">
                  <c:v>40422</c:v>
                </c:pt>
                <c:pt idx="1486">
                  <c:v>40423</c:v>
                </c:pt>
                <c:pt idx="1487">
                  <c:v>40424</c:v>
                </c:pt>
                <c:pt idx="1488">
                  <c:v>40427</c:v>
                </c:pt>
                <c:pt idx="1489">
                  <c:v>40429</c:v>
                </c:pt>
                <c:pt idx="1490">
                  <c:v>40430</c:v>
                </c:pt>
                <c:pt idx="1491">
                  <c:v>40431</c:v>
                </c:pt>
                <c:pt idx="1492">
                  <c:v>40434</c:v>
                </c:pt>
                <c:pt idx="1493">
                  <c:v>40435</c:v>
                </c:pt>
                <c:pt idx="1494">
                  <c:v>40436</c:v>
                </c:pt>
                <c:pt idx="1495">
                  <c:v>40437</c:v>
                </c:pt>
                <c:pt idx="1496">
                  <c:v>40438</c:v>
                </c:pt>
                <c:pt idx="1497">
                  <c:v>40441</c:v>
                </c:pt>
                <c:pt idx="1498">
                  <c:v>40442</c:v>
                </c:pt>
                <c:pt idx="1499">
                  <c:v>40443</c:v>
                </c:pt>
                <c:pt idx="1500">
                  <c:v>40444</c:v>
                </c:pt>
                <c:pt idx="1501">
                  <c:v>40445</c:v>
                </c:pt>
                <c:pt idx="1502">
                  <c:v>40448</c:v>
                </c:pt>
                <c:pt idx="1503">
                  <c:v>40449</c:v>
                </c:pt>
                <c:pt idx="1504">
                  <c:v>40450</c:v>
                </c:pt>
                <c:pt idx="1505">
                  <c:v>40451</c:v>
                </c:pt>
                <c:pt idx="1506">
                  <c:v>40452</c:v>
                </c:pt>
                <c:pt idx="1507">
                  <c:v>40455</c:v>
                </c:pt>
                <c:pt idx="1508">
                  <c:v>40456</c:v>
                </c:pt>
                <c:pt idx="1509">
                  <c:v>40457</c:v>
                </c:pt>
                <c:pt idx="1510">
                  <c:v>40458</c:v>
                </c:pt>
                <c:pt idx="1511">
                  <c:v>40459</c:v>
                </c:pt>
                <c:pt idx="1512">
                  <c:v>40462</c:v>
                </c:pt>
                <c:pt idx="1513">
                  <c:v>40464</c:v>
                </c:pt>
                <c:pt idx="1514">
                  <c:v>40465</c:v>
                </c:pt>
                <c:pt idx="1515">
                  <c:v>40466</c:v>
                </c:pt>
                <c:pt idx="1516">
                  <c:v>40469</c:v>
                </c:pt>
                <c:pt idx="1517">
                  <c:v>40470</c:v>
                </c:pt>
                <c:pt idx="1518">
                  <c:v>40471</c:v>
                </c:pt>
                <c:pt idx="1519">
                  <c:v>40472</c:v>
                </c:pt>
                <c:pt idx="1520">
                  <c:v>40473</c:v>
                </c:pt>
                <c:pt idx="1521">
                  <c:v>40476</c:v>
                </c:pt>
                <c:pt idx="1522">
                  <c:v>40477</c:v>
                </c:pt>
                <c:pt idx="1523">
                  <c:v>40478</c:v>
                </c:pt>
                <c:pt idx="1524">
                  <c:v>40479</c:v>
                </c:pt>
                <c:pt idx="1525">
                  <c:v>40480</c:v>
                </c:pt>
                <c:pt idx="1526">
                  <c:v>40483</c:v>
                </c:pt>
                <c:pt idx="1527">
                  <c:v>40485</c:v>
                </c:pt>
                <c:pt idx="1528">
                  <c:v>40486</c:v>
                </c:pt>
                <c:pt idx="1529">
                  <c:v>40487</c:v>
                </c:pt>
                <c:pt idx="1530">
                  <c:v>40490</c:v>
                </c:pt>
                <c:pt idx="1531">
                  <c:v>40491</c:v>
                </c:pt>
                <c:pt idx="1532">
                  <c:v>40492</c:v>
                </c:pt>
                <c:pt idx="1533">
                  <c:v>40493</c:v>
                </c:pt>
                <c:pt idx="1534">
                  <c:v>40494</c:v>
                </c:pt>
                <c:pt idx="1535">
                  <c:v>40498</c:v>
                </c:pt>
                <c:pt idx="1536">
                  <c:v>40499</c:v>
                </c:pt>
                <c:pt idx="1537">
                  <c:v>40500</c:v>
                </c:pt>
                <c:pt idx="1538">
                  <c:v>40501</c:v>
                </c:pt>
                <c:pt idx="1539">
                  <c:v>40504</c:v>
                </c:pt>
                <c:pt idx="1540">
                  <c:v>40505</c:v>
                </c:pt>
                <c:pt idx="1541">
                  <c:v>40506</c:v>
                </c:pt>
                <c:pt idx="1542">
                  <c:v>40507</c:v>
                </c:pt>
                <c:pt idx="1543">
                  <c:v>40508</c:v>
                </c:pt>
                <c:pt idx="1544">
                  <c:v>40511</c:v>
                </c:pt>
                <c:pt idx="1545">
                  <c:v>40512</c:v>
                </c:pt>
                <c:pt idx="1546">
                  <c:v>40513</c:v>
                </c:pt>
                <c:pt idx="1547">
                  <c:v>40514</c:v>
                </c:pt>
                <c:pt idx="1548">
                  <c:v>40515</c:v>
                </c:pt>
                <c:pt idx="1549">
                  <c:v>40518</c:v>
                </c:pt>
                <c:pt idx="1550">
                  <c:v>40519</c:v>
                </c:pt>
                <c:pt idx="1551">
                  <c:v>40520</c:v>
                </c:pt>
                <c:pt idx="1552">
                  <c:v>40521</c:v>
                </c:pt>
                <c:pt idx="1553">
                  <c:v>40522</c:v>
                </c:pt>
                <c:pt idx="1554">
                  <c:v>40525</c:v>
                </c:pt>
                <c:pt idx="1555">
                  <c:v>40526</c:v>
                </c:pt>
                <c:pt idx="1556">
                  <c:v>40527</c:v>
                </c:pt>
                <c:pt idx="1557">
                  <c:v>40528</c:v>
                </c:pt>
                <c:pt idx="1558">
                  <c:v>40529</c:v>
                </c:pt>
                <c:pt idx="1559">
                  <c:v>40532</c:v>
                </c:pt>
                <c:pt idx="1560">
                  <c:v>40533</c:v>
                </c:pt>
                <c:pt idx="1561">
                  <c:v>40534</c:v>
                </c:pt>
                <c:pt idx="1562">
                  <c:v>40535</c:v>
                </c:pt>
                <c:pt idx="1563">
                  <c:v>40536</c:v>
                </c:pt>
                <c:pt idx="1564">
                  <c:v>40539</c:v>
                </c:pt>
                <c:pt idx="1565">
                  <c:v>40540</c:v>
                </c:pt>
                <c:pt idx="1566">
                  <c:v>40541</c:v>
                </c:pt>
                <c:pt idx="1567">
                  <c:v>40542</c:v>
                </c:pt>
                <c:pt idx="1568">
                  <c:v>40543</c:v>
                </c:pt>
                <c:pt idx="1569">
                  <c:v>40546</c:v>
                </c:pt>
                <c:pt idx="1570">
                  <c:v>40547</c:v>
                </c:pt>
                <c:pt idx="1571">
                  <c:v>40548</c:v>
                </c:pt>
                <c:pt idx="1572">
                  <c:v>40549</c:v>
                </c:pt>
                <c:pt idx="1573">
                  <c:v>40550</c:v>
                </c:pt>
                <c:pt idx="1574">
                  <c:v>40553</c:v>
                </c:pt>
                <c:pt idx="1575">
                  <c:v>40554</c:v>
                </c:pt>
                <c:pt idx="1576">
                  <c:v>40555</c:v>
                </c:pt>
                <c:pt idx="1577">
                  <c:v>40556</c:v>
                </c:pt>
                <c:pt idx="1578">
                  <c:v>40557</c:v>
                </c:pt>
                <c:pt idx="1579">
                  <c:v>40560</c:v>
                </c:pt>
                <c:pt idx="1580">
                  <c:v>40561</c:v>
                </c:pt>
                <c:pt idx="1581">
                  <c:v>40562</c:v>
                </c:pt>
                <c:pt idx="1582">
                  <c:v>40563</c:v>
                </c:pt>
                <c:pt idx="1583">
                  <c:v>40564</c:v>
                </c:pt>
                <c:pt idx="1584">
                  <c:v>40567</c:v>
                </c:pt>
                <c:pt idx="1585">
                  <c:v>40568</c:v>
                </c:pt>
                <c:pt idx="1586">
                  <c:v>40569</c:v>
                </c:pt>
                <c:pt idx="1587">
                  <c:v>40570</c:v>
                </c:pt>
                <c:pt idx="1588">
                  <c:v>40571</c:v>
                </c:pt>
                <c:pt idx="1589">
                  <c:v>40574</c:v>
                </c:pt>
                <c:pt idx="1590">
                  <c:v>40575</c:v>
                </c:pt>
                <c:pt idx="1591">
                  <c:v>40576</c:v>
                </c:pt>
                <c:pt idx="1592">
                  <c:v>40577</c:v>
                </c:pt>
                <c:pt idx="1593">
                  <c:v>40578</c:v>
                </c:pt>
                <c:pt idx="1594">
                  <c:v>40581</c:v>
                </c:pt>
                <c:pt idx="1595">
                  <c:v>40582</c:v>
                </c:pt>
                <c:pt idx="1596">
                  <c:v>40583</c:v>
                </c:pt>
                <c:pt idx="1597">
                  <c:v>40584</c:v>
                </c:pt>
                <c:pt idx="1598">
                  <c:v>40585</c:v>
                </c:pt>
                <c:pt idx="1599">
                  <c:v>40588</c:v>
                </c:pt>
                <c:pt idx="1600">
                  <c:v>40589</c:v>
                </c:pt>
                <c:pt idx="1601">
                  <c:v>40590</c:v>
                </c:pt>
                <c:pt idx="1602">
                  <c:v>40591</c:v>
                </c:pt>
                <c:pt idx="1603">
                  <c:v>40592</c:v>
                </c:pt>
                <c:pt idx="1604">
                  <c:v>40595</c:v>
                </c:pt>
                <c:pt idx="1605">
                  <c:v>40596</c:v>
                </c:pt>
                <c:pt idx="1606">
                  <c:v>40597</c:v>
                </c:pt>
                <c:pt idx="1607">
                  <c:v>40598</c:v>
                </c:pt>
                <c:pt idx="1608">
                  <c:v>40599</c:v>
                </c:pt>
                <c:pt idx="1609">
                  <c:v>40602</c:v>
                </c:pt>
                <c:pt idx="1610">
                  <c:v>40603</c:v>
                </c:pt>
                <c:pt idx="1611">
                  <c:v>40604</c:v>
                </c:pt>
                <c:pt idx="1612">
                  <c:v>40605</c:v>
                </c:pt>
                <c:pt idx="1613">
                  <c:v>40606</c:v>
                </c:pt>
                <c:pt idx="1614">
                  <c:v>40611</c:v>
                </c:pt>
                <c:pt idx="1615">
                  <c:v>40612</c:v>
                </c:pt>
                <c:pt idx="1616">
                  <c:v>40613</c:v>
                </c:pt>
                <c:pt idx="1617">
                  <c:v>40616</c:v>
                </c:pt>
                <c:pt idx="1618">
                  <c:v>40617</c:v>
                </c:pt>
                <c:pt idx="1619">
                  <c:v>40618</c:v>
                </c:pt>
                <c:pt idx="1620">
                  <c:v>40619</c:v>
                </c:pt>
                <c:pt idx="1621">
                  <c:v>40620</c:v>
                </c:pt>
                <c:pt idx="1622">
                  <c:v>40623</c:v>
                </c:pt>
                <c:pt idx="1623">
                  <c:v>40624</c:v>
                </c:pt>
                <c:pt idx="1624">
                  <c:v>40625</c:v>
                </c:pt>
                <c:pt idx="1625">
                  <c:v>40626</c:v>
                </c:pt>
                <c:pt idx="1626">
                  <c:v>40627</c:v>
                </c:pt>
                <c:pt idx="1627">
                  <c:v>40630</c:v>
                </c:pt>
                <c:pt idx="1628">
                  <c:v>40631</c:v>
                </c:pt>
                <c:pt idx="1629">
                  <c:v>40632</c:v>
                </c:pt>
                <c:pt idx="1630">
                  <c:v>40633</c:v>
                </c:pt>
                <c:pt idx="1631">
                  <c:v>40634</c:v>
                </c:pt>
                <c:pt idx="1632">
                  <c:v>40637</c:v>
                </c:pt>
                <c:pt idx="1633">
                  <c:v>40638</c:v>
                </c:pt>
                <c:pt idx="1634">
                  <c:v>40639</c:v>
                </c:pt>
                <c:pt idx="1635">
                  <c:v>40640</c:v>
                </c:pt>
                <c:pt idx="1636">
                  <c:v>40641</c:v>
                </c:pt>
                <c:pt idx="1637">
                  <c:v>40644</c:v>
                </c:pt>
                <c:pt idx="1638">
                  <c:v>40645</c:v>
                </c:pt>
                <c:pt idx="1639">
                  <c:v>40646</c:v>
                </c:pt>
                <c:pt idx="1640">
                  <c:v>40647</c:v>
                </c:pt>
                <c:pt idx="1641">
                  <c:v>40648</c:v>
                </c:pt>
                <c:pt idx="1642">
                  <c:v>40651</c:v>
                </c:pt>
                <c:pt idx="1643">
                  <c:v>40652</c:v>
                </c:pt>
                <c:pt idx="1644">
                  <c:v>40653</c:v>
                </c:pt>
                <c:pt idx="1645">
                  <c:v>40658</c:v>
                </c:pt>
                <c:pt idx="1646">
                  <c:v>40659</c:v>
                </c:pt>
                <c:pt idx="1647">
                  <c:v>40660</c:v>
                </c:pt>
                <c:pt idx="1648">
                  <c:v>40661</c:v>
                </c:pt>
                <c:pt idx="1649">
                  <c:v>40662</c:v>
                </c:pt>
                <c:pt idx="1650">
                  <c:v>40665</c:v>
                </c:pt>
                <c:pt idx="1651">
                  <c:v>40666</c:v>
                </c:pt>
                <c:pt idx="1652">
                  <c:v>40667</c:v>
                </c:pt>
                <c:pt idx="1653">
                  <c:v>40668</c:v>
                </c:pt>
                <c:pt idx="1654">
                  <c:v>40669</c:v>
                </c:pt>
                <c:pt idx="1655">
                  <c:v>40672</c:v>
                </c:pt>
                <c:pt idx="1656">
                  <c:v>40673</c:v>
                </c:pt>
                <c:pt idx="1657">
                  <c:v>40674</c:v>
                </c:pt>
                <c:pt idx="1658">
                  <c:v>40675</c:v>
                </c:pt>
                <c:pt idx="1659">
                  <c:v>40676</c:v>
                </c:pt>
                <c:pt idx="1660">
                  <c:v>40679</c:v>
                </c:pt>
                <c:pt idx="1661">
                  <c:v>40680</c:v>
                </c:pt>
                <c:pt idx="1662">
                  <c:v>40681</c:v>
                </c:pt>
                <c:pt idx="1663">
                  <c:v>40682</c:v>
                </c:pt>
                <c:pt idx="1664">
                  <c:v>40683</c:v>
                </c:pt>
                <c:pt idx="1665">
                  <c:v>40686</c:v>
                </c:pt>
                <c:pt idx="1666">
                  <c:v>40687</c:v>
                </c:pt>
                <c:pt idx="1667">
                  <c:v>40688</c:v>
                </c:pt>
                <c:pt idx="1668">
                  <c:v>40689</c:v>
                </c:pt>
                <c:pt idx="1669">
                  <c:v>40690</c:v>
                </c:pt>
                <c:pt idx="1670">
                  <c:v>40693</c:v>
                </c:pt>
                <c:pt idx="1671">
                  <c:v>40694</c:v>
                </c:pt>
                <c:pt idx="1672">
                  <c:v>40695</c:v>
                </c:pt>
                <c:pt idx="1673">
                  <c:v>40696</c:v>
                </c:pt>
                <c:pt idx="1674">
                  <c:v>40697</c:v>
                </c:pt>
                <c:pt idx="1675">
                  <c:v>40700</c:v>
                </c:pt>
                <c:pt idx="1676">
                  <c:v>40701</c:v>
                </c:pt>
                <c:pt idx="1677">
                  <c:v>40702</c:v>
                </c:pt>
                <c:pt idx="1678">
                  <c:v>40703</c:v>
                </c:pt>
                <c:pt idx="1679">
                  <c:v>40704</c:v>
                </c:pt>
                <c:pt idx="1680">
                  <c:v>40707</c:v>
                </c:pt>
                <c:pt idx="1681">
                  <c:v>40708</c:v>
                </c:pt>
                <c:pt idx="1682">
                  <c:v>40709</c:v>
                </c:pt>
                <c:pt idx="1683">
                  <c:v>40710</c:v>
                </c:pt>
                <c:pt idx="1684">
                  <c:v>40711</c:v>
                </c:pt>
                <c:pt idx="1685">
                  <c:v>40714</c:v>
                </c:pt>
                <c:pt idx="1686">
                  <c:v>40715</c:v>
                </c:pt>
                <c:pt idx="1687">
                  <c:v>40716</c:v>
                </c:pt>
                <c:pt idx="1688">
                  <c:v>40718</c:v>
                </c:pt>
                <c:pt idx="1689">
                  <c:v>40721</c:v>
                </c:pt>
                <c:pt idx="1690">
                  <c:v>40722</c:v>
                </c:pt>
                <c:pt idx="1691">
                  <c:v>40723</c:v>
                </c:pt>
                <c:pt idx="1692">
                  <c:v>40724</c:v>
                </c:pt>
                <c:pt idx="1693">
                  <c:v>40725</c:v>
                </c:pt>
                <c:pt idx="1694">
                  <c:v>40728</c:v>
                </c:pt>
                <c:pt idx="1695">
                  <c:v>40729</c:v>
                </c:pt>
                <c:pt idx="1696">
                  <c:v>40730</c:v>
                </c:pt>
                <c:pt idx="1697">
                  <c:v>40731</c:v>
                </c:pt>
                <c:pt idx="1698">
                  <c:v>40732</c:v>
                </c:pt>
                <c:pt idx="1699">
                  <c:v>40735</c:v>
                </c:pt>
                <c:pt idx="1700">
                  <c:v>40736</c:v>
                </c:pt>
                <c:pt idx="1701">
                  <c:v>40737</c:v>
                </c:pt>
                <c:pt idx="1702">
                  <c:v>40738</c:v>
                </c:pt>
                <c:pt idx="1703">
                  <c:v>40739</c:v>
                </c:pt>
                <c:pt idx="1704">
                  <c:v>40742</c:v>
                </c:pt>
                <c:pt idx="1705">
                  <c:v>40743</c:v>
                </c:pt>
                <c:pt idx="1706">
                  <c:v>40744</c:v>
                </c:pt>
                <c:pt idx="1707">
                  <c:v>40745</c:v>
                </c:pt>
                <c:pt idx="1708">
                  <c:v>40746</c:v>
                </c:pt>
                <c:pt idx="1709">
                  <c:v>40749</c:v>
                </c:pt>
                <c:pt idx="1710">
                  <c:v>40750</c:v>
                </c:pt>
                <c:pt idx="1711">
                  <c:v>40751</c:v>
                </c:pt>
                <c:pt idx="1712">
                  <c:v>40752</c:v>
                </c:pt>
                <c:pt idx="1713">
                  <c:v>40753</c:v>
                </c:pt>
                <c:pt idx="1714">
                  <c:v>40756</c:v>
                </c:pt>
                <c:pt idx="1715">
                  <c:v>40757</c:v>
                </c:pt>
                <c:pt idx="1716">
                  <c:v>40758</c:v>
                </c:pt>
                <c:pt idx="1717">
                  <c:v>40759</c:v>
                </c:pt>
                <c:pt idx="1718">
                  <c:v>40760</c:v>
                </c:pt>
                <c:pt idx="1719">
                  <c:v>40763</c:v>
                </c:pt>
                <c:pt idx="1720">
                  <c:v>40764</c:v>
                </c:pt>
                <c:pt idx="1721">
                  <c:v>40765</c:v>
                </c:pt>
                <c:pt idx="1722">
                  <c:v>40766</c:v>
                </c:pt>
                <c:pt idx="1723">
                  <c:v>40767</c:v>
                </c:pt>
                <c:pt idx="1724">
                  <c:v>40770</c:v>
                </c:pt>
                <c:pt idx="1725">
                  <c:v>40771</c:v>
                </c:pt>
                <c:pt idx="1726">
                  <c:v>40772</c:v>
                </c:pt>
                <c:pt idx="1727">
                  <c:v>40773</c:v>
                </c:pt>
                <c:pt idx="1728">
                  <c:v>40774</c:v>
                </c:pt>
                <c:pt idx="1729">
                  <c:v>40777</c:v>
                </c:pt>
                <c:pt idx="1730">
                  <c:v>40778</c:v>
                </c:pt>
                <c:pt idx="1731">
                  <c:v>40779</c:v>
                </c:pt>
                <c:pt idx="1732">
                  <c:v>40780</c:v>
                </c:pt>
                <c:pt idx="1733">
                  <c:v>40781</c:v>
                </c:pt>
                <c:pt idx="1734">
                  <c:v>40784</c:v>
                </c:pt>
                <c:pt idx="1735">
                  <c:v>40785</c:v>
                </c:pt>
                <c:pt idx="1736">
                  <c:v>40786</c:v>
                </c:pt>
                <c:pt idx="1737">
                  <c:v>40787</c:v>
                </c:pt>
                <c:pt idx="1738">
                  <c:v>40788</c:v>
                </c:pt>
                <c:pt idx="1739">
                  <c:v>40791</c:v>
                </c:pt>
                <c:pt idx="1740">
                  <c:v>40792</c:v>
                </c:pt>
                <c:pt idx="1741">
                  <c:v>40794</c:v>
                </c:pt>
                <c:pt idx="1742">
                  <c:v>40795</c:v>
                </c:pt>
                <c:pt idx="1743">
                  <c:v>40798</c:v>
                </c:pt>
                <c:pt idx="1744">
                  <c:v>40799</c:v>
                </c:pt>
                <c:pt idx="1745">
                  <c:v>40800</c:v>
                </c:pt>
                <c:pt idx="1746">
                  <c:v>40801</c:v>
                </c:pt>
                <c:pt idx="1747">
                  <c:v>40802</c:v>
                </c:pt>
                <c:pt idx="1748">
                  <c:v>40805</c:v>
                </c:pt>
                <c:pt idx="1749">
                  <c:v>40806</c:v>
                </c:pt>
                <c:pt idx="1750">
                  <c:v>40807</c:v>
                </c:pt>
                <c:pt idx="1751">
                  <c:v>40808</c:v>
                </c:pt>
                <c:pt idx="1752">
                  <c:v>40809</c:v>
                </c:pt>
                <c:pt idx="1753">
                  <c:v>40812</c:v>
                </c:pt>
                <c:pt idx="1754">
                  <c:v>40813</c:v>
                </c:pt>
                <c:pt idx="1755">
                  <c:v>40814</c:v>
                </c:pt>
                <c:pt idx="1756">
                  <c:v>40815</c:v>
                </c:pt>
                <c:pt idx="1757">
                  <c:v>40816</c:v>
                </c:pt>
                <c:pt idx="1758">
                  <c:v>40819</c:v>
                </c:pt>
                <c:pt idx="1759">
                  <c:v>40820</c:v>
                </c:pt>
                <c:pt idx="1760">
                  <c:v>40821</c:v>
                </c:pt>
                <c:pt idx="1761">
                  <c:v>40822</c:v>
                </c:pt>
                <c:pt idx="1762">
                  <c:v>40823</c:v>
                </c:pt>
                <c:pt idx="1763">
                  <c:v>40826</c:v>
                </c:pt>
                <c:pt idx="1764">
                  <c:v>40827</c:v>
                </c:pt>
                <c:pt idx="1765">
                  <c:v>40829</c:v>
                </c:pt>
                <c:pt idx="1766">
                  <c:v>40830</c:v>
                </c:pt>
                <c:pt idx="1767">
                  <c:v>40833</c:v>
                </c:pt>
                <c:pt idx="1768">
                  <c:v>40834</c:v>
                </c:pt>
                <c:pt idx="1769">
                  <c:v>40835</c:v>
                </c:pt>
                <c:pt idx="1770">
                  <c:v>40836</c:v>
                </c:pt>
                <c:pt idx="1771">
                  <c:v>40837</c:v>
                </c:pt>
                <c:pt idx="1772">
                  <c:v>40840</c:v>
                </c:pt>
                <c:pt idx="1773">
                  <c:v>40841</c:v>
                </c:pt>
                <c:pt idx="1774">
                  <c:v>40842</c:v>
                </c:pt>
                <c:pt idx="1775">
                  <c:v>40843</c:v>
                </c:pt>
                <c:pt idx="1776">
                  <c:v>40844</c:v>
                </c:pt>
                <c:pt idx="1777">
                  <c:v>40847</c:v>
                </c:pt>
                <c:pt idx="1778">
                  <c:v>40848</c:v>
                </c:pt>
                <c:pt idx="1779">
                  <c:v>40850</c:v>
                </c:pt>
                <c:pt idx="1780">
                  <c:v>40851</c:v>
                </c:pt>
                <c:pt idx="1781">
                  <c:v>40854</c:v>
                </c:pt>
                <c:pt idx="1782">
                  <c:v>40855</c:v>
                </c:pt>
                <c:pt idx="1783">
                  <c:v>40856</c:v>
                </c:pt>
                <c:pt idx="1784">
                  <c:v>40857</c:v>
                </c:pt>
                <c:pt idx="1785">
                  <c:v>40858</c:v>
                </c:pt>
                <c:pt idx="1786">
                  <c:v>40861</c:v>
                </c:pt>
                <c:pt idx="1787">
                  <c:v>40863</c:v>
                </c:pt>
                <c:pt idx="1788">
                  <c:v>40864</c:v>
                </c:pt>
                <c:pt idx="1789">
                  <c:v>40865</c:v>
                </c:pt>
                <c:pt idx="1790">
                  <c:v>40868</c:v>
                </c:pt>
                <c:pt idx="1791">
                  <c:v>40869</c:v>
                </c:pt>
                <c:pt idx="1792">
                  <c:v>40870</c:v>
                </c:pt>
                <c:pt idx="1793">
                  <c:v>40871</c:v>
                </c:pt>
                <c:pt idx="1794">
                  <c:v>40872</c:v>
                </c:pt>
                <c:pt idx="1795">
                  <c:v>40875</c:v>
                </c:pt>
                <c:pt idx="1796">
                  <c:v>40876</c:v>
                </c:pt>
                <c:pt idx="1797">
                  <c:v>40877</c:v>
                </c:pt>
                <c:pt idx="1798">
                  <c:v>40878</c:v>
                </c:pt>
                <c:pt idx="1799">
                  <c:v>40879</c:v>
                </c:pt>
                <c:pt idx="1800">
                  <c:v>40882</c:v>
                </c:pt>
                <c:pt idx="1801">
                  <c:v>40883</c:v>
                </c:pt>
                <c:pt idx="1802">
                  <c:v>40884</c:v>
                </c:pt>
                <c:pt idx="1803">
                  <c:v>40885</c:v>
                </c:pt>
                <c:pt idx="1804">
                  <c:v>40886</c:v>
                </c:pt>
                <c:pt idx="1805">
                  <c:v>40889</c:v>
                </c:pt>
                <c:pt idx="1806">
                  <c:v>40890</c:v>
                </c:pt>
                <c:pt idx="1807">
                  <c:v>40891</c:v>
                </c:pt>
                <c:pt idx="1808">
                  <c:v>40892</c:v>
                </c:pt>
                <c:pt idx="1809">
                  <c:v>40893</c:v>
                </c:pt>
                <c:pt idx="1810">
                  <c:v>40896</c:v>
                </c:pt>
                <c:pt idx="1811">
                  <c:v>40897</c:v>
                </c:pt>
                <c:pt idx="1812">
                  <c:v>40898</c:v>
                </c:pt>
                <c:pt idx="1813">
                  <c:v>40899</c:v>
                </c:pt>
                <c:pt idx="1814">
                  <c:v>40900</c:v>
                </c:pt>
                <c:pt idx="1815">
                  <c:v>40903</c:v>
                </c:pt>
                <c:pt idx="1816">
                  <c:v>40904</c:v>
                </c:pt>
                <c:pt idx="1817">
                  <c:v>40905</c:v>
                </c:pt>
                <c:pt idx="1818">
                  <c:v>40906</c:v>
                </c:pt>
                <c:pt idx="1819">
                  <c:v>40907</c:v>
                </c:pt>
                <c:pt idx="1820">
                  <c:v>40910</c:v>
                </c:pt>
                <c:pt idx="1821">
                  <c:v>40911</c:v>
                </c:pt>
                <c:pt idx="1822">
                  <c:v>40912</c:v>
                </c:pt>
                <c:pt idx="1823">
                  <c:v>40913</c:v>
                </c:pt>
                <c:pt idx="1824">
                  <c:v>40914</c:v>
                </c:pt>
                <c:pt idx="1825">
                  <c:v>40917</c:v>
                </c:pt>
                <c:pt idx="1826">
                  <c:v>40918</c:v>
                </c:pt>
                <c:pt idx="1827">
                  <c:v>40919</c:v>
                </c:pt>
                <c:pt idx="1828">
                  <c:v>40920</c:v>
                </c:pt>
                <c:pt idx="1829">
                  <c:v>40921</c:v>
                </c:pt>
                <c:pt idx="1830">
                  <c:v>40924</c:v>
                </c:pt>
                <c:pt idx="1831">
                  <c:v>40925</c:v>
                </c:pt>
                <c:pt idx="1832">
                  <c:v>40926</c:v>
                </c:pt>
                <c:pt idx="1833">
                  <c:v>40927</c:v>
                </c:pt>
                <c:pt idx="1834">
                  <c:v>40928</c:v>
                </c:pt>
                <c:pt idx="1835">
                  <c:v>40931</c:v>
                </c:pt>
                <c:pt idx="1836">
                  <c:v>40932</c:v>
                </c:pt>
                <c:pt idx="1837">
                  <c:v>40933</c:v>
                </c:pt>
                <c:pt idx="1838">
                  <c:v>40934</c:v>
                </c:pt>
                <c:pt idx="1839">
                  <c:v>40935</c:v>
                </c:pt>
                <c:pt idx="1840">
                  <c:v>40938</c:v>
                </c:pt>
                <c:pt idx="1841">
                  <c:v>40939</c:v>
                </c:pt>
                <c:pt idx="1842">
                  <c:v>40940</c:v>
                </c:pt>
                <c:pt idx="1843">
                  <c:v>40941</c:v>
                </c:pt>
                <c:pt idx="1844">
                  <c:v>40942</c:v>
                </c:pt>
                <c:pt idx="1845">
                  <c:v>40945</c:v>
                </c:pt>
                <c:pt idx="1846">
                  <c:v>40946</c:v>
                </c:pt>
                <c:pt idx="1847">
                  <c:v>40947</c:v>
                </c:pt>
                <c:pt idx="1848">
                  <c:v>40948</c:v>
                </c:pt>
                <c:pt idx="1849">
                  <c:v>40949</c:v>
                </c:pt>
                <c:pt idx="1850">
                  <c:v>40952</c:v>
                </c:pt>
                <c:pt idx="1851">
                  <c:v>40953</c:v>
                </c:pt>
                <c:pt idx="1852">
                  <c:v>40954</c:v>
                </c:pt>
                <c:pt idx="1853">
                  <c:v>40955</c:v>
                </c:pt>
                <c:pt idx="1854">
                  <c:v>40956</c:v>
                </c:pt>
                <c:pt idx="1855">
                  <c:v>40961</c:v>
                </c:pt>
                <c:pt idx="1856">
                  <c:v>40962</c:v>
                </c:pt>
                <c:pt idx="1857">
                  <c:v>40963</c:v>
                </c:pt>
                <c:pt idx="1858">
                  <c:v>40966</c:v>
                </c:pt>
                <c:pt idx="1859">
                  <c:v>40967</c:v>
                </c:pt>
                <c:pt idx="1860">
                  <c:v>40968</c:v>
                </c:pt>
                <c:pt idx="1861">
                  <c:v>40969</c:v>
                </c:pt>
                <c:pt idx="1862">
                  <c:v>40970</c:v>
                </c:pt>
                <c:pt idx="1863">
                  <c:v>40973</c:v>
                </c:pt>
                <c:pt idx="1864">
                  <c:v>40974</c:v>
                </c:pt>
                <c:pt idx="1865">
                  <c:v>40975</c:v>
                </c:pt>
                <c:pt idx="1866">
                  <c:v>40976</c:v>
                </c:pt>
                <c:pt idx="1867">
                  <c:v>40977</c:v>
                </c:pt>
                <c:pt idx="1868">
                  <c:v>40980</c:v>
                </c:pt>
                <c:pt idx="1869">
                  <c:v>40981</c:v>
                </c:pt>
                <c:pt idx="1870">
                  <c:v>40982</c:v>
                </c:pt>
                <c:pt idx="1871">
                  <c:v>40983</c:v>
                </c:pt>
                <c:pt idx="1872">
                  <c:v>40984</c:v>
                </c:pt>
                <c:pt idx="1873">
                  <c:v>40987</c:v>
                </c:pt>
                <c:pt idx="1874">
                  <c:v>40988</c:v>
                </c:pt>
                <c:pt idx="1875">
                  <c:v>40989</c:v>
                </c:pt>
                <c:pt idx="1876">
                  <c:v>40990</c:v>
                </c:pt>
                <c:pt idx="1877">
                  <c:v>40991</c:v>
                </c:pt>
                <c:pt idx="1878">
                  <c:v>40994</c:v>
                </c:pt>
                <c:pt idx="1879">
                  <c:v>40995</c:v>
                </c:pt>
                <c:pt idx="1880">
                  <c:v>40996</c:v>
                </c:pt>
                <c:pt idx="1881">
                  <c:v>40997</c:v>
                </c:pt>
                <c:pt idx="1882">
                  <c:v>40998</c:v>
                </c:pt>
                <c:pt idx="1883">
                  <c:v>41001</c:v>
                </c:pt>
                <c:pt idx="1884">
                  <c:v>41002</c:v>
                </c:pt>
                <c:pt idx="1885">
                  <c:v>41003</c:v>
                </c:pt>
                <c:pt idx="1886">
                  <c:v>41004</c:v>
                </c:pt>
                <c:pt idx="1887">
                  <c:v>41008</c:v>
                </c:pt>
                <c:pt idx="1888">
                  <c:v>41009</c:v>
                </c:pt>
                <c:pt idx="1889">
                  <c:v>41010</c:v>
                </c:pt>
                <c:pt idx="1890">
                  <c:v>41011</c:v>
                </c:pt>
                <c:pt idx="1891">
                  <c:v>41012</c:v>
                </c:pt>
                <c:pt idx="1892">
                  <c:v>41015</c:v>
                </c:pt>
                <c:pt idx="1893">
                  <c:v>41016</c:v>
                </c:pt>
                <c:pt idx="1894">
                  <c:v>41017</c:v>
                </c:pt>
                <c:pt idx="1895">
                  <c:v>41018</c:v>
                </c:pt>
                <c:pt idx="1896">
                  <c:v>41019</c:v>
                </c:pt>
                <c:pt idx="1897">
                  <c:v>41022</c:v>
                </c:pt>
                <c:pt idx="1898">
                  <c:v>41023</c:v>
                </c:pt>
                <c:pt idx="1899">
                  <c:v>41024</c:v>
                </c:pt>
                <c:pt idx="1900">
                  <c:v>41025</c:v>
                </c:pt>
                <c:pt idx="1901">
                  <c:v>41026</c:v>
                </c:pt>
                <c:pt idx="1902">
                  <c:v>41029</c:v>
                </c:pt>
                <c:pt idx="1903">
                  <c:v>41031</c:v>
                </c:pt>
                <c:pt idx="1904">
                  <c:v>41032</c:v>
                </c:pt>
                <c:pt idx="1905">
                  <c:v>41033</c:v>
                </c:pt>
                <c:pt idx="1906">
                  <c:v>41036</c:v>
                </c:pt>
                <c:pt idx="1907">
                  <c:v>41037</c:v>
                </c:pt>
                <c:pt idx="1908">
                  <c:v>41038</c:v>
                </c:pt>
                <c:pt idx="1909">
                  <c:v>41039</c:v>
                </c:pt>
                <c:pt idx="1910">
                  <c:v>41040</c:v>
                </c:pt>
                <c:pt idx="1911">
                  <c:v>41043</c:v>
                </c:pt>
                <c:pt idx="1912">
                  <c:v>41044</c:v>
                </c:pt>
                <c:pt idx="1913">
                  <c:v>41045</c:v>
                </c:pt>
                <c:pt idx="1914">
                  <c:v>41046</c:v>
                </c:pt>
                <c:pt idx="1915">
                  <c:v>41047</c:v>
                </c:pt>
                <c:pt idx="1916">
                  <c:v>41050</c:v>
                </c:pt>
                <c:pt idx="1917">
                  <c:v>41051</c:v>
                </c:pt>
                <c:pt idx="1918">
                  <c:v>41052</c:v>
                </c:pt>
                <c:pt idx="1919">
                  <c:v>41053</c:v>
                </c:pt>
                <c:pt idx="1920">
                  <c:v>41054</c:v>
                </c:pt>
                <c:pt idx="1921">
                  <c:v>41057</c:v>
                </c:pt>
                <c:pt idx="1922">
                  <c:v>41058</c:v>
                </c:pt>
                <c:pt idx="1923">
                  <c:v>41059</c:v>
                </c:pt>
                <c:pt idx="1924">
                  <c:v>41060</c:v>
                </c:pt>
                <c:pt idx="1925">
                  <c:v>41061</c:v>
                </c:pt>
                <c:pt idx="1926">
                  <c:v>41064</c:v>
                </c:pt>
                <c:pt idx="1927">
                  <c:v>41065</c:v>
                </c:pt>
                <c:pt idx="1928">
                  <c:v>41066</c:v>
                </c:pt>
                <c:pt idx="1929">
                  <c:v>41068</c:v>
                </c:pt>
                <c:pt idx="1930">
                  <c:v>41071</c:v>
                </c:pt>
                <c:pt idx="1931">
                  <c:v>41072</c:v>
                </c:pt>
                <c:pt idx="1932">
                  <c:v>41073</c:v>
                </c:pt>
                <c:pt idx="1933">
                  <c:v>41074</c:v>
                </c:pt>
                <c:pt idx="1934">
                  <c:v>41075</c:v>
                </c:pt>
                <c:pt idx="1935">
                  <c:v>41078</c:v>
                </c:pt>
                <c:pt idx="1936">
                  <c:v>41079</c:v>
                </c:pt>
                <c:pt idx="1937">
                  <c:v>41080</c:v>
                </c:pt>
                <c:pt idx="1938">
                  <c:v>41081</c:v>
                </c:pt>
                <c:pt idx="1939">
                  <c:v>41082</c:v>
                </c:pt>
                <c:pt idx="1940">
                  <c:v>41085</c:v>
                </c:pt>
                <c:pt idx="1941">
                  <c:v>41086</c:v>
                </c:pt>
                <c:pt idx="1942">
                  <c:v>41087</c:v>
                </c:pt>
                <c:pt idx="1943">
                  <c:v>41088</c:v>
                </c:pt>
                <c:pt idx="1944">
                  <c:v>41089</c:v>
                </c:pt>
                <c:pt idx="1945">
                  <c:v>41092</c:v>
                </c:pt>
                <c:pt idx="1946">
                  <c:v>41093</c:v>
                </c:pt>
                <c:pt idx="1947">
                  <c:v>41094</c:v>
                </c:pt>
                <c:pt idx="1948">
                  <c:v>41095</c:v>
                </c:pt>
                <c:pt idx="1949">
                  <c:v>41096</c:v>
                </c:pt>
                <c:pt idx="1950">
                  <c:v>41099</c:v>
                </c:pt>
                <c:pt idx="1951">
                  <c:v>41100</c:v>
                </c:pt>
                <c:pt idx="1952">
                  <c:v>41101</c:v>
                </c:pt>
                <c:pt idx="1953">
                  <c:v>41102</c:v>
                </c:pt>
                <c:pt idx="1954">
                  <c:v>41103</c:v>
                </c:pt>
                <c:pt idx="1955">
                  <c:v>41106</c:v>
                </c:pt>
                <c:pt idx="1956">
                  <c:v>41107</c:v>
                </c:pt>
                <c:pt idx="1957">
                  <c:v>41108</c:v>
                </c:pt>
                <c:pt idx="1958">
                  <c:v>41109</c:v>
                </c:pt>
                <c:pt idx="1959">
                  <c:v>41110</c:v>
                </c:pt>
                <c:pt idx="1960">
                  <c:v>41113</c:v>
                </c:pt>
                <c:pt idx="1961">
                  <c:v>41114</c:v>
                </c:pt>
                <c:pt idx="1962">
                  <c:v>41115</c:v>
                </c:pt>
                <c:pt idx="1963">
                  <c:v>41116</c:v>
                </c:pt>
                <c:pt idx="1964">
                  <c:v>41117</c:v>
                </c:pt>
                <c:pt idx="1965">
                  <c:v>41120</c:v>
                </c:pt>
                <c:pt idx="1966">
                  <c:v>41121</c:v>
                </c:pt>
                <c:pt idx="1967">
                  <c:v>41122</c:v>
                </c:pt>
                <c:pt idx="1968">
                  <c:v>41123</c:v>
                </c:pt>
                <c:pt idx="1969">
                  <c:v>41124</c:v>
                </c:pt>
                <c:pt idx="1970">
                  <c:v>41127</c:v>
                </c:pt>
                <c:pt idx="1971">
                  <c:v>41128</c:v>
                </c:pt>
                <c:pt idx="1972">
                  <c:v>41129</c:v>
                </c:pt>
                <c:pt idx="1973">
                  <c:v>41130</c:v>
                </c:pt>
                <c:pt idx="1974">
                  <c:v>41131</c:v>
                </c:pt>
                <c:pt idx="1975">
                  <c:v>41134</c:v>
                </c:pt>
                <c:pt idx="1976">
                  <c:v>41135</c:v>
                </c:pt>
                <c:pt idx="1977">
                  <c:v>41136</c:v>
                </c:pt>
                <c:pt idx="1978">
                  <c:v>41137</c:v>
                </c:pt>
                <c:pt idx="1979">
                  <c:v>41138</c:v>
                </c:pt>
                <c:pt idx="1980">
                  <c:v>41141</c:v>
                </c:pt>
                <c:pt idx="1981">
                  <c:v>41142</c:v>
                </c:pt>
                <c:pt idx="1982">
                  <c:v>41143</c:v>
                </c:pt>
                <c:pt idx="1983">
                  <c:v>41144</c:v>
                </c:pt>
                <c:pt idx="1984">
                  <c:v>41145</c:v>
                </c:pt>
                <c:pt idx="1985">
                  <c:v>41148</c:v>
                </c:pt>
                <c:pt idx="1986">
                  <c:v>41149</c:v>
                </c:pt>
                <c:pt idx="1987">
                  <c:v>41150</c:v>
                </c:pt>
                <c:pt idx="1988">
                  <c:v>41151</c:v>
                </c:pt>
                <c:pt idx="1989">
                  <c:v>41152</c:v>
                </c:pt>
                <c:pt idx="1990">
                  <c:v>41155</c:v>
                </c:pt>
                <c:pt idx="1991">
                  <c:v>41156</c:v>
                </c:pt>
                <c:pt idx="1992">
                  <c:v>41157</c:v>
                </c:pt>
                <c:pt idx="1993">
                  <c:v>41158</c:v>
                </c:pt>
                <c:pt idx="1994">
                  <c:v>41162</c:v>
                </c:pt>
                <c:pt idx="1995">
                  <c:v>41163</c:v>
                </c:pt>
                <c:pt idx="1996">
                  <c:v>41164</c:v>
                </c:pt>
                <c:pt idx="1997">
                  <c:v>41165</c:v>
                </c:pt>
                <c:pt idx="1998">
                  <c:v>41166</c:v>
                </c:pt>
                <c:pt idx="1999">
                  <c:v>41169</c:v>
                </c:pt>
                <c:pt idx="2000">
                  <c:v>41170</c:v>
                </c:pt>
                <c:pt idx="2001">
                  <c:v>41171</c:v>
                </c:pt>
                <c:pt idx="2002">
                  <c:v>41172</c:v>
                </c:pt>
                <c:pt idx="2003">
                  <c:v>41173</c:v>
                </c:pt>
                <c:pt idx="2004">
                  <c:v>41176</c:v>
                </c:pt>
                <c:pt idx="2005">
                  <c:v>41177</c:v>
                </c:pt>
                <c:pt idx="2006">
                  <c:v>41178</c:v>
                </c:pt>
                <c:pt idx="2007">
                  <c:v>41179</c:v>
                </c:pt>
                <c:pt idx="2008">
                  <c:v>41180</c:v>
                </c:pt>
                <c:pt idx="2009">
                  <c:v>41183</c:v>
                </c:pt>
                <c:pt idx="2010">
                  <c:v>41184</c:v>
                </c:pt>
                <c:pt idx="2011">
                  <c:v>41185</c:v>
                </c:pt>
                <c:pt idx="2012">
                  <c:v>41186</c:v>
                </c:pt>
                <c:pt idx="2013">
                  <c:v>41187</c:v>
                </c:pt>
                <c:pt idx="2014">
                  <c:v>41190</c:v>
                </c:pt>
                <c:pt idx="2015">
                  <c:v>41191</c:v>
                </c:pt>
                <c:pt idx="2016">
                  <c:v>41192</c:v>
                </c:pt>
                <c:pt idx="2017">
                  <c:v>41193</c:v>
                </c:pt>
                <c:pt idx="2018">
                  <c:v>41197</c:v>
                </c:pt>
                <c:pt idx="2019">
                  <c:v>41198</c:v>
                </c:pt>
                <c:pt idx="2020">
                  <c:v>41199</c:v>
                </c:pt>
                <c:pt idx="2021">
                  <c:v>41200</c:v>
                </c:pt>
                <c:pt idx="2022">
                  <c:v>41201</c:v>
                </c:pt>
                <c:pt idx="2023">
                  <c:v>41204</c:v>
                </c:pt>
                <c:pt idx="2024">
                  <c:v>41205</c:v>
                </c:pt>
                <c:pt idx="2025">
                  <c:v>41206</c:v>
                </c:pt>
                <c:pt idx="2026">
                  <c:v>41207</c:v>
                </c:pt>
                <c:pt idx="2027">
                  <c:v>41208</c:v>
                </c:pt>
                <c:pt idx="2028">
                  <c:v>41211</c:v>
                </c:pt>
                <c:pt idx="2029">
                  <c:v>41212</c:v>
                </c:pt>
                <c:pt idx="2030">
                  <c:v>41213</c:v>
                </c:pt>
                <c:pt idx="2031">
                  <c:v>41214</c:v>
                </c:pt>
                <c:pt idx="2032">
                  <c:v>41218</c:v>
                </c:pt>
                <c:pt idx="2033">
                  <c:v>41219</c:v>
                </c:pt>
                <c:pt idx="2034">
                  <c:v>41220</c:v>
                </c:pt>
                <c:pt idx="2035">
                  <c:v>41221</c:v>
                </c:pt>
                <c:pt idx="2036">
                  <c:v>41222</c:v>
                </c:pt>
                <c:pt idx="2037">
                  <c:v>41225</c:v>
                </c:pt>
                <c:pt idx="2038">
                  <c:v>41226</c:v>
                </c:pt>
                <c:pt idx="2039">
                  <c:v>41227</c:v>
                </c:pt>
                <c:pt idx="2040">
                  <c:v>41229</c:v>
                </c:pt>
                <c:pt idx="2041">
                  <c:v>41232</c:v>
                </c:pt>
                <c:pt idx="2042">
                  <c:v>41233</c:v>
                </c:pt>
                <c:pt idx="2043">
                  <c:v>41234</c:v>
                </c:pt>
                <c:pt idx="2044">
                  <c:v>41235</c:v>
                </c:pt>
                <c:pt idx="2045">
                  <c:v>41236</c:v>
                </c:pt>
                <c:pt idx="2046">
                  <c:v>41239</c:v>
                </c:pt>
                <c:pt idx="2047">
                  <c:v>41240</c:v>
                </c:pt>
                <c:pt idx="2048">
                  <c:v>41241</c:v>
                </c:pt>
                <c:pt idx="2049">
                  <c:v>41242</c:v>
                </c:pt>
                <c:pt idx="2050">
                  <c:v>41243</c:v>
                </c:pt>
                <c:pt idx="2051">
                  <c:v>41246</c:v>
                </c:pt>
                <c:pt idx="2052">
                  <c:v>41247</c:v>
                </c:pt>
                <c:pt idx="2053">
                  <c:v>41248</c:v>
                </c:pt>
                <c:pt idx="2054">
                  <c:v>41249</c:v>
                </c:pt>
                <c:pt idx="2055">
                  <c:v>41250</c:v>
                </c:pt>
                <c:pt idx="2056">
                  <c:v>41253</c:v>
                </c:pt>
                <c:pt idx="2057">
                  <c:v>41254</c:v>
                </c:pt>
                <c:pt idx="2058">
                  <c:v>41255</c:v>
                </c:pt>
                <c:pt idx="2059">
                  <c:v>41256</c:v>
                </c:pt>
                <c:pt idx="2060">
                  <c:v>41257</c:v>
                </c:pt>
                <c:pt idx="2061">
                  <c:v>41260</c:v>
                </c:pt>
                <c:pt idx="2062">
                  <c:v>41261</c:v>
                </c:pt>
                <c:pt idx="2063">
                  <c:v>41262</c:v>
                </c:pt>
                <c:pt idx="2064">
                  <c:v>41263</c:v>
                </c:pt>
                <c:pt idx="2065">
                  <c:v>41264</c:v>
                </c:pt>
                <c:pt idx="2066">
                  <c:v>41267</c:v>
                </c:pt>
                <c:pt idx="2067">
                  <c:v>41269</c:v>
                </c:pt>
                <c:pt idx="2068">
                  <c:v>41270</c:v>
                </c:pt>
                <c:pt idx="2069">
                  <c:v>41271</c:v>
                </c:pt>
                <c:pt idx="2070">
                  <c:v>41274</c:v>
                </c:pt>
                <c:pt idx="2071">
                  <c:v>41276</c:v>
                </c:pt>
                <c:pt idx="2072">
                  <c:v>41277</c:v>
                </c:pt>
                <c:pt idx="2073">
                  <c:v>41278</c:v>
                </c:pt>
                <c:pt idx="2074">
                  <c:v>41281</c:v>
                </c:pt>
                <c:pt idx="2075">
                  <c:v>41282</c:v>
                </c:pt>
                <c:pt idx="2076">
                  <c:v>41283</c:v>
                </c:pt>
                <c:pt idx="2077">
                  <c:v>41284</c:v>
                </c:pt>
                <c:pt idx="2078">
                  <c:v>41285</c:v>
                </c:pt>
                <c:pt idx="2079">
                  <c:v>41288</c:v>
                </c:pt>
                <c:pt idx="2080">
                  <c:v>41289</c:v>
                </c:pt>
                <c:pt idx="2081">
                  <c:v>41290</c:v>
                </c:pt>
                <c:pt idx="2082">
                  <c:v>41291</c:v>
                </c:pt>
                <c:pt idx="2083">
                  <c:v>41292</c:v>
                </c:pt>
                <c:pt idx="2084">
                  <c:v>41295</c:v>
                </c:pt>
                <c:pt idx="2085">
                  <c:v>41296</c:v>
                </c:pt>
                <c:pt idx="2086">
                  <c:v>41297</c:v>
                </c:pt>
                <c:pt idx="2087">
                  <c:v>41298</c:v>
                </c:pt>
                <c:pt idx="2088">
                  <c:v>41299</c:v>
                </c:pt>
                <c:pt idx="2089">
                  <c:v>41302</c:v>
                </c:pt>
                <c:pt idx="2090">
                  <c:v>41303</c:v>
                </c:pt>
                <c:pt idx="2091">
                  <c:v>41304</c:v>
                </c:pt>
                <c:pt idx="2092">
                  <c:v>41305</c:v>
                </c:pt>
                <c:pt idx="2093">
                  <c:v>41306</c:v>
                </c:pt>
                <c:pt idx="2094">
                  <c:v>41309</c:v>
                </c:pt>
                <c:pt idx="2095">
                  <c:v>41310</c:v>
                </c:pt>
                <c:pt idx="2096">
                  <c:v>41311</c:v>
                </c:pt>
                <c:pt idx="2097">
                  <c:v>41312</c:v>
                </c:pt>
                <c:pt idx="2098">
                  <c:v>41313</c:v>
                </c:pt>
                <c:pt idx="2099">
                  <c:v>41318</c:v>
                </c:pt>
                <c:pt idx="2100">
                  <c:v>41319</c:v>
                </c:pt>
                <c:pt idx="2101">
                  <c:v>41320</c:v>
                </c:pt>
                <c:pt idx="2102">
                  <c:v>41323</c:v>
                </c:pt>
                <c:pt idx="2103">
                  <c:v>41324</c:v>
                </c:pt>
                <c:pt idx="2104">
                  <c:v>41325</c:v>
                </c:pt>
                <c:pt idx="2105">
                  <c:v>41326</c:v>
                </c:pt>
                <c:pt idx="2106">
                  <c:v>41327</c:v>
                </c:pt>
                <c:pt idx="2107">
                  <c:v>41330</c:v>
                </c:pt>
                <c:pt idx="2108">
                  <c:v>41331</c:v>
                </c:pt>
                <c:pt idx="2109">
                  <c:v>41332</c:v>
                </c:pt>
                <c:pt idx="2110">
                  <c:v>41333</c:v>
                </c:pt>
                <c:pt idx="2111">
                  <c:v>41334</c:v>
                </c:pt>
                <c:pt idx="2112">
                  <c:v>41337</c:v>
                </c:pt>
                <c:pt idx="2113">
                  <c:v>41338</c:v>
                </c:pt>
                <c:pt idx="2114">
                  <c:v>41339</c:v>
                </c:pt>
                <c:pt idx="2115">
                  <c:v>41340</c:v>
                </c:pt>
                <c:pt idx="2116">
                  <c:v>41341</c:v>
                </c:pt>
                <c:pt idx="2117">
                  <c:v>41344</c:v>
                </c:pt>
                <c:pt idx="2118">
                  <c:v>41345</c:v>
                </c:pt>
                <c:pt idx="2119">
                  <c:v>41346</c:v>
                </c:pt>
                <c:pt idx="2120">
                  <c:v>41347</c:v>
                </c:pt>
                <c:pt idx="2121">
                  <c:v>41348</c:v>
                </c:pt>
                <c:pt idx="2122">
                  <c:v>41351</c:v>
                </c:pt>
                <c:pt idx="2123">
                  <c:v>41352</c:v>
                </c:pt>
                <c:pt idx="2124">
                  <c:v>41353</c:v>
                </c:pt>
                <c:pt idx="2125">
                  <c:v>41354</c:v>
                </c:pt>
                <c:pt idx="2126">
                  <c:v>41355</c:v>
                </c:pt>
                <c:pt idx="2127">
                  <c:v>41358</c:v>
                </c:pt>
                <c:pt idx="2128">
                  <c:v>41359</c:v>
                </c:pt>
                <c:pt idx="2129">
                  <c:v>41360</c:v>
                </c:pt>
                <c:pt idx="2130">
                  <c:v>41361</c:v>
                </c:pt>
                <c:pt idx="2131">
                  <c:v>41365</c:v>
                </c:pt>
                <c:pt idx="2132">
                  <c:v>41366</c:v>
                </c:pt>
                <c:pt idx="2133">
                  <c:v>41367</c:v>
                </c:pt>
                <c:pt idx="2134">
                  <c:v>41368</c:v>
                </c:pt>
                <c:pt idx="2135">
                  <c:v>41369</c:v>
                </c:pt>
                <c:pt idx="2136">
                  <c:v>41372</c:v>
                </c:pt>
                <c:pt idx="2137">
                  <c:v>41373</c:v>
                </c:pt>
                <c:pt idx="2138">
                  <c:v>41374</c:v>
                </c:pt>
                <c:pt idx="2139">
                  <c:v>41375</c:v>
                </c:pt>
                <c:pt idx="2140">
                  <c:v>41376</c:v>
                </c:pt>
                <c:pt idx="2141">
                  <c:v>41379</c:v>
                </c:pt>
                <c:pt idx="2142">
                  <c:v>41380</c:v>
                </c:pt>
                <c:pt idx="2143">
                  <c:v>41381</c:v>
                </c:pt>
                <c:pt idx="2144">
                  <c:v>41382</c:v>
                </c:pt>
                <c:pt idx="2145">
                  <c:v>41383</c:v>
                </c:pt>
                <c:pt idx="2146">
                  <c:v>41386</c:v>
                </c:pt>
                <c:pt idx="2147">
                  <c:v>41387</c:v>
                </c:pt>
                <c:pt idx="2148">
                  <c:v>41388</c:v>
                </c:pt>
                <c:pt idx="2149">
                  <c:v>41389</c:v>
                </c:pt>
                <c:pt idx="2150">
                  <c:v>41390</c:v>
                </c:pt>
                <c:pt idx="2151">
                  <c:v>41393</c:v>
                </c:pt>
                <c:pt idx="2152">
                  <c:v>41394</c:v>
                </c:pt>
                <c:pt idx="2153">
                  <c:v>41396</c:v>
                </c:pt>
                <c:pt idx="2154">
                  <c:v>41397</c:v>
                </c:pt>
                <c:pt idx="2155">
                  <c:v>41400</c:v>
                </c:pt>
                <c:pt idx="2156">
                  <c:v>41401</c:v>
                </c:pt>
                <c:pt idx="2157">
                  <c:v>41402</c:v>
                </c:pt>
                <c:pt idx="2158">
                  <c:v>41403</c:v>
                </c:pt>
                <c:pt idx="2159">
                  <c:v>41404</c:v>
                </c:pt>
                <c:pt idx="2160">
                  <c:v>41407</c:v>
                </c:pt>
                <c:pt idx="2161">
                  <c:v>41408</c:v>
                </c:pt>
                <c:pt idx="2162">
                  <c:v>41409</c:v>
                </c:pt>
                <c:pt idx="2163">
                  <c:v>41410</c:v>
                </c:pt>
                <c:pt idx="2164">
                  <c:v>41411</c:v>
                </c:pt>
                <c:pt idx="2165">
                  <c:v>41414</c:v>
                </c:pt>
                <c:pt idx="2166">
                  <c:v>41415</c:v>
                </c:pt>
                <c:pt idx="2167">
                  <c:v>41416</c:v>
                </c:pt>
                <c:pt idx="2168">
                  <c:v>41417</c:v>
                </c:pt>
                <c:pt idx="2169">
                  <c:v>41418</c:v>
                </c:pt>
                <c:pt idx="2170">
                  <c:v>41421</c:v>
                </c:pt>
                <c:pt idx="2171">
                  <c:v>41422</c:v>
                </c:pt>
                <c:pt idx="2172">
                  <c:v>41423</c:v>
                </c:pt>
                <c:pt idx="2173">
                  <c:v>41425</c:v>
                </c:pt>
                <c:pt idx="2174">
                  <c:v>41428</c:v>
                </c:pt>
                <c:pt idx="2175">
                  <c:v>41429</c:v>
                </c:pt>
                <c:pt idx="2176">
                  <c:v>41430</c:v>
                </c:pt>
                <c:pt idx="2177">
                  <c:v>41431</c:v>
                </c:pt>
                <c:pt idx="2178">
                  <c:v>41432</c:v>
                </c:pt>
                <c:pt idx="2179">
                  <c:v>41435</c:v>
                </c:pt>
                <c:pt idx="2180">
                  <c:v>41436</c:v>
                </c:pt>
                <c:pt idx="2181">
                  <c:v>41437</c:v>
                </c:pt>
                <c:pt idx="2182">
                  <c:v>41438</c:v>
                </c:pt>
                <c:pt idx="2183">
                  <c:v>41439</c:v>
                </c:pt>
                <c:pt idx="2184">
                  <c:v>41442</c:v>
                </c:pt>
                <c:pt idx="2185">
                  <c:v>41443</c:v>
                </c:pt>
                <c:pt idx="2186">
                  <c:v>41444</c:v>
                </c:pt>
                <c:pt idx="2187">
                  <c:v>41445</c:v>
                </c:pt>
                <c:pt idx="2188">
                  <c:v>41446</c:v>
                </c:pt>
                <c:pt idx="2189">
                  <c:v>41449</c:v>
                </c:pt>
                <c:pt idx="2190">
                  <c:v>41450</c:v>
                </c:pt>
                <c:pt idx="2191">
                  <c:v>41451</c:v>
                </c:pt>
                <c:pt idx="2192">
                  <c:v>41452</c:v>
                </c:pt>
                <c:pt idx="2193">
                  <c:v>41453</c:v>
                </c:pt>
                <c:pt idx="2194">
                  <c:v>41456</c:v>
                </c:pt>
                <c:pt idx="2195">
                  <c:v>41457</c:v>
                </c:pt>
                <c:pt idx="2196">
                  <c:v>41458</c:v>
                </c:pt>
                <c:pt idx="2197">
                  <c:v>41459</c:v>
                </c:pt>
                <c:pt idx="2198">
                  <c:v>41460</c:v>
                </c:pt>
                <c:pt idx="2199">
                  <c:v>41463</c:v>
                </c:pt>
                <c:pt idx="2200">
                  <c:v>41464</c:v>
                </c:pt>
                <c:pt idx="2201">
                  <c:v>41465</c:v>
                </c:pt>
                <c:pt idx="2202">
                  <c:v>41466</c:v>
                </c:pt>
                <c:pt idx="2203">
                  <c:v>41467</c:v>
                </c:pt>
                <c:pt idx="2204">
                  <c:v>41470</c:v>
                </c:pt>
                <c:pt idx="2205">
                  <c:v>41471</c:v>
                </c:pt>
                <c:pt idx="2206">
                  <c:v>41472</c:v>
                </c:pt>
                <c:pt idx="2207">
                  <c:v>41473</c:v>
                </c:pt>
                <c:pt idx="2208">
                  <c:v>41474</c:v>
                </c:pt>
                <c:pt idx="2209">
                  <c:v>41477</c:v>
                </c:pt>
                <c:pt idx="2210">
                  <c:v>41478</c:v>
                </c:pt>
                <c:pt idx="2211">
                  <c:v>41479</c:v>
                </c:pt>
                <c:pt idx="2212">
                  <c:v>41480</c:v>
                </c:pt>
                <c:pt idx="2213">
                  <c:v>41481</c:v>
                </c:pt>
                <c:pt idx="2214">
                  <c:v>41484</c:v>
                </c:pt>
                <c:pt idx="2215">
                  <c:v>41485</c:v>
                </c:pt>
                <c:pt idx="2216">
                  <c:v>41486</c:v>
                </c:pt>
                <c:pt idx="2217">
                  <c:v>41487</c:v>
                </c:pt>
                <c:pt idx="2218">
                  <c:v>41488</c:v>
                </c:pt>
                <c:pt idx="2219">
                  <c:v>41491</c:v>
                </c:pt>
                <c:pt idx="2220">
                  <c:v>41492</c:v>
                </c:pt>
                <c:pt idx="2221">
                  <c:v>41493</c:v>
                </c:pt>
                <c:pt idx="2222">
                  <c:v>41494</c:v>
                </c:pt>
                <c:pt idx="2223">
                  <c:v>41495</c:v>
                </c:pt>
                <c:pt idx="2224">
                  <c:v>41498</c:v>
                </c:pt>
                <c:pt idx="2225">
                  <c:v>41499</c:v>
                </c:pt>
                <c:pt idx="2226">
                  <c:v>41500</c:v>
                </c:pt>
                <c:pt idx="2227">
                  <c:v>41501</c:v>
                </c:pt>
                <c:pt idx="2228">
                  <c:v>41502</c:v>
                </c:pt>
                <c:pt idx="2229">
                  <c:v>41505</c:v>
                </c:pt>
                <c:pt idx="2230">
                  <c:v>41506</c:v>
                </c:pt>
                <c:pt idx="2231">
                  <c:v>41507</c:v>
                </c:pt>
                <c:pt idx="2232">
                  <c:v>41508</c:v>
                </c:pt>
                <c:pt idx="2233">
                  <c:v>41509</c:v>
                </c:pt>
                <c:pt idx="2234">
                  <c:v>41512</c:v>
                </c:pt>
                <c:pt idx="2235">
                  <c:v>41513</c:v>
                </c:pt>
                <c:pt idx="2236">
                  <c:v>41514</c:v>
                </c:pt>
                <c:pt idx="2237">
                  <c:v>41515</c:v>
                </c:pt>
                <c:pt idx="2238">
                  <c:v>41516</c:v>
                </c:pt>
                <c:pt idx="2239">
                  <c:v>41519</c:v>
                </c:pt>
                <c:pt idx="2240">
                  <c:v>41520</c:v>
                </c:pt>
                <c:pt idx="2241">
                  <c:v>41521</c:v>
                </c:pt>
                <c:pt idx="2242">
                  <c:v>41522</c:v>
                </c:pt>
                <c:pt idx="2243">
                  <c:v>41523</c:v>
                </c:pt>
                <c:pt idx="2244">
                  <c:v>41526</c:v>
                </c:pt>
                <c:pt idx="2245">
                  <c:v>41527</c:v>
                </c:pt>
                <c:pt idx="2246">
                  <c:v>41528</c:v>
                </c:pt>
                <c:pt idx="2247">
                  <c:v>41529</c:v>
                </c:pt>
                <c:pt idx="2248">
                  <c:v>41530</c:v>
                </c:pt>
                <c:pt idx="2249">
                  <c:v>41533</c:v>
                </c:pt>
                <c:pt idx="2250">
                  <c:v>41534</c:v>
                </c:pt>
                <c:pt idx="2251">
                  <c:v>41535</c:v>
                </c:pt>
                <c:pt idx="2252">
                  <c:v>41536</c:v>
                </c:pt>
                <c:pt idx="2253">
                  <c:v>41537</c:v>
                </c:pt>
                <c:pt idx="2254">
                  <c:v>41540</c:v>
                </c:pt>
                <c:pt idx="2255">
                  <c:v>41541</c:v>
                </c:pt>
                <c:pt idx="2256">
                  <c:v>41542</c:v>
                </c:pt>
                <c:pt idx="2257">
                  <c:v>41543</c:v>
                </c:pt>
                <c:pt idx="2258">
                  <c:v>41544</c:v>
                </c:pt>
                <c:pt idx="2259">
                  <c:v>41547</c:v>
                </c:pt>
                <c:pt idx="2260">
                  <c:v>41548</c:v>
                </c:pt>
                <c:pt idx="2261">
                  <c:v>41549</c:v>
                </c:pt>
                <c:pt idx="2262">
                  <c:v>41550</c:v>
                </c:pt>
                <c:pt idx="2263">
                  <c:v>41551</c:v>
                </c:pt>
                <c:pt idx="2264">
                  <c:v>41554</c:v>
                </c:pt>
                <c:pt idx="2265">
                  <c:v>41555</c:v>
                </c:pt>
                <c:pt idx="2266">
                  <c:v>41556</c:v>
                </c:pt>
                <c:pt idx="2267">
                  <c:v>41557</c:v>
                </c:pt>
                <c:pt idx="2268">
                  <c:v>41558</c:v>
                </c:pt>
                <c:pt idx="2269">
                  <c:v>41561</c:v>
                </c:pt>
                <c:pt idx="2270">
                  <c:v>41562</c:v>
                </c:pt>
                <c:pt idx="2271">
                  <c:v>41563</c:v>
                </c:pt>
                <c:pt idx="2272">
                  <c:v>41564</c:v>
                </c:pt>
                <c:pt idx="2273">
                  <c:v>41565</c:v>
                </c:pt>
                <c:pt idx="2274">
                  <c:v>41568</c:v>
                </c:pt>
                <c:pt idx="2275">
                  <c:v>41569</c:v>
                </c:pt>
                <c:pt idx="2276">
                  <c:v>41570</c:v>
                </c:pt>
                <c:pt idx="2277">
                  <c:v>41571</c:v>
                </c:pt>
                <c:pt idx="2278">
                  <c:v>41572</c:v>
                </c:pt>
                <c:pt idx="2279">
                  <c:v>41575</c:v>
                </c:pt>
                <c:pt idx="2280">
                  <c:v>41576</c:v>
                </c:pt>
                <c:pt idx="2281">
                  <c:v>41577</c:v>
                </c:pt>
                <c:pt idx="2282">
                  <c:v>41578</c:v>
                </c:pt>
                <c:pt idx="2283">
                  <c:v>41579</c:v>
                </c:pt>
                <c:pt idx="2284">
                  <c:v>41582</c:v>
                </c:pt>
                <c:pt idx="2285">
                  <c:v>41583</c:v>
                </c:pt>
                <c:pt idx="2286">
                  <c:v>41584</c:v>
                </c:pt>
                <c:pt idx="2287">
                  <c:v>41585</c:v>
                </c:pt>
                <c:pt idx="2288">
                  <c:v>41586</c:v>
                </c:pt>
                <c:pt idx="2289">
                  <c:v>41589</c:v>
                </c:pt>
                <c:pt idx="2290">
                  <c:v>41590</c:v>
                </c:pt>
                <c:pt idx="2291">
                  <c:v>41591</c:v>
                </c:pt>
                <c:pt idx="2292">
                  <c:v>41592</c:v>
                </c:pt>
                <c:pt idx="2293">
                  <c:v>41596</c:v>
                </c:pt>
                <c:pt idx="2294">
                  <c:v>41597</c:v>
                </c:pt>
                <c:pt idx="2295">
                  <c:v>41598</c:v>
                </c:pt>
                <c:pt idx="2296">
                  <c:v>41599</c:v>
                </c:pt>
                <c:pt idx="2297">
                  <c:v>41600</c:v>
                </c:pt>
                <c:pt idx="2298">
                  <c:v>41603</c:v>
                </c:pt>
                <c:pt idx="2299">
                  <c:v>41604</c:v>
                </c:pt>
                <c:pt idx="2300">
                  <c:v>41605</c:v>
                </c:pt>
                <c:pt idx="2301">
                  <c:v>41606</c:v>
                </c:pt>
                <c:pt idx="2302">
                  <c:v>41607</c:v>
                </c:pt>
                <c:pt idx="2303">
                  <c:v>41610</c:v>
                </c:pt>
                <c:pt idx="2304">
                  <c:v>41611</c:v>
                </c:pt>
                <c:pt idx="2305">
                  <c:v>41612</c:v>
                </c:pt>
                <c:pt idx="2306">
                  <c:v>41613</c:v>
                </c:pt>
                <c:pt idx="2307">
                  <c:v>41614</c:v>
                </c:pt>
                <c:pt idx="2308">
                  <c:v>41617</c:v>
                </c:pt>
                <c:pt idx="2309">
                  <c:v>41618</c:v>
                </c:pt>
                <c:pt idx="2310">
                  <c:v>41619</c:v>
                </c:pt>
                <c:pt idx="2311">
                  <c:v>41620</c:v>
                </c:pt>
                <c:pt idx="2312">
                  <c:v>41621</c:v>
                </c:pt>
                <c:pt idx="2313">
                  <c:v>41624</c:v>
                </c:pt>
                <c:pt idx="2314">
                  <c:v>41625</c:v>
                </c:pt>
                <c:pt idx="2315">
                  <c:v>41626</c:v>
                </c:pt>
                <c:pt idx="2316">
                  <c:v>41627</c:v>
                </c:pt>
                <c:pt idx="2317">
                  <c:v>41628</c:v>
                </c:pt>
                <c:pt idx="2318">
                  <c:v>41631</c:v>
                </c:pt>
                <c:pt idx="2319">
                  <c:v>41632</c:v>
                </c:pt>
                <c:pt idx="2320">
                  <c:v>41634</c:v>
                </c:pt>
                <c:pt idx="2321">
                  <c:v>41635</c:v>
                </c:pt>
                <c:pt idx="2322">
                  <c:v>41638</c:v>
                </c:pt>
                <c:pt idx="2323">
                  <c:v>41639</c:v>
                </c:pt>
                <c:pt idx="2324">
                  <c:v>41641</c:v>
                </c:pt>
                <c:pt idx="2325">
                  <c:v>41642</c:v>
                </c:pt>
                <c:pt idx="2326">
                  <c:v>41645</c:v>
                </c:pt>
                <c:pt idx="2327">
                  <c:v>41646</c:v>
                </c:pt>
                <c:pt idx="2328">
                  <c:v>41647</c:v>
                </c:pt>
                <c:pt idx="2329">
                  <c:v>41648</c:v>
                </c:pt>
                <c:pt idx="2330">
                  <c:v>41649</c:v>
                </c:pt>
                <c:pt idx="2331">
                  <c:v>41652</c:v>
                </c:pt>
                <c:pt idx="2332">
                  <c:v>41653</c:v>
                </c:pt>
                <c:pt idx="2333">
                  <c:v>41654</c:v>
                </c:pt>
                <c:pt idx="2334">
                  <c:v>41655</c:v>
                </c:pt>
                <c:pt idx="2335">
                  <c:v>41656</c:v>
                </c:pt>
                <c:pt idx="2336">
                  <c:v>41659</c:v>
                </c:pt>
                <c:pt idx="2337">
                  <c:v>41660</c:v>
                </c:pt>
                <c:pt idx="2338">
                  <c:v>41661</c:v>
                </c:pt>
                <c:pt idx="2339">
                  <c:v>41662</c:v>
                </c:pt>
                <c:pt idx="2340">
                  <c:v>41663</c:v>
                </c:pt>
                <c:pt idx="2341">
                  <c:v>41666</c:v>
                </c:pt>
                <c:pt idx="2342">
                  <c:v>41667</c:v>
                </c:pt>
                <c:pt idx="2343">
                  <c:v>41668</c:v>
                </c:pt>
                <c:pt idx="2344">
                  <c:v>41669</c:v>
                </c:pt>
                <c:pt idx="2345">
                  <c:v>41670</c:v>
                </c:pt>
                <c:pt idx="2346">
                  <c:v>41673</c:v>
                </c:pt>
                <c:pt idx="2347">
                  <c:v>41674</c:v>
                </c:pt>
                <c:pt idx="2348">
                  <c:v>41675</c:v>
                </c:pt>
                <c:pt idx="2349">
                  <c:v>41676</c:v>
                </c:pt>
                <c:pt idx="2350">
                  <c:v>41677</c:v>
                </c:pt>
                <c:pt idx="2351">
                  <c:v>41680</c:v>
                </c:pt>
                <c:pt idx="2352">
                  <c:v>41681</c:v>
                </c:pt>
                <c:pt idx="2353">
                  <c:v>41682</c:v>
                </c:pt>
                <c:pt idx="2354">
                  <c:v>41683</c:v>
                </c:pt>
                <c:pt idx="2355">
                  <c:v>41684</c:v>
                </c:pt>
                <c:pt idx="2356">
                  <c:v>41687</c:v>
                </c:pt>
                <c:pt idx="2357">
                  <c:v>41688</c:v>
                </c:pt>
                <c:pt idx="2358">
                  <c:v>41689</c:v>
                </c:pt>
                <c:pt idx="2359">
                  <c:v>41690</c:v>
                </c:pt>
                <c:pt idx="2360">
                  <c:v>41691</c:v>
                </c:pt>
                <c:pt idx="2361">
                  <c:v>41694</c:v>
                </c:pt>
                <c:pt idx="2362">
                  <c:v>41695</c:v>
                </c:pt>
                <c:pt idx="2363">
                  <c:v>41696</c:v>
                </c:pt>
                <c:pt idx="2364">
                  <c:v>41697</c:v>
                </c:pt>
                <c:pt idx="2365">
                  <c:v>41698</c:v>
                </c:pt>
                <c:pt idx="2366">
                  <c:v>41703</c:v>
                </c:pt>
                <c:pt idx="2367">
                  <c:v>41704</c:v>
                </c:pt>
                <c:pt idx="2368">
                  <c:v>41705</c:v>
                </c:pt>
                <c:pt idx="2369">
                  <c:v>41708</c:v>
                </c:pt>
                <c:pt idx="2370">
                  <c:v>41709</c:v>
                </c:pt>
                <c:pt idx="2371">
                  <c:v>41710</c:v>
                </c:pt>
                <c:pt idx="2372">
                  <c:v>41711</c:v>
                </c:pt>
                <c:pt idx="2373">
                  <c:v>41712</c:v>
                </c:pt>
                <c:pt idx="2374">
                  <c:v>41715</c:v>
                </c:pt>
                <c:pt idx="2375">
                  <c:v>41716</c:v>
                </c:pt>
                <c:pt idx="2376">
                  <c:v>41717</c:v>
                </c:pt>
                <c:pt idx="2377">
                  <c:v>41718</c:v>
                </c:pt>
                <c:pt idx="2378">
                  <c:v>41719</c:v>
                </c:pt>
                <c:pt idx="2379">
                  <c:v>41722</c:v>
                </c:pt>
                <c:pt idx="2380">
                  <c:v>41723</c:v>
                </c:pt>
                <c:pt idx="2381">
                  <c:v>41724</c:v>
                </c:pt>
                <c:pt idx="2382">
                  <c:v>41725</c:v>
                </c:pt>
                <c:pt idx="2383">
                  <c:v>41726</c:v>
                </c:pt>
                <c:pt idx="2384">
                  <c:v>41729</c:v>
                </c:pt>
                <c:pt idx="2385">
                  <c:v>41730</c:v>
                </c:pt>
                <c:pt idx="2386">
                  <c:v>41731</c:v>
                </c:pt>
                <c:pt idx="2387">
                  <c:v>41732</c:v>
                </c:pt>
                <c:pt idx="2388">
                  <c:v>41733</c:v>
                </c:pt>
                <c:pt idx="2389">
                  <c:v>41736</c:v>
                </c:pt>
                <c:pt idx="2390">
                  <c:v>41737</c:v>
                </c:pt>
                <c:pt idx="2391">
                  <c:v>41738</c:v>
                </c:pt>
                <c:pt idx="2392">
                  <c:v>41739</c:v>
                </c:pt>
                <c:pt idx="2393">
                  <c:v>41740</c:v>
                </c:pt>
                <c:pt idx="2394">
                  <c:v>41743</c:v>
                </c:pt>
                <c:pt idx="2395">
                  <c:v>41744</c:v>
                </c:pt>
                <c:pt idx="2396">
                  <c:v>41745</c:v>
                </c:pt>
                <c:pt idx="2397">
                  <c:v>41746</c:v>
                </c:pt>
                <c:pt idx="2398">
                  <c:v>41751</c:v>
                </c:pt>
                <c:pt idx="2399">
                  <c:v>41752</c:v>
                </c:pt>
                <c:pt idx="2400">
                  <c:v>41753</c:v>
                </c:pt>
                <c:pt idx="2401">
                  <c:v>41754</c:v>
                </c:pt>
                <c:pt idx="2402">
                  <c:v>41757</c:v>
                </c:pt>
                <c:pt idx="2403">
                  <c:v>41758</c:v>
                </c:pt>
                <c:pt idx="2404">
                  <c:v>41759</c:v>
                </c:pt>
                <c:pt idx="2405">
                  <c:v>41761</c:v>
                </c:pt>
                <c:pt idx="2406">
                  <c:v>41764</c:v>
                </c:pt>
                <c:pt idx="2407">
                  <c:v>41765</c:v>
                </c:pt>
                <c:pt idx="2408">
                  <c:v>41766</c:v>
                </c:pt>
                <c:pt idx="2409">
                  <c:v>41767</c:v>
                </c:pt>
                <c:pt idx="2410">
                  <c:v>41768</c:v>
                </c:pt>
                <c:pt idx="2411">
                  <c:v>41771</c:v>
                </c:pt>
                <c:pt idx="2412">
                  <c:v>41772</c:v>
                </c:pt>
                <c:pt idx="2413">
                  <c:v>41773</c:v>
                </c:pt>
                <c:pt idx="2414">
                  <c:v>41774</c:v>
                </c:pt>
                <c:pt idx="2415">
                  <c:v>41775</c:v>
                </c:pt>
                <c:pt idx="2416">
                  <c:v>41778</c:v>
                </c:pt>
                <c:pt idx="2417">
                  <c:v>41779</c:v>
                </c:pt>
                <c:pt idx="2418">
                  <c:v>41780</c:v>
                </c:pt>
                <c:pt idx="2419">
                  <c:v>41781</c:v>
                </c:pt>
                <c:pt idx="2420">
                  <c:v>41782</c:v>
                </c:pt>
                <c:pt idx="2421">
                  <c:v>41785</c:v>
                </c:pt>
                <c:pt idx="2422">
                  <c:v>41786</c:v>
                </c:pt>
                <c:pt idx="2423">
                  <c:v>41787</c:v>
                </c:pt>
                <c:pt idx="2424">
                  <c:v>41788</c:v>
                </c:pt>
                <c:pt idx="2425">
                  <c:v>41789</c:v>
                </c:pt>
                <c:pt idx="2426">
                  <c:v>41792</c:v>
                </c:pt>
                <c:pt idx="2427">
                  <c:v>41793</c:v>
                </c:pt>
                <c:pt idx="2428">
                  <c:v>41794</c:v>
                </c:pt>
                <c:pt idx="2429">
                  <c:v>41795</c:v>
                </c:pt>
                <c:pt idx="2430">
                  <c:v>41796</c:v>
                </c:pt>
                <c:pt idx="2431">
                  <c:v>41799</c:v>
                </c:pt>
                <c:pt idx="2432">
                  <c:v>41800</c:v>
                </c:pt>
                <c:pt idx="2433">
                  <c:v>41801</c:v>
                </c:pt>
                <c:pt idx="2434">
                  <c:v>41802</c:v>
                </c:pt>
                <c:pt idx="2435">
                  <c:v>41803</c:v>
                </c:pt>
                <c:pt idx="2436">
                  <c:v>41806</c:v>
                </c:pt>
                <c:pt idx="2437">
                  <c:v>41807</c:v>
                </c:pt>
                <c:pt idx="2438">
                  <c:v>41808</c:v>
                </c:pt>
                <c:pt idx="2439">
                  <c:v>41810</c:v>
                </c:pt>
                <c:pt idx="2440">
                  <c:v>41813</c:v>
                </c:pt>
                <c:pt idx="2441">
                  <c:v>41814</c:v>
                </c:pt>
                <c:pt idx="2442">
                  <c:v>41815</c:v>
                </c:pt>
                <c:pt idx="2443">
                  <c:v>41816</c:v>
                </c:pt>
                <c:pt idx="2444">
                  <c:v>41817</c:v>
                </c:pt>
                <c:pt idx="2445">
                  <c:v>41820</c:v>
                </c:pt>
                <c:pt idx="2446">
                  <c:v>41821</c:v>
                </c:pt>
                <c:pt idx="2447">
                  <c:v>41822</c:v>
                </c:pt>
                <c:pt idx="2448">
                  <c:v>41823</c:v>
                </c:pt>
                <c:pt idx="2449">
                  <c:v>41824</c:v>
                </c:pt>
                <c:pt idx="2450">
                  <c:v>41827</c:v>
                </c:pt>
                <c:pt idx="2451">
                  <c:v>41828</c:v>
                </c:pt>
                <c:pt idx="2452">
                  <c:v>41829</c:v>
                </c:pt>
                <c:pt idx="2453">
                  <c:v>41830</c:v>
                </c:pt>
                <c:pt idx="2454">
                  <c:v>41831</c:v>
                </c:pt>
                <c:pt idx="2455">
                  <c:v>41834</c:v>
                </c:pt>
                <c:pt idx="2456">
                  <c:v>41835</c:v>
                </c:pt>
                <c:pt idx="2457">
                  <c:v>41836</c:v>
                </c:pt>
                <c:pt idx="2458">
                  <c:v>41837</c:v>
                </c:pt>
                <c:pt idx="2459">
                  <c:v>41838</c:v>
                </c:pt>
                <c:pt idx="2460">
                  <c:v>41841</c:v>
                </c:pt>
                <c:pt idx="2461">
                  <c:v>41842</c:v>
                </c:pt>
                <c:pt idx="2462">
                  <c:v>41843</c:v>
                </c:pt>
                <c:pt idx="2463">
                  <c:v>41844</c:v>
                </c:pt>
                <c:pt idx="2464">
                  <c:v>41845</c:v>
                </c:pt>
                <c:pt idx="2465">
                  <c:v>41848</c:v>
                </c:pt>
                <c:pt idx="2466">
                  <c:v>41849</c:v>
                </c:pt>
                <c:pt idx="2467">
                  <c:v>41850</c:v>
                </c:pt>
                <c:pt idx="2468">
                  <c:v>41851</c:v>
                </c:pt>
                <c:pt idx="2469">
                  <c:v>41852</c:v>
                </c:pt>
                <c:pt idx="2470">
                  <c:v>41855</c:v>
                </c:pt>
                <c:pt idx="2471">
                  <c:v>41856</c:v>
                </c:pt>
                <c:pt idx="2472">
                  <c:v>41857</c:v>
                </c:pt>
                <c:pt idx="2473">
                  <c:v>41858</c:v>
                </c:pt>
                <c:pt idx="2474">
                  <c:v>41859</c:v>
                </c:pt>
                <c:pt idx="2475">
                  <c:v>41862</c:v>
                </c:pt>
                <c:pt idx="2476">
                  <c:v>41863</c:v>
                </c:pt>
                <c:pt idx="2477">
                  <c:v>41864</c:v>
                </c:pt>
                <c:pt idx="2478">
                  <c:v>41865</c:v>
                </c:pt>
                <c:pt idx="2479">
                  <c:v>41866</c:v>
                </c:pt>
                <c:pt idx="2480">
                  <c:v>41869</c:v>
                </c:pt>
                <c:pt idx="2481">
                  <c:v>41870</c:v>
                </c:pt>
                <c:pt idx="2482">
                  <c:v>41871</c:v>
                </c:pt>
                <c:pt idx="2483">
                  <c:v>41872</c:v>
                </c:pt>
                <c:pt idx="2484">
                  <c:v>41873</c:v>
                </c:pt>
                <c:pt idx="2485">
                  <c:v>41876</c:v>
                </c:pt>
                <c:pt idx="2486">
                  <c:v>41877</c:v>
                </c:pt>
                <c:pt idx="2487">
                  <c:v>41878</c:v>
                </c:pt>
                <c:pt idx="2488">
                  <c:v>41879</c:v>
                </c:pt>
                <c:pt idx="2489">
                  <c:v>41880</c:v>
                </c:pt>
                <c:pt idx="2490">
                  <c:v>41883</c:v>
                </c:pt>
                <c:pt idx="2491">
                  <c:v>41884</c:v>
                </c:pt>
                <c:pt idx="2492">
                  <c:v>41885</c:v>
                </c:pt>
                <c:pt idx="2493">
                  <c:v>41886</c:v>
                </c:pt>
                <c:pt idx="2494">
                  <c:v>41887</c:v>
                </c:pt>
                <c:pt idx="2495">
                  <c:v>41890</c:v>
                </c:pt>
                <c:pt idx="2496">
                  <c:v>41891</c:v>
                </c:pt>
                <c:pt idx="2497">
                  <c:v>41892</c:v>
                </c:pt>
                <c:pt idx="2498">
                  <c:v>41893</c:v>
                </c:pt>
                <c:pt idx="2499">
                  <c:v>41894</c:v>
                </c:pt>
                <c:pt idx="2500">
                  <c:v>41897</c:v>
                </c:pt>
                <c:pt idx="2501">
                  <c:v>41898</c:v>
                </c:pt>
                <c:pt idx="2502">
                  <c:v>41899</c:v>
                </c:pt>
                <c:pt idx="2503">
                  <c:v>41900</c:v>
                </c:pt>
                <c:pt idx="2504">
                  <c:v>41901</c:v>
                </c:pt>
                <c:pt idx="2505">
                  <c:v>41904</c:v>
                </c:pt>
                <c:pt idx="2506">
                  <c:v>41905</c:v>
                </c:pt>
                <c:pt idx="2507">
                  <c:v>41906</c:v>
                </c:pt>
                <c:pt idx="2508">
                  <c:v>41907</c:v>
                </c:pt>
                <c:pt idx="2509">
                  <c:v>41908</c:v>
                </c:pt>
                <c:pt idx="2510">
                  <c:v>41911</c:v>
                </c:pt>
                <c:pt idx="2511">
                  <c:v>41912</c:v>
                </c:pt>
                <c:pt idx="2512">
                  <c:v>41913</c:v>
                </c:pt>
                <c:pt idx="2513">
                  <c:v>41914</c:v>
                </c:pt>
                <c:pt idx="2514">
                  <c:v>41915</c:v>
                </c:pt>
                <c:pt idx="2515">
                  <c:v>41918</c:v>
                </c:pt>
                <c:pt idx="2516">
                  <c:v>41919</c:v>
                </c:pt>
                <c:pt idx="2517">
                  <c:v>41920</c:v>
                </c:pt>
                <c:pt idx="2518">
                  <c:v>41921</c:v>
                </c:pt>
                <c:pt idx="2519">
                  <c:v>41922</c:v>
                </c:pt>
                <c:pt idx="2520">
                  <c:v>41925</c:v>
                </c:pt>
                <c:pt idx="2521">
                  <c:v>41926</c:v>
                </c:pt>
                <c:pt idx="2522">
                  <c:v>41927</c:v>
                </c:pt>
                <c:pt idx="2523">
                  <c:v>41928</c:v>
                </c:pt>
                <c:pt idx="2524">
                  <c:v>41929</c:v>
                </c:pt>
                <c:pt idx="2525">
                  <c:v>41932</c:v>
                </c:pt>
                <c:pt idx="2526">
                  <c:v>41933</c:v>
                </c:pt>
                <c:pt idx="2527">
                  <c:v>41934</c:v>
                </c:pt>
                <c:pt idx="2528">
                  <c:v>41935</c:v>
                </c:pt>
                <c:pt idx="2529">
                  <c:v>41936</c:v>
                </c:pt>
                <c:pt idx="2530">
                  <c:v>41939</c:v>
                </c:pt>
                <c:pt idx="2531">
                  <c:v>41940</c:v>
                </c:pt>
                <c:pt idx="2532">
                  <c:v>41941</c:v>
                </c:pt>
                <c:pt idx="2533">
                  <c:v>41942</c:v>
                </c:pt>
                <c:pt idx="2534">
                  <c:v>41943</c:v>
                </c:pt>
                <c:pt idx="2535">
                  <c:v>41946</c:v>
                </c:pt>
                <c:pt idx="2536">
                  <c:v>41947</c:v>
                </c:pt>
                <c:pt idx="2537">
                  <c:v>41948</c:v>
                </c:pt>
                <c:pt idx="2538">
                  <c:v>41949</c:v>
                </c:pt>
                <c:pt idx="2539">
                  <c:v>41950</c:v>
                </c:pt>
                <c:pt idx="2540">
                  <c:v>41953</c:v>
                </c:pt>
                <c:pt idx="2541">
                  <c:v>41954</c:v>
                </c:pt>
                <c:pt idx="2542">
                  <c:v>41955</c:v>
                </c:pt>
                <c:pt idx="2543">
                  <c:v>41956</c:v>
                </c:pt>
                <c:pt idx="2544">
                  <c:v>41957</c:v>
                </c:pt>
                <c:pt idx="2545">
                  <c:v>41960</c:v>
                </c:pt>
                <c:pt idx="2546">
                  <c:v>41961</c:v>
                </c:pt>
                <c:pt idx="2547">
                  <c:v>41962</c:v>
                </c:pt>
                <c:pt idx="2548">
                  <c:v>41963</c:v>
                </c:pt>
                <c:pt idx="2549">
                  <c:v>41964</c:v>
                </c:pt>
                <c:pt idx="2550">
                  <c:v>41967</c:v>
                </c:pt>
                <c:pt idx="2551">
                  <c:v>41968</c:v>
                </c:pt>
                <c:pt idx="2552">
                  <c:v>41969</c:v>
                </c:pt>
                <c:pt idx="2553">
                  <c:v>41970</c:v>
                </c:pt>
                <c:pt idx="2554">
                  <c:v>41971</c:v>
                </c:pt>
                <c:pt idx="2555">
                  <c:v>41974</c:v>
                </c:pt>
                <c:pt idx="2556">
                  <c:v>41975</c:v>
                </c:pt>
                <c:pt idx="2557">
                  <c:v>41976</c:v>
                </c:pt>
                <c:pt idx="2558">
                  <c:v>41977</c:v>
                </c:pt>
                <c:pt idx="2559">
                  <c:v>41978</c:v>
                </c:pt>
                <c:pt idx="2560">
                  <c:v>41981</c:v>
                </c:pt>
                <c:pt idx="2561">
                  <c:v>41982</c:v>
                </c:pt>
                <c:pt idx="2562">
                  <c:v>41983</c:v>
                </c:pt>
                <c:pt idx="2563">
                  <c:v>41984</c:v>
                </c:pt>
                <c:pt idx="2564">
                  <c:v>41985</c:v>
                </c:pt>
                <c:pt idx="2565">
                  <c:v>41988</c:v>
                </c:pt>
                <c:pt idx="2566">
                  <c:v>41989</c:v>
                </c:pt>
                <c:pt idx="2567">
                  <c:v>41990</c:v>
                </c:pt>
                <c:pt idx="2568">
                  <c:v>41991</c:v>
                </c:pt>
                <c:pt idx="2569">
                  <c:v>41992</c:v>
                </c:pt>
                <c:pt idx="2570">
                  <c:v>41995</c:v>
                </c:pt>
                <c:pt idx="2571">
                  <c:v>41996</c:v>
                </c:pt>
                <c:pt idx="2572">
                  <c:v>41997</c:v>
                </c:pt>
                <c:pt idx="2573">
                  <c:v>41999</c:v>
                </c:pt>
                <c:pt idx="2574">
                  <c:v>42002</c:v>
                </c:pt>
                <c:pt idx="2575">
                  <c:v>42003</c:v>
                </c:pt>
                <c:pt idx="2576">
                  <c:v>42004</c:v>
                </c:pt>
                <c:pt idx="2577">
                  <c:v>42006</c:v>
                </c:pt>
                <c:pt idx="2578">
                  <c:v>42009</c:v>
                </c:pt>
                <c:pt idx="2579">
                  <c:v>42010</c:v>
                </c:pt>
                <c:pt idx="2580">
                  <c:v>42011</c:v>
                </c:pt>
                <c:pt idx="2581">
                  <c:v>42012</c:v>
                </c:pt>
                <c:pt idx="2582">
                  <c:v>42013</c:v>
                </c:pt>
                <c:pt idx="2583">
                  <c:v>42016</c:v>
                </c:pt>
                <c:pt idx="2584">
                  <c:v>42017</c:v>
                </c:pt>
                <c:pt idx="2585">
                  <c:v>42018</c:v>
                </c:pt>
                <c:pt idx="2586">
                  <c:v>42019</c:v>
                </c:pt>
                <c:pt idx="2587">
                  <c:v>42020</c:v>
                </c:pt>
                <c:pt idx="2588">
                  <c:v>42023</c:v>
                </c:pt>
                <c:pt idx="2589">
                  <c:v>42024</c:v>
                </c:pt>
                <c:pt idx="2590">
                  <c:v>42025</c:v>
                </c:pt>
                <c:pt idx="2591">
                  <c:v>42026</c:v>
                </c:pt>
                <c:pt idx="2592">
                  <c:v>42027</c:v>
                </c:pt>
                <c:pt idx="2593">
                  <c:v>42030</c:v>
                </c:pt>
                <c:pt idx="2594">
                  <c:v>42031</c:v>
                </c:pt>
                <c:pt idx="2595">
                  <c:v>42032</c:v>
                </c:pt>
                <c:pt idx="2596">
                  <c:v>42033</c:v>
                </c:pt>
                <c:pt idx="2597">
                  <c:v>42034</c:v>
                </c:pt>
                <c:pt idx="2598">
                  <c:v>42037</c:v>
                </c:pt>
                <c:pt idx="2599">
                  <c:v>42038</c:v>
                </c:pt>
                <c:pt idx="2600">
                  <c:v>42039</c:v>
                </c:pt>
                <c:pt idx="2601">
                  <c:v>42040</c:v>
                </c:pt>
                <c:pt idx="2602">
                  <c:v>42041</c:v>
                </c:pt>
                <c:pt idx="2603">
                  <c:v>42044</c:v>
                </c:pt>
                <c:pt idx="2604">
                  <c:v>42045</c:v>
                </c:pt>
                <c:pt idx="2605">
                  <c:v>42046</c:v>
                </c:pt>
                <c:pt idx="2606">
                  <c:v>42047</c:v>
                </c:pt>
                <c:pt idx="2607">
                  <c:v>42048</c:v>
                </c:pt>
                <c:pt idx="2608">
                  <c:v>42053</c:v>
                </c:pt>
                <c:pt idx="2609">
                  <c:v>42054</c:v>
                </c:pt>
                <c:pt idx="2610">
                  <c:v>42055</c:v>
                </c:pt>
                <c:pt idx="2611">
                  <c:v>42058</c:v>
                </c:pt>
                <c:pt idx="2612">
                  <c:v>42059</c:v>
                </c:pt>
                <c:pt idx="2613">
                  <c:v>42060</c:v>
                </c:pt>
                <c:pt idx="2614">
                  <c:v>42061</c:v>
                </c:pt>
                <c:pt idx="2615">
                  <c:v>42062</c:v>
                </c:pt>
                <c:pt idx="2616">
                  <c:v>42065</c:v>
                </c:pt>
                <c:pt idx="2617">
                  <c:v>42066</c:v>
                </c:pt>
                <c:pt idx="2618">
                  <c:v>42067</c:v>
                </c:pt>
                <c:pt idx="2619">
                  <c:v>42068</c:v>
                </c:pt>
                <c:pt idx="2620">
                  <c:v>42069</c:v>
                </c:pt>
                <c:pt idx="2621">
                  <c:v>42072</c:v>
                </c:pt>
                <c:pt idx="2622">
                  <c:v>42073</c:v>
                </c:pt>
                <c:pt idx="2623">
                  <c:v>42074</c:v>
                </c:pt>
                <c:pt idx="2624">
                  <c:v>42075</c:v>
                </c:pt>
                <c:pt idx="2625">
                  <c:v>42076</c:v>
                </c:pt>
                <c:pt idx="2626">
                  <c:v>42079</c:v>
                </c:pt>
                <c:pt idx="2627">
                  <c:v>42080</c:v>
                </c:pt>
                <c:pt idx="2628">
                  <c:v>42081</c:v>
                </c:pt>
                <c:pt idx="2629">
                  <c:v>42082</c:v>
                </c:pt>
                <c:pt idx="2630">
                  <c:v>42083</c:v>
                </c:pt>
                <c:pt idx="2631">
                  <c:v>42086</c:v>
                </c:pt>
                <c:pt idx="2632">
                  <c:v>42087</c:v>
                </c:pt>
                <c:pt idx="2633">
                  <c:v>42088</c:v>
                </c:pt>
                <c:pt idx="2634">
                  <c:v>42089</c:v>
                </c:pt>
                <c:pt idx="2635">
                  <c:v>42090</c:v>
                </c:pt>
                <c:pt idx="2636">
                  <c:v>42093</c:v>
                </c:pt>
                <c:pt idx="2637">
                  <c:v>42094</c:v>
                </c:pt>
                <c:pt idx="2638">
                  <c:v>42095</c:v>
                </c:pt>
                <c:pt idx="2639">
                  <c:v>42096</c:v>
                </c:pt>
                <c:pt idx="2640">
                  <c:v>42100</c:v>
                </c:pt>
                <c:pt idx="2641">
                  <c:v>42101</c:v>
                </c:pt>
                <c:pt idx="2642">
                  <c:v>42102</c:v>
                </c:pt>
                <c:pt idx="2643">
                  <c:v>42103</c:v>
                </c:pt>
                <c:pt idx="2644">
                  <c:v>42104</c:v>
                </c:pt>
                <c:pt idx="2645">
                  <c:v>42107</c:v>
                </c:pt>
                <c:pt idx="2646">
                  <c:v>42108</c:v>
                </c:pt>
                <c:pt idx="2647">
                  <c:v>42109</c:v>
                </c:pt>
                <c:pt idx="2648">
                  <c:v>42110</c:v>
                </c:pt>
                <c:pt idx="2649">
                  <c:v>42111</c:v>
                </c:pt>
                <c:pt idx="2650">
                  <c:v>42114</c:v>
                </c:pt>
                <c:pt idx="2651">
                  <c:v>42116</c:v>
                </c:pt>
                <c:pt idx="2652">
                  <c:v>42117</c:v>
                </c:pt>
                <c:pt idx="2653">
                  <c:v>42118</c:v>
                </c:pt>
                <c:pt idx="2654">
                  <c:v>42121</c:v>
                </c:pt>
                <c:pt idx="2655">
                  <c:v>42122</c:v>
                </c:pt>
                <c:pt idx="2656">
                  <c:v>42123</c:v>
                </c:pt>
                <c:pt idx="2657">
                  <c:v>42124</c:v>
                </c:pt>
                <c:pt idx="2658">
                  <c:v>42128</c:v>
                </c:pt>
                <c:pt idx="2659">
                  <c:v>42129</c:v>
                </c:pt>
                <c:pt idx="2660">
                  <c:v>42130</c:v>
                </c:pt>
                <c:pt idx="2661">
                  <c:v>42131</c:v>
                </c:pt>
                <c:pt idx="2662">
                  <c:v>42132</c:v>
                </c:pt>
                <c:pt idx="2663">
                  <c:v>42135</c:v>
                </c:pt>
                <c:pt idx="2664">
                  <c:v>42136</c:v>
                </c:pt>
                <c:pt idx="2665">
                  <c:v>42137</c:v>
                </c:pt>
                <c:pt idx="2666">
                  <c:v>42138</c:v>
                </c:pt>
                <c:pt idx="2667">
                  <c:v>42139</c:v>
                </c:pt>
                <c:pt idx="2668">
                  <c:v>42142</c:v>
                </c:pt>
                <c:pt idx="2669">
                  <c:v>42143</c:v>
                </c:pt>
                <c:pt idx="2670">
                  <c:v>42144</c:v>
                </c:pt>
                <c:pt idx="2671">
                  <c:v>42145</c:v>
                </c:pt>
                <c:pt idx="2672">
                  <c:v>42146</c:v>
                </c:pt>
                <c:pt idx="2673">
                  <c:v>42149</c:v>
                </c:pt>
                <c:pt idx="2674">
                  <c:v>42150</c:v>
                </c:pt>
                <c:pt idx="2675">
                  <c:v>42151</c:v>
                </c:pt>
                <c:pt idx="2676">
                  <c:v>42152</c:v>
                </c:pt>
                <c:pt idx="2677">
                  <c:v>42153</c:v>
                </c:pt>
                <c:pt idx="2678">
                  <c:v>42156</c:v>
                </c:pt>
                <c:pt idx="2679">
                  <c:v>42157</c:v>
                </c:pt>
                <c:pt idx="2680">
                  <c:v>42158</c:v>
                </c:pt>
                <c:pt idx="2681">
                  <c:v>42160</c:v>
                </c:pt>
                <c:pt idx="2682">
                  <c:v>42163</c:v>
                </c:pt>
                <c:pt idx="2683">
                  <c:v>42164</c:v>
                </c:pt>
                <c:pt idx="2684">
                  <c:v>42165</c:v>
                </c:pt>
                <c:pt idx="2685">
                  <c:v>42166</c:v>
                </c:pt>
                <c:pt idx="2686">
                  <c:v>42167</c:v>
                </c:pt>
                <c:pt idx="2687">
                  <c:v>42170</c:v>
                </c:pt>
                <c:pt idx="2688">
                  <c:v>42171</c:v>
                </c:pt>
                <c:pt idx="2689">
                  <c:v>42172</c:v>
                </c:pt>
                <c:pt idx="2690">
                  <c:v>42173</c:v>
                </c:pt>
                <c:pt idx="2691">
                  <c:v>42174</c:v>
                </c:pt>
                <c:pt idx="2692">
                  <c:v>42177</c:v>
                </c:pt>
                <c:pt idx="2693">
                  <c:v>42178</c:v>
                </c:pt>
                <c:pt idx="2694">
                  <c:v>42179</c:v>
                </c:pt>
                <c:pt idx="2695">
                  <c:v>42180</c:v>
                </c:pt>
                <c:pt idx="2696">
                  <c:v>42181</c:v>
                </c:pt>
                <c:pt idx="2697">
                  <c:v>42184</c:v>
                </c:pt>
                <c:pt idx="2698">
                  <c:v>42185</c:v>
                </c:pt>
                <c:pt idx="2699">
                  <c:v>42186</c:v>
                </c:pt>
                <c:pt idx="2700">
                  <c:v>42187</c:v>
                </c:pt>
                <c:pt idx="2701">
                  <c:v>42188</c:v>
                </c:pt>
                <c:pt idx="2702">
                  <c:v>42191</c:v>
                </c:pt>
                <c:pt idx="2703">
                  <c:v>42192</c:v>
                </c:pt>
                <c:pt idx="2704">
                  <c:v>42193</c:v>
                </c:pt>
                <c:pt idx="2705">
                  <c:v>42194</c:v>
                </c:pt>
                <c:pt idx="2706">
                  <c:v>42195</c:v>
                </c:pt>
                <c:pt idx="2707">
                  <c:v>42198</c:v>
                </c:pt>
                <c:pt idx="2708">
                  <c:v>42199</c:v>
                </c:pt>
                <c:pt idx="2709">
                  <c:v>42200</c:v>
                </c:pt>
                <c:pt idx="2710">
                  <c:v>42201</c:v>
                </c:pt>
                <c:pt idx="2711">
                  <c:v>42202</c:v>
                </c:pt>
                <c:pt idx="2712">
                  <c:v>42205</c:v>
                </c:pt>
                <c:pt idx="2713">
                  <c:v>42206</c:v>
                </c:pt>
                <c:pt idx="2714">
                  <c:v>42207</c:v>
                </c:pt>
                <c:pt idx="2715">
                  <c:v>42208</c:v>
                </c:pt>
                <c:pt idx="2716">
                  <c:v>42209</c:v>
                </c:pt>
                <c:pt idx="2717">
                  <c:v>42212</c:v>
                </c:pt>
                <c:pt idx="2718">
                  <c:v>42213</c:v>
                </c:pt>
                <c:pt idx="2719">
                  <c:v>42214</c:v>
                </c:pt>
                <c:pt idx="2720">
                  <c:v>42215</c:v>
                </c:pt>
                <c:pt idx="2721">
                  <c:v>42216</c:v>
                </c:pt>
                <c:pt idx="2722">
                  <c:v>42219</c:v>
                </c:pt>
                <c:pt idx="2723">
                  <c:v>42220</c:v>
                </c:pt>
                <c:pt idx="2724">
                  <c:v>42221</c:v>
                </c:pt>
                <c:pt idx="2725">
                  <c:v>42222</c:v>
                </c:pt>
                <c:pt idx="2726">
                  <c:v>42223</c:v>
                </c:pt>
                <c:pt idx="2727">
                  <c:v>42226</c:v>
                </c:pt>
                <c:pt idx="2728">
                  <c:v>42227</c:v>
                </c:pt>
                <c:pt idx="2729">
                  <c:v>42228</c:v>
                </c:pt>
                <c:pt idx="2730">
                  <c:v>42229</c:v>
                </c:pt>
                <c:pt idx="2731">
                  <c:v>42230</c:v>
                </c:pt>
                <c:pt idx="2732">
                  <c:v>42233</c:v>
                </c:pt>
                <c:pt idx="2733">
                  <c:v>42234</c:v>
                </c:pt>
                <c:pt idx="2734">
                  <c:v>42235</c:v>
                </c:pt>
                <c:pt idx="2735">
                  <c:v>42236</c:v>
                </c:pt>
                <c:pt idx="2736">
                  <c:v>42237</c:v>
                </c:pt>
                <c:pt idx="2737">
                  <c:v>42240</c:v>
                </c:pt>
                <c:pt idx="2738">
                  <c:v>42241</c:v>
                </c:pt>
                <c:pt idx="2739">
                  <c:v>42242</c:v>
                </c:pt>
                <c:pt idx="2740">
                  <c:v>42243</c:v>
                </c:pt>
                <c:pt idx="2741">
                  <c:v>42244</c:v>
                </c:pt>
                <c:pt idx="2742">
                  <c:v>42247</c:v>
                </c:pt>
                <c:pt idx="2743">
                  <c:v>42248</c:v>
                </c:pt>
                <c:pt idx="2744">
                  <c:v>42249</c:v>
                </c:pt>
                <c:pt idx="2745">
                  <c:v>42250</c:v>
                </c:pt>
                <c:pt idx="2746">
                  <c:v>42251</c:v>
                </c:pt>
                <c:pt idx="2747">
                  <c:v>42255</c:v>
                </c:pt>
                <c:pt idx="2748">
                  <c:v>42256</c:v>
                </c:pt>
                <c:pt idx="2749">
                  <c:v>42257</c:v>
                </c:pt>
                <c:pt idx="2750">
                  <c:v>42258</c:v>
                </c:pt>
                <c:pt idx="2751">
                  <c:v>42261</c:v>
                </c:pt>
                <c:pt idx="2752">
                  <c:v>42262</c:v>
                </c:pt>
                <c:pt idx="2753">
                  <c:v>42263</c:v>
                </c:pt>
                <c:pt idx="2754">
                  <c:v>42264</c:v>
                </c:pt>
                <c:pt idx="2755">
                  <c:v>42265</c:v>
                </c:pt>
                <c:pt idx="2756">
                  <c:v>42268</c:v>
                </c:pt>
                <c:pt idx="2757">
                  <c:v>42269</c:v>
                </c:pt>
                <c:pt idx="2758">
                  <c:v>42270</c:v>
                </c:pt>
                <c:pt idx="2759">
                  <c:v>42271</c:v>
                </c:pt>
                <c:pt idx="2760">
                  <c:v>42272</c:v>
                </c:pt>
                <c:pt idx="2761">
                  <c:v>42275</c:v>
                </c:pt>
                <c:pt idx="2762">
                  <c:v>42276</c:v>
                </c:pt>
                <c:pt idx="2763">
                  <c:v>42277</c:v>
                </c:pt>
                <c:pt idx="2764">
                  <c:v>42278</c:v>
                </c:pt>
                <c:pt idx="2765">
                  <c:v>42279</c:v>
                </c:pt>
                <c:pt idx="2766">
                  <c:v>42282</c:v>
                </c:pt>
                <c:pt idx="2767">
                  <c:v>42283</c:v>
                </c:pt>
                <c:pt idx="2768">
                  <c:v>42284</c:v>
                </c:pt>
                <c:pt idx="2769">
                  <c:v>42285</c:v>
                </c:pt>
                <c:pt idx="2770">
                  <c:v>42286</c:v>
                </c:pt>
                <c:pt idx="2771">
                  <c:v>42290</c:v>
                </c:pt>
                <c:pt idx="2772">
                  <c:v>42291</c:v>
                </c:pt>
                <c:pt idx="2773">
                  <c:v>42292</c:v>
                </c:pt>
                <c:pt idx="2774">
                  <c:v>42293</c:v>
                </c:pt>
                <c:pt idx="2775">
                  <c:v>42296</c:v>
                </c:pt>
                <c:pt idx="2776">
                  <c:v>42297</c:v>
                </c:pt>
                <c:pt idx="2777">
                  <c:v>42298</c:v>
                </c:pt>
                <c:pt idx="2778">
                  <c:v>42299</c:v>
                </c:pt>
                <c:pt idx="2779">
                  <c:v>42300</c:v>
                </c:pt>
                <c:pt idx="2780">
                  <c:v>42303</c:v>
                </c:pt>
                <c:pt idx="2781">
                  <c:v>42304</c:v>
                </c:pt>
                <c:pt idx="2782">
                  <c:v>42305</c:v>
                </c:pt>
                <c:pt idx="2783">
                  <c:v>42306</c:v>
                </c:pt>
                <c:pt idx="2784">
                  <c:v>42307</c:v>
                </c:pt>
                <c:pt idx="2785">
                  <c:v>42311</c:v>
                </c:pt>
                <c:pt idx="2786">
                  <c:v>42312</c:v>
                </c:pt>
                <c:pt idx="2787">
                  <c:v>42313</c:v>
                </c:pt>
                <c:pt idx="2788">
                  <c:v>42314</c:v>
                </c:pt>
                <c:pt idx="2789">
                  <c:v>42317</c:v>
                </c:pt>
                <c:pt idx="2790">
                  <c:v>42318</c:v>
                </c:pt>
                <c:pt idx="2791">
                  <c:v>42319</c:v>
                </c:pt>
                <c:pt idx="2792">
                  <c:v>42320</c:v>
                </c:pt>
                <c:pt idx="2793">
                  <c:v>42321</c:v>
                </c:pt>
                <c:pt idx="2794">
                  <c:v>42324</c:v>
                </c:pt>
                <c:pt idx="2795">
                  <c:v>42325</c:v>
                </c:pt>
                <c:pt idx="2796">
                  <c:v>42326</c:v>
                </c:pt>
                <c:pt idx="2797">
                  <c:v>42327</c:v>
                </c:pt>
                <c:pt idx="2798">
                  <c:v>42328</c:v>
                </c:pt>
                <c:pt idx="2799">
                  <c:v>42331</c:v>
                </c:pt>
                <c:pt idx="2800">
                  <c:v>42332</c:v>
                </c:pt>
                <c:pt idx="2801">
                  <c:v>42333</c:v>
                </c:pt>
                <c:pt idx="2802">
                  <c:v>42334</c:v>
                </c:pt>
                <c:pt idx="2803">
                  <c:v>42335</c:v>
                </c:pt>
                <c:pt idx="2804">
                  <c:v>42338</c:v>
                </c:pt>
                <c:pt idx="2805">
                  <c:v>42339</c:v>
                </c:pt>
                <c:pt idx="2806">
                  <c:v>42340</c:v>
                </c:pt>
                <c:pt idx="2807">
                  <c:v>42341</c:v>
                </c:pt>
                <c:pt idx="2808">
                  <c:v>42342</c:v>
                </c:pt>
                <c:pt idx="2809">
                  <c:v>42345</c:v>
                </c:pt>
                <c:pt idx="2810">
                  <c:v>42346</c:v>
                </c:pt>
                <c:pt idx="2811">
                  <c:v>42347</c:v>
                </c:pt>
                <c:pt idx="2812">
                  <c:v>42348</c:v>
                </c:pt>
                <c:pt idx="2813">
                  <c:v>42349</c:v>
                </c:pt>
                <c:pt idx="2814">
                  <c:v>42352</c:v>
                </c:pt>
                <c:pt idx="2815">
                  <c:v>42353</c:v>
                </c:pt>
                <c:pt idx="2816">
                  <c:v>42354</c:v>
                </c:pt>
                <c:pt idx="2817">
                  <c:v>42355</c:v>
                </c:pt>
                <c:pt idx="2818">
                  <c:v>42356</c:v>
                </c:pt>
                <c:pt idx="2819">
                  <c:v>42359</c:v>
                </c:pt>
                <c:pt idx="2820">
                  <c:v>42360</c:v>
                </c:pt>
                <c:pt idx="2821">
                  <c:v>42361</c:v>
                </c:pt>
                <c:pt idx="2822">
                  <c:v>42362</c:v>
                </c:pt>
                <c:pt idx="2823">
                  <c:v>42366</c:v>
                </c:pt>
                <c:pt idx="2824">
                  <c:v>42367</c:v>
                </c:pt>
                <c:pt idx="2825">
                  <c:v>42368</c:v>
                </c:pt>
                <c:pt idx="2826">
                  <c:v>42369</c:v>
                </c:pt>
                <c:pt idx="2827">
                  <c:v>42373</c:v>
                </c:pt>
                <c:pt idx="2828">
                  <c:v>42374</c:v>
                </c:pt>
                <c:pt idx="2829">
                  <c:v>42375</c:v>
                </c:pt>
                <c:pt idx="2830">
                  <c:v>42376</c:v>
                </c:pt>
                <c:pt idx="2831">
                  <c:v>42377</c:v>
                </c:pt>
                <c:pt idx="2832">
                  <c:v>42380</c:v>
                </c:pt>
                <c:pt idx="2833">
                  <c:v>42381</c:v>
                </c:pt>
                <c:pt idx="2834">
                  <c:v>42382</c:v>
                </c:pt>
                <c:pt idx="2835">
                  <c:v>42383</c:v>
                </c:pt>
                <c:pt idx="2836">
                  <c:v>42384</c:v>
                </c:pt>
                <c:pt idx="2837">
                  <c:v>42387</c:v>
                </c:pt>
                <c:pt idx="2838">
                  <c:v>42388</c:v>
                </c:pt>
                <c:pt idx="2839">
                  <c:v>42389</c:v>
                </c:pt>
                <c:pt idx="2840">
                  <c:v>42390</c:v>
                </c:pt>
                <c:pt idx="2841">
                  <c:v>42391</c:v>
                </c:pt>
                <c:pt idx="2842">
                  <c:v>42394</c:v>
                </c:pt>
                <c:pt idx="2843">
                  <c:v>42395</c:v>
                </c:pt>
                <c:pt idx="2844">
                  <c:v>42396</c:v>
                </c:pt>
                <c:pt idx="2845">
                  <c:v>42397</c:v>
                </c:pt>
                <c:pt idx="2846">
                  <c:v>42398</c:v>
                </c:pt>
                <c:pt idx="2847">
                  <c:v>42401</c:v>
                </c:pt>
                <c:pt idx="2848">
                  <c:v>42402</c:v>
                </c:pt>
                <c:pt idx="2849">
                  <c:v>42403</c:v>
                </c:pt>
                <c:pt idx="2850">
                  <c:v>42404</c:v>
                </c:pt>
                <c:pt idx="2851">
                  <c:v>42405</c:v>
                </c:pt>
                <c:pt idx="2852">
                  <c:v>42410</c:v>
                </c:pt>
                <c:pt idx="2853">
                  <c:v>42411</c:v>
                </c:pt>
                <c:pt idx="2854">
                  <c:v>42412</c:v>
                </c:pt>
                <c:pt idx="2855">
                  <c:v>42415</c:v>
                </c:pt>
                <c:pt idx="2856">
                  <c:v>42416</c:v>
                </c:pt>
                <c:pt idx="2857">
                  <c:v>42417</c:v>
                </c:pt>
                <c:pt idx="2858">
                  <c:v>42418</c:v>
                </c:pt>
                <c:pt idx="2859">
                  <c:v>42419</c:v>
                </c:pt>
                <c:pt idx="2860">
                  <c:v>42422</c:v>
                </c:pt>
                <c:pt idx="2861">
                  <c:v>42423</c:v>
                </c:pt>
                <c:pt idx="2862">
                  <c:v>42424</c:v>
                </c:pt>
                <c:pt idx="2863">
                  <c:v>42425</c:v>
                </c:pt>
                <c:pt idx="2864">
                  <c:v>42426</c:v>
                </c:pt>
                <c:pt idx="2865">
                  <c:v>42429</c:v>
                </c:pt>
                <c:pt idx="2866">
                  <c:v>42430</c:v>
                </c:pt>
                <c:pt idx="2867">
                  <c:v>42431</c:v>
                </c:pt>
                <c:pt idx="2868">
                  <c:v>42432</c:v>
                </c:pt>
                <c:pt idx="2869">
                  <c:v>42433</c:v>
                </c:pt>
                <c:pt idx="2870">
                  <c:v>42436</c:v>
                </c:pt>
                <c:pt idx="2871">
                  <c:v>42437</c:v>
                </c:pt>
                <c:pt idx="2872">
                  <c:v>42438</c:v>
                </c:pt>
                <c:pt idx="2873">
                  <c:v>42439</c:v>
                </c:pt>
                <c:pt idx="2874">
                  <c:v>42440</c:v>
                </c:pt>
                <c:pt idx="2875">
                  <c:v>42443</c:v>
                </c:pt>
                <c:pt idx="2876">
                  <c:v>42444</c:v>
                </c:pt>
                <c:pt idx="2877">
                  <c:v>42445</c:v>
                </c:pt>
                <c:pt idx="2878">
                  <c:v>42446</c:v>
                </c:pt>
                <c:pt idx="2879">
                  <c:v>42447</c:v>
                </c:pt>
                <c:pt idx="2880">
                  <c:v>42450</c:v>
                </c:pt>
                <c:pt idx="2881">
                  <c:v>42451</c:v>
                </c:pt>
                <c:pt idx="2882">
                  <c:v>42452</c:v>
                </c:pt>
                <c:pt idx="2883">
                  <c:v>42453</c:v>
                </c:pt>
                <c:pt idx="2884">
                  <c:v>42457</c:v>
                </c:pt>
                <c:pt idx="2885">
                  <c:v>42458</c:v>
                </c:pt>
                <c:pt idx="2886">
                  <c:v>42459</c:v>
                </c:pt>
                <c:pt idx="2887">
                  <c:v>42460</c:v>
                </c:pt>
                <c:pt idx="2888">
                  <c:v>42461</c:v>
                </c:pt>
                <c:pt idx="2889">
                  <c:v>42464</c:v>
                </c:pt>
                <c:pt idx="2890">
                  <c:v>42465</c:v>
                </c:pt>
                <c:pt idx="2891">
                  <c:v>42466</c:v>
                </c:pt>
                <c:pt idx="2892">
                  <c:v>42467</c:v>
                </c:pt>
                <c:pt idx="2893">
                  <c:v>42468</c:v>
                </c:pt>
                <c:pt idx="2894">
                  <c:v>42471</c:v>
                </c:pt>
                <c:pt idx="2895">
                  <c:v>42472</c:v>
                </c:pt>
                <c:pt idx="2896">
                  <c:v>42473</c:v>
                </c:pt>
                <c:pt idx="2897">
                  <c:v>42474</c:v>
                </c:pt>
                <c:pt idx="2898">
                  <c:v>42475</c:v>
                </c:pt>
                <c:pt idx="2899">
                  <c:v>42478</c:v>
                </c:pt>
                <c:pt idx="2900">
                  <c:v>42479</c:v>
                </c:pt>
                <c:pt idx="2901">
                  <c:v>42480</c:v>
                </c:pt>
                <c:pt idx="2902">
                  <c:v>42482</c:v>
                </c:pt>
                <c:pt idx="2903">
                  <c:v>42485</c:v>
                </c:pt>
                <c:pt idx="2904">
                  <c:v>42486</c:v>
                </c:pt>
                <c:pt idx="2905">
                  <c:v>42487</c:v>
                </c:pt>
                <c:pt idx="2906">
                  <c:v>42488</c:v>
                </c:pt>
                <c:pt idx="2907">
                  <c:v>42489</c:v>
                </c:pt>
                <c:pt idx="2908">
                  <c:v>42492</c:v>
                </c:pt>
                <c:pt idx="2909">
                  <c:v>42493</c:v>
                </c:pt>
                <c:pt idx="2910">
                  <c:v>42494</c:v>
                </c:pt>
                <c:pt idx="2911">
                  <c:v>42495</c:v>
                </c:pt>
                <c:pt idx="2912">
                  <c:v>42496</c:v>
                </c:pt>
                <c:pt idx="2913">
                  <c:v>42499</c:v>
                </c:pt>
                <c:pt idx="2914">
                  <c:v>42500</c:v>
                </c:pt>
                <c:pt idx="2915">
                  <c:v>42501</c:v>
                </c:pt>
                <c:pt idx="2916">
                  <c:v>42502</c:v>
                </c:pt>
                <c:pt idx="2917">
                  <c:v>42503</c:v>
                </c:pt>
                <c:pt idx="2918">
                  <c:v>42506</c:v>
                </c:pt>
                <c:pt idx="2919">
                  <c:v>42507</c:v>
                </c:pt>
                <c:pt idx="2920">
                  <c:v>42508</c:v>
                </c:pt>
                <c:pt idx="2921">
                  <c:v>42509</c:v>
                </c:pt>
                <c:pt idx="2922">
                  <c:v>42510</c:v>
                </c:pt>
                <c:pt idx="2923">
                  <c:v>42513</c:v>
                </c:pt>
                <c:pt idx="2924">
                  <c:v>42514</c:v>
                </c:pt>
                <c:pt idx="2925">
                  <c:v>42515</c:v>
                </c:pt>
                <c:pt idx="2926">
                  <c:v>42517</c:v>
                </c:pt>
                <c:pt idx="2927">
                  <c:v>42520</c:v>
                </c:pt>
                <c:pt idx="2928">
                  <c:v>42521</c:v>
                </c:pt>
                <c:pt idx="2929">
                  <c:v>42522</c:v>
                </c:pt>
                <c:pt idx="2930">
                  <c:v>42523</c:v>
                </c:pt>
                <c:pt idx="2931">
                  <c:v>42524</c:v>
                </c:pt>
                <c:pt idx="2932">
                  <c:v>42527</c:v>
                </c:pt>
                <c:pt idx="2933">
                  <c:v>42528</c:v>
                </c:pt>
                <c:pt idx="2934">
                  <c:v>42529</c:v>
                </c:pt>
                <c:pt idx="2935">
                  <c:v>42530</c:v>
                </c:pt>
                <c:pt idx="2936">
                  <c:v>42531</c:v>
                </c:pt>
                <c:pt idx="2937">
                  <c:v>42534</c:v>
                </c:pt>
                <c:pt idx="2938">
                  <c:v>42535</c:v>
                </c:pt>
                <c:pt idx="2939">
                  <c:v>42536</c:v>
                </c:pt>
                <c:pt idx="2940">
                  <c:v>42537</c:v>
                </c:pt>
                <c:pt idx="2941">
                  <c:v>42538</c:v>
                </c:pt>
                <c:pt idx="2942">
                  <c:v>42541</c:v>
                </c:pt>
                <c:pt idx="2943">
                  <c:v>42542</c:v>
                </c:pt>
                <c:pt idx="2944">
                  <c:v>42543</c:v>
                </c:pt>
                <c:pt idx="2945">
                  <c:v>42544</c:v>
                </c:pt>
                <c:pt idx="2946">
                  <c:v>42545</c:v>
                </c:pt>
                <c:pt idx="2947">
                  <c:v>42548</c:v>
                </c:pt>
                <c:pt idx="2948">
                  <c:v>42549</c:v>
                </c:pt>
                <c:pt idx="2949">
                  <c:v>42550</c:v>
                </c:pt>
                <c:pt idx="2950">
                  <c:v>42551</c:v>
                </c:pt>
                <c:pt idx="2951">
                  <c:v>42552</c:v>
                </c:pt>
                <c:pt idx="2952">
                  <c:v>42555</c:v>
                </c:pt>
                <c:pt idx="2953">
                  <c:v>42556</c:v>
                </c:pt>
                <c:pt idx="2954">
                  <c:v>42557</c:v>
                </c:pt>
                <c:pt idx="2955">
                  <c:v>42558</c:v>
                </c:pt>
                <c:pt idx="2956">
                  <c:v>42559</c:v>
                </c:pt>
                <c:pt idx="2957">
                  <c:v>42562</c:v>
                </c:pt>
                <c:pt idx="2958">
                  <c:v>42563</c:v>
                </c:pt>
                <c:pt idx="2959">
                  <c:v>42564</c:v>
                </c:pt>
                <c:pt idx="2960">
                  <c:v>42565</c:v>
                </c:pt>
                <c:pt idx="2961">
                  <c:v>42566</c:v>
                </c:pt>
                <c:pt idx="2962">
                  <c:v>42569</c:v>
                </c:pt>
                <c:pt idx="2963">
                  <c:v>42570</c:v>
                </c:pt>
                <c:pt idx="2964">
                  <c:v>42571</c:v>
                </c:pt>
                <c:pt idx="2965">
                  <c:v>42572</c:v>
                </c:pt>
                <c:pt idx="2966">
                  <c:v>42573</c:v>
                </c:pt>
                <c:pt idx="2967">
                  <c:v>42576</c:v>
                </c:pt>
                <c:pt idx="2968">
                  <c:v>42577</c:v>
                </c:pt>
                <c:pt idx="2969">
                  <c:v>42578</c:v>
                </c:pt>
                <c:pt idx="2970">
                  <c:v>42579</c:v>
                </c:pt>
                <c:pt idx="2971">
                  <c:v>42580</c:v>
                </c:pt>
                <c:pt idx="2972">
                  <c:v>42583</c:v>
                </c:pt>
                <c:pt idx="2973">
                  <c:v>42584</c:v>
                </c:pt>
                <c:pt idx="2974">
                  <c:v>42585</c:v>
                </c:pt>
                <c:pt idx="2975">
                  <c:v>42586</c:v>
                </c:pt>
                <c:pt idx="2976">
                  <c:v>42587</c:v>
                </c:pt>
                <c:pt idx="2977">
                  <c:v>42590</c:v>
                </c:pt>
                <c:pt idx="2978">
                  <c:v>42591</c:v>
                </c:pt>
                <c:pt idx="2979">
                  <c:v>42592</c:v>
                </c:pt>
                <c:pt idx="2980">
                  <c:v>42593</c:v>
                </c:pt>
                <c:pt idx="2981">
                  <c:v>42594</c:v>
                </c:pt>
                <c:pt idx="2982">
                  <c:v>42597</c:v>
                </c:pt>
                <c:pt idx="2983">
                  <c:v>42598</c:v>
                </c:pt>
                <c:pt idx="2984">
                  <c:v>42599</c:v>
                </c:pt>
                <c:pt idx="2985">
                  <c:v>42600</c:v>
                </c:pt>
                <c:pt idx="2986">
                  <c:v>42601</c:v>
                </c:pt>
                <c:pt idx="2987">
                  <c:v>42604</c:v>
                </c:pt>
                <c:pt idx="2988">
                  <c:v>42605</c:v>
                </c:pt>
                <c:pt idx="2989">
                  <c:v>42606</c:v>
                </c:pt>
                <c:pt idx="2990">
                  <c:v>42607</c:v>
                </c:pt>
                <c:pt idx="2991">
                  <c:v>42608</c:v>
                </c:pt>
                <c:pt idx="2992">
                  <c:v>42611</c:v>
                </c:pt>
                <c:pt idx="2993">
                  <c:v>42612</c:v>
                </c:pt>
                <c:pt idx="2994">
                  <c:v>42613</c:v>
                </c:pt>
                <c:pt idx="2995">
                  <c:v>42614</c:v>
                </c:pt>
                <c:pt idx="2996">
                  <c:v>42615</c:v>
                </c:pt>
                <c:pt idx="2997">
                  <c:v>42618</c:v>
                </c:pt>
                <c:pt idx="2998">
                  <c:v>42619</c:v>
                </c:pt>
                <c:pt idx="2999">
                  <c:v>42621</c:v>
                </c:pt>
                <c:pt idx="3000">
                  <c:v>42622</c:v>
                </c:pt>
                <c:pt idx="3001">
                  <c:v>42625</c:v>
                </c:pt>
                <c:pt idx="3002">
                  <c:v>42626</c:v>
                </c:pt>
                <c:pt idx="3003">
                  <c:v>42627</c:v>
                </c:pt>
                <c:pt idx="3004">
                  <c:v>42628</c:v>
                </c:pt>
                <c:pt idx="3005">
                  <c:v>42629</c:v>
                </c:pt>
                <c:pt idx="3006">
                  <c:v>42632</c:v>
                </c:pt>
                <c:pt idx="3007">
                  <c:v>42633</c:v>
                </c:pt>
                <c:pt idx="3008">
                  <c:v>42634</c:v>
                </c:pt>
                <c:pt idx="3009">
                  <c:v>42635</c:v>
                </c:pt>
                <c:pt idx="3010">
                  <c:v>42636</c:v>
                </c:pt>
                <c:pt idx="3011">
                  <c:v>42639</c:v>
                </c:pt>
                <c:pt idx="3012">
                  <c:v>42640</c:v>
                </c:pt>
                <c:pt idx="3013">
                  <c:v>42641</c:v>
                </c:pt>
                <c:pt idx="3014">
                  <c:v>42642</c:v>
                </c:pt>
                <c:pt idx="3015">
                  <c:v>42643</c:v>
                </c:pt>
                <c:pt idx="3016">
                  <c:v>42646</c:v>
                </c:pt>
                <c:pt idx="3017">
                  <c:v>42647</c:v>
                </c:pt>
                <c:pt idx="3018">
                  <c:v>42648</c:v>
                </c:pt>
                <c:pt idx="3019">
                  <c:v>42649</c:v>
                </c:pt>
                <c:pt idx="3020">
                  <c:v>42650</c:v>
                </c:pt>
                <c:pt idx="3021">
                  <c:v>42653</c:v>
                </c:pt>
                <c:pt idx="3022">
                  <c:v>42654</c:v>
                </c:pt>
                <c:pt idx="3023">
                  <c:v>42656</c:v>
                </c:pt>
                <c:pt idx="3024">
                  <c:v>42657</c:v>
                </c:pt>
                <c:pt idx="3025">
                  <c:v>42660</c:v>
                </c:pt>
                <c:pt idx="3026">
                  <c:v>42661</c:v>
                </c:pt>
                <c:pt idx="3027">
                  <c:v>42662</c:v>
                </c:pt>
                <c:pt idx="3028">
                  <c:v>42663</c:v>
                </c:pt>
                <c:pt idx="3029">
                  <c:v>42664</c:v>
                </c:pt>
                <c:pt idx="3030">
                  <c:v>42667</c:v>
                </c:pt>
                <c:pt idx="3031">
                  <c:v>42668</c:v>
                </c:pt>
                <c:pt idx="3032">
                  <c:v>42669</c:v>
                </c:pt>
                <c:pt idx="3033">
                  <c:v>42670</c:v>
                </c:pt>
                <c:pt idx="3034">
                  <c:v>42671</c:v>
                </c:pt>
                <c:pt idx="3035">
                  <c:v>42674</c:v>
                </c:pt>
                <c:pt idx="3036">
                  <c:v>42675</c:v>
                </c:pt>
                <c:pt idx="3037">
                  <c:v>42677</c:v>
                </c:pt>
                <c:pt idx="3038">
                  <c:v>42678</c:v>
                </c:pt>
                <c:pt idx="3039">
                  <c:v>42681</c:v>
                </c:pt>
                <c:pt idx="3040">
                  <c:v>42682</c:v>
                </c:pt>
                <c:pt idx="3041">
                  <c:v>42683</c:v>
                </c:pt>
                <c:pt idx="3042">
                  <c:v>42684</c:v>
                </c:pt>
                <c:pt idx="3043">
                  <c:v>42685</c:v>
                </c:pt>
                <c:pt idx="3044">
                  <c:v>42688</c:v>
                </c:pt>
                <c:pt idx="3045">
                  <c:v>42690</c:v>
                </c:pt>
                <c:pt idx="3046">
                  <c:v>42691</c:v>
                </c:pt>
                <c:pt idx="3047">
                  <c:v>42692</c:v>
                </c:pt>
                <c:pt idx="3048">
                  <c:v>42695</c:v>
                </c:pt>
                <c:pt idx="3049">
                  <c:v>42696</c:v>
                </c:pt>
                <c:pt idx="3050">
                  <c:v>42697</c:v>
                </c:pt>
                <c:pt idx="3051">
                  <c:v>42698</c:v>
                </c:pt>
                <c:pt idx="3052">
                  <c:v>42699</c:v>
                </c:pt>
                <c:pt idx="3053">
                  <c:v>42702</c:v>
                </c:pt>
                <c:pt idx="3054">
                  <c:v>42703</c:v>
                </c:pt>
                <c:pt idx="3055">
                  <c:v>42704</c:v>
                </c:pt>
                <c:pt idx="3056">
                  <c:v>42705</c:v>
                </c:pt>
                <c:pt idx="3057">
                  <c:v>42706</c:v>
                </c:pt>
                <c:pt idx="3058">
                  <c:v>42709</c:v>
                </c:pt>
                <c:pt idx="3059">
                  <c:v>42710</c:v>
                </c:pt>
                <c:pt idx="3060">
                  <c:v>42711</c:v>
                </c:pt>
                <c:pt idx="3061">
                  <c:v>42712</c:v>
                </c:pt>
                <c:pt idx="3062">
                  <c:v>42713</c:v>
                </c:pt>
                <c:pt idx="3063">
                  <c:v>42716</c:v>
                </c:pt>
                <c:pt idx="3064">
                  <c:v>42717</c:v>
                </c:pt>
                <c:pt idx="3065">
                  <c:v>42718</c:v>
                </c:pt>
                <c:pt idx="3066">
                  <c:v>42719</c:v>
                </c:pt>
                <c:pt idx="3067">
                  <c:v>42720</c:v>
                </c:pt>
                <c:pt idx="3068">
                  <c:v>42723</c:v>
                </c:pt>
                <c:pt idx="3069">
                  <c:v>42724</c:v>
                </c:pt>
                <c:pt idx="3070">
                  <c:v>42725</c:v>
                </c:pt>
                <c:pt idx="3071">
                  <c:v>42726</c:v>
                </c:pt>
                <c:pt idx="3072">
                  <c:v>42727</c:v>
                </c:pt>
                <c:pt idx="3073">
                  <c:v>42730</c:v>
                </c:pt>
                <c:pt idx="3074">
                  <c:v>42731</c:v>
                </c:pt>
                <c:pt idx="3075">
                  <c:v>42732</c:v>
                </c:pt>
                <c:pt idx="3076">
                  <c:v>42733</c:v>
                </c:pt>
                <c:pt idx="3077">
                  <c:v>42734</c:v>
                </c:pt>
                <c:pt idx="3078">
                  <c:v>42737</c:v>
                </c:pt>
                <c:pt idx="3079">
                  <c:v>42738</c:v>
                </c:pt>
                <c:pt idx="3080">
                  <c:v>42739</c:v>
                </c:pt>
                <c:pt idx="3081">
                  <c:v>42740</c:v>
                </c:pt>
                <c:pt idx="3082">
                  <c:v>42741</c:v>
                </c:pt>
                <c:pt idx="3083">
                  <c:v>42744</c:v>
                </c:pt>
                <c:pt idx="3084">
                  <c:v>42745</c:v>
                </c:pt>
                <c:pt idx="3085">
                  <c:v>42746</c:v>
                </c:pt>
                <c:pt idx="3086">
                  <c:v>42747</c:v>
                </c:pt>
                <c:pt idx="3087">
                  <c:v>42748</c:v>
                </c:pt>
                <c:pt idx="3088">
                  <c:v>42751</c:v>
                </c:pt>
                <c:pt idx="3089">
                  <c:v>42752</c:v>
                </c:pt>
                <c:pt idx="3090">
                  <c:v>42753</c:v>
                </c:pt>
                <c:pt idx="3091">
                  <c:v>42754</c:v>
                </c:pt>
                <c:pt idx="3092">
                  <c:v>42755</c:v>
                </c:pt>
                <c:pt idx="3093">
                  <c:v>42758</c:v>
                </c:pt>
                <c:pt idx="3094">
                  <c:v>42759</c:v>
                </c:pt>
                <c:pt idx="3095">
                  <c:v>42760</c:v>
                </c:pt>
                <c:pt idx="3096">
                  <c:v>42761</c:v>
                </c:pt>
                <c:pt idx="3097">
                  <c:v>42762</c:v>
                </c:pt>
                <c:pt idx="3098">
                  <c:v>42765</c:v>
                </c:pt>
                <c:pt idx="3099">
                  <c:v>42766</c:v>
                </c:pt>
                <c:pt idx="3100">
                  <c:v>42767</c:v>
                </c:pt>
                <c:pt idx="3101">
                  <c:v>42768</c:v>
                </c:pt>
                <c:pt idx="3102">
                  <c:v>42769</c:v>
                </c:pt>
                <c:pt idx="3103">
                  <c:v>42772</c:v>
                </c:pt>
                <c:pt idx="3104">
                  <c:v>42773</c:v>
                </c:pt>
                <c:pt idx="3105">
                  <c:v>42774</c:v>
                </c:pt>
                <c:pt idx="3106">
                  <c:v>42775</c:v>
                </c:pt>
                <c:pt idx="3107">
                  <c:v>42776</c:v>
                </c:pt>
                <c:pt idx="3108">
                  <c:v>42779</c:v>
                </c:pt>
                <c:pt idx="3109">
                  <c:v>42780</c:v>
                </c:pt>
                <c:pt idx="3110">
                  <c:v>42781</c:v>
                </c:pt>
                <c:pt idx="3111">
                  <c:v>42782</c:v>
                </c:pt>
                <c:pt idx="3112">
                  <c:v>42783</c:v>
                </c:pt>
                <c:pt idx="3113">
                  <c:v>42786</c:v>
                </c:pt>
                <c:pt idx="3114">
                  <c:v>42787</c:v>
                </c:pt>
                <c:pt idx="3115">
                  <c:v>42788</c:v>
                </c:pt>
                <c:pt idx="3116">
                  <c:v>42789</c:v>
                </c:pt>
                <c:pt idx="3117">
                  <c:v>42790</c:v>
                </c:pt>
                <c:pt idx="3118">
                  <c:v>42795</c:v>
                </c:pt>
                <c:pt idx="3119">
                  <c:v>42796</c:v>
                </c:pt>
                <c:pt idx="3120">
                  <c:v>42797</c:v>
                </c:pt>
                <c:pt idx="3121">
                  <c:v>42800</c:v>
                </c:pt>
                <c:pt idx="3122">
                  <c:v>42801</c:v>
                </c:pt>
                <c:pt idx="3123">
                  <c:v>42802</c:v>
                </c:pt>
                <c:pt idx="3124">
                  <c:v>42803</c:v>
                </c:pt>
                <c:pt idx="3125">
                  <c:v>42804</c:v>
                </c:pt>
                <c:pt idx="3126">
                  <c:v>42807</c:v>
                </c:pt>
                <c:pt idx="3127">
                  <c:v>42808</c:v>
                </c:pt>
                <c:pt idx="3128">
                  <c:v>42809</c:v>
                </c:pt>
                <c:pt idx="3129">
                  <c:v>42810</c:v>
                </c:pt>
                <c:pt idx="3130">
                  <c:v>42811</c:v>
                </c:pt>
                <c:pt idx="3131">
                  <c:v>42814</c:v>
                </c:pt>
                <c:pt idx="3132">
                  <c:v>42815</c:v>
                </c:pt>
                <c:pt idx="3133">
                  <c:v>42816</c:v>
                </c:pt>
                <c:pt idx="3134">
                  <c:v>42817</c:v>
                </c:pt>
                <c:pt idx="3135">
                  <c:v>42818</c:v>
                </c:pt>
                <c:pt idx="3136">
                  <c:v>42821</c:v>
                </c:pt>
                <c:pt idx="3137">
                  <c:v>42822</c:v>
                </c:pt>
                <c:pt idx="3138">
                  <c:v>42823</c:v>
                </c:pt>
                <c:pt idx="3139">
                  <c:v>42824</c:v>
                </c:pt>
                <c:pt idx="3140">
                  <c:v>42825</c:v>
                </c:pt>
                <c:pt idx="3141">
                  <c:v>42828</c:v>
                </c:pt>
                <c:pt idx="3142">
                  <c:v>42829</c:v>
                </c:pt>
                <c:pt idx="3143">
                  <c:v>42830</c:v>
                </c:pt>
                <c:pt idx="3144">
                  <c:v>42831</c:v>
                </c:pt>
                <c:pt idx="3145">
                  <c:v>42832</c:v>
                </c:pt>
                <c:pt idx="3146">
                  <c:v>42835</c:v>
                </c:pt>
                <c:pt idx="3147">
                  <c:v>42836</c:v>
                </c:pt>
                <c:pt idx="3148">
                  <c:v>42837</c:v>
                </c:pt>
                <c:pt idx="3149">
                  <c:v>42838</c:v>
                </c:pt>
                <c:pt idx="3150">
                  <c:v>42842</c:v>
                </c:pt>
                <c:pt idx="3151">
                  <c:v>42843</c:v>
                </c:pt>
                <c:pt idx="3152">
                  <c:v>42844</c:v>
                </c:pt>
                <c:pt idx="3153">
                  <c:v>42845</c:v>
                </c:pt>
                <c:pt idx="3154">
                  <c:v>42849</c:v>
                </c:pt>
                <c:pt idx="3155">
                  <c:v>42850</c:v>
                </c:pt>
                <c:pt idx="3156">
                  <c:v>42851</c:v>
                </c:pt>
                <c:pt idx="3157">
                  <c:v>42852</c:v>
                </c:pt>
                <c:pt idx="3158">
                  <c:v>42853</c:v>
                </c:pt>
                <c:pt idx="3159">
                  <c:v>42857</c:v>
                </c:pt>
                <c:pt idx="3160">
                  <c:v>42858</c:v>
                </c:pt>
                <c:pt idx="3161">
                  <c:v>42859</c:v>
                </c:pt>
                <c:pt idx="3162">
                  <c:v>42860</c:v>
                </c:pt>
                <c:pt idx="3163">
                  <c:v>42863</c:v>
                </c:pt>
                <c:pt idx="3164">
                  <c:v>42864</c:v>
                </c:pt>
                <c:pt idx="3165">
                  <c:v>42865</c:v>
                </c:pt>
                <c:pt idx="3166">
                  <c:v>42866</c:v>
                </c:pt>
                <c:pt idx="3167">
                  <c:v>42867</c:v>
                </c:pt>
                <c:pt idx="3168">
                  <c:v>42870</c:v>
                </c:pt>
                <c:pt idx="3169">
                  <c:v>42871</c:v>
                </c:pt>
                <c:pt idx="3170">
                  <c:v>42872</c:v>
                </c:pt>
                <c:pt idx="3171">
                  <c:v>42873</c:v>
                </c:pt>
                <c:pt idx="3172">
                  <c:v>42874</c:v>
                </c:pt>
                <c:pt idx="3173">
                  <c:v>42877</c:v>
                </c:pt>
                <c:pt idx="3174">
                  <c:v>42878</c:v>
                </c:pt>
                <c:pt idx="3175">
                  <c:v>42879</c:v>
                </c:pt>
                <c:pt idx="3176">
                  <c:v>42880</c:v>
                </c:pt>
                <c:pt idx="3177">
                  <c:v>42881</c:v>
                </c:pt>
                <c:pt idx="3178">
                  <c:v>42884</c:v>
                </c:pt>
                <c:pt idx="3179">
                  <c:v>42885</c:v>
                </c:pt>
                <c:pt idx="3180">
                  <c:v>42886</c:v>
                </c:pt>
                <c:pt idx="3181">
                  <c:v>42887</c:v>
                </c:pt>
                <c:pt idx="3182">
                  <c:v>42888</c:v>
                </c:pt>
                <c:pt idx="3183">
                  <c:v>42891</c:v>
                </c:pt>
                <c:pt idx="3184">
                  <c:v>42892</c:v>
                </c:pt>
                <c:pt idx="3185">
                  <c:v>42893</c:v>
                </c:pt>
                <c:pt idx="3186">
                  <c:v>42894</c:v>
                </c:pt>
                <c:pt idx="3187">
                  <c:v>42895</c:v>
                </c:pt>
                <c:pt idx="3188">
                  <c:v>42898</c:v>
                </c:pt>
                <c:pt idx="3189">
                  <c:v>42899</c:v>
                </c:pt>
                <c:pt idx="3190">
                  <c:v>42900</c:v>
                </c:pt>
                <c:pt idx="3191">
                  <c:v>42902</c:v>
                </c:pt>
                <c:pt idx="3192">
                  <c:v>42905</c:v>
                </c:pt>
                <c:pt idx="3193">
                  <c:v>42906</c:v>
                </c:pt>
                <c:pt idx="3194">
                  <c:v>42907</c:v>
                </c:pt>
                <c:pt idx="3195">
                  <c:v>42908</c:v>
                </c:pt>
                <c:pt idx="3196">
                  <c:v>42909</c:v>
                </c:pt>
                <c:pt idx="3197">
                  <c:v>42912</c:v>
                </c:pt>
                <c:pt idx="3198">
                  <c:v>42913</c:v>
                </c:pt>
                <c:pt idx="3199">
                  <c:v>42914</c:v>
                </c:pt>
                <c:pt idx="3200">
                  <c:v>42915</c:v>
                </c:pt>
                <c:pt idx="3201">
                  <c:v>42916</c:v>
                </c:pt>
                <c:pt idx="3202">
                  <c:v>42919</c:v>
                </c:pt>
                <c:pt idx="3203">
                  <c:v>42920</c:v>
                </c:pt>
                <c:pt idx="3204">
                  <c:v>42921</c:v>
                </c:pt>
                <c:pt idx="3205">
                  <c:v>42922</c:v>
                </c:pt>
                <c:pt idx="3206">
                  <c:v>42923</c:v>
                </c:pt>
                <c:pt idx="3207">
                  <c:v>42926</c:v>
                </c:pt>
                <c:pt idx="3208">
                  <c:v>42927</c:v>
                </c:pt>
                <c:pt idx="3209">
                  <c:v>42928</c:v>
                </c:pt>
                <c:pt idx="3210">
                  <c:v>42929</c:v>
                </c:pt>
                <c:pt idx="3211">
                  <c:v>42930</c:v>
                </c:pt>
                <c:pt idx="3212">
                  <c:v>42933</c:v>
                </c:pt>
                <c:pt idx="3213">
                  <c:v>42934</c:v>
                </c:pt>
                <c:pt idx="3214">
                  <c:v>42935</c:v>
                </c:pt>
                <c:pt idx="3215">
                  <c:v>42936</c:v>
                </c:pt>
                <c:pt idx="3216">
                  <c:v>42937</c:v>
                </c:pt>
                <c:pt idx="3217">
                  <c:v>42940</c:v>
                </c:pt>
                <c:pt idx="3218">
                  <c:v>42941</c:v>
                </c:pt>
                <c:pt idx="3219">
                  <c:v>42942</c:v>
                </c:pt>
                <c:pt idx="3220">
                  <c:v>42943</c:v>
                </c:pt>
                <c:pt idx="3221">
                  <c:v>42944</c:v>
                </c:pt>
                <c:pt idx="3222">
                  <c:v>42947</c:v>
                </c:pt>
                <c:pt idx="3223">
                  <c:v>42948</c:v>
                </c:pt>
                <c:pt idx="3224">
                  <c:v>42949</c:v>
                </c:pt>
                <c:pt idx="3225">
                  <c:v>42950</c:v>
                </c:pt>
                <c:pt idx="3226">
                  <c:v>42951</c:v>
                </c:pt>
                <c:pt idx="3227">
                  <c:v>42954</c:v>
                </c:pt>
                <c:pt idx="3228">
                  <c:v>42955</c:v>
                </c:pt>
                <c:pt idx="3229">
                  <c:v>42956</c:v>
                </c:pt>
                <c:pt idx="3230">
                  <c:v>42957</c:v>
                </c:pt>
                <c:pt idx="3231">
                  <c:v>42958</c:v>
                </c:pt>
                <c:pt idx="3232">
                  <c:v>42961</c:v>
                </c:pt>
                <c:pt idx="3233">
                  <c:v>42962</c:v>
                </c:pt>
                <c:pt idx="3234">
                  <c:v>42963</c:v>
                </c:pt>
                <c:pt idx="3235">
                  <c:v>42964</c:v>
                </c:pt>
                <c:pt idx="3236">
                  <c:v>42965</c:v>
                </c:pt>
                <c:pt idx="3237">
                  <c:v>42968</c:v>
                </c:pt>
                <c:pt idx="3238">
                  <c:v>42969</c:v>
                </c:pt>
                <c:pt idx="3239">
                  <c:v>42970</c:v>
                </c:pt>
                <c:pt idx="3240">
                  <c:v>42971</c:v>
                </c:pt>
                <c:pt idx="3241">
                  <c:v>42972</c:v>
                </c:pt>
                <c:pt idx="3242">
                  <c:v>42975</c:v>
                </c:pt>
                <c:pt idx="3243">
                  <c:v>42976</c:v>
                </c:pt>
                <c:pt idx="3244">
                  <c:v>42977</c:v>
                </c:pt>
                <c:pt idx="3245">
                  <c:v>42978</c:v>
                </c:pt>
                <c:pt idx="3246">
                  <c:v>42979</c:v>
                </c:pt>
                <c:pt idx="3247">
                  <c:v>42982</c:v>
                </c:pt>
                <c:pt idx="3248">
                  <c:v>42983</c:v>
                </c:pt>
                <c:pt idx="3249">
                  <c:v>42984</c:v>
                </c:pt>
                <c:pt idx="3250">
                  <c:v>42986</c:v>
                </c:pt>
                <c:pt idx="3251">
                  <c:v>42989</c:v>
                </c:pt>
                <c:pt idx="3252">
                  <c:v>42990</c:v>
                </c:pt>
                <c:pt idx="3253">
                  <c:v>42991</c:v>
                </c:pt>
                <c:pt idx="3254">
                  <c:v>42992</c:v>
                </c:pt>
                <c:pt idx="3255">
                  <c:v>42993</c:v>
                </c:pt>
                <c:pt idx="3256">
                  <c:v>42996</c:v>
                </c:pt>
                <c:pt idx="3257">
                  <c:v>42997</c:v>
                </c:pt>
                <c:pt idx="3258">
                  <c:v>42998</c:v>
                </c:pt>
                <c:pt idx="3259">
                  <c:v>42999</c:v>
                </c:pt>
                <c:pt idx="3260">
                  <c:v>43000</c:v>
                </c:pt>
                <c:pt idx="3261">
                  <c:v>43003</c:v>
                </c:pt>
                <c:pt idx="3262">
                  <c:v>43004</c:v>
                </c:pt>
                <c:pt idx="3263">
                  <c:v>43005</c:v>
                </c:pt>
                <c:pt idx="3264">
                  <c:v>43006</c:v>
                </c:pt>
                <c:pt idx="3265">
                  <c:v>43007</c:v>
                </c:pt>
                <c:pt idx="3266">
                  <c:v>43010</c:v>
                </c:pt>
                <c:pt idx="3267">
                  <c:v>43011</c:v>
                </c:pt>
                <c:pt idx="3268">
                  <c:v>43012</c:v>
                </c:pt>
                <c:pt idx="3269">
                  <c:v>43013</c:v>
                </c:pt>
                <c:pt idx="3270">
                  <c:v>43014</c:v>
                </c:pt>
                <c:pt idx="3271">
                  <c:v>43017</c:v>
                </c:pt>
                <c:pt idx="3272">
                  <c:v>43018</c:v>
                </c:pt>
                <c:pt idx="3273">
                  <c:v>43019</c:v>
                </c:pt>
                <c:pt idx="3274">
                  <c:v>43021</c:v>
                </c:pt>
                <c:pt idx="3275">
                  <c:v>43024</c:v>
                </c:pt>
                <c:pt idx="3276">
                  <c:v>43025</c:v>
                </c:pt>
                <c:pt idx="3277">
                  <c:v>43026</c:v>
                </c:pt>
                <c:pt idx="3278">
                  <c:v>43027</c:v>
                </c:pt>
                <c:pt idx="3279">
                  <c:v>43028</c:v>
                </c:pt>
                <c:pt idx="3280">
                  <c:v>43031</c:v>
                </c:pt>
                <c:pt idx="3281">
                  <c:v>43032</c:v>
                </c:pt>
                <c:pt idx="3282">
                  <c:v>43033</c:v>
                </c:pt>
                <c:pt idx="3283">
                  <c:v>43034</c:v>
                </c:pt>
                <c:pt idx="3284">
                  <c:v>43035</c:v>
                </c:pt>
                <c:pt idx="3285">
                  <c:v>43038</c:v>
                </c:pt>
                <c:pt idx="3286">
                  <c:v>43039</c:v>
                </c:pt>
                <c:pt idx="3287">
                  <c:v>43040</c:v>
                </c:pt>
                <c:pt idx="3288">
                  <c:v>43042</c:v>
                </c:pt>
                <c:pt idx="3289">
                  <c:v>43045</c:v>
                </c:pt>
                <c:pt idx="3290">
                  <c:v>43046</c:v>
                </c:pt>
                <c:pt idx="3291">
                  <c:v>43047</c:v>
                </c:pt>
                <c:pt idx="3292">
                  <c:v>43048</c:v>
                </c:pt>
                <c:pt idx="3293">
                  <c:v>43049</c:v>
                </c:pt>
                <c:pt idx="3294">
                  <c:v>43052</c:v>
                </c:pt>
                <c:pt idx="3295">
                  <c:v>43053</c:v>
                </c:pt>
                <c:pt idx="3296">
                  <c:v>43055</c:v>
                </c:pt>
                <c:pt idx="3297">
                  <c:v>43056</c:v>
                </c:pt>
                <c:pt idx="3298">
                  <c:v>43059</c:v>
                </c:pt>
                <c:pt idx="3299">
                  <c:v>43060</c:v>
                </c:pt>
                <c:pt idx="3300">
                  <c:v>43061</c:v>
                </c:pt>
                <c:pt idx="3301">
                  <c:v>43062</c:v>
                </c:pt>
                <c:pt idx="3302">
                  <c:v>43063</c:v>
                </c:pt>
                <c:pt idx="3303">
                  <c:v>43066</c:v>
                </c:pt>
                <c:pt idx="3304">
                  <c:v>43067</c:v>
                </c:pt>
                <c:pt idx="3305">
                  <c:v>43068</c:v>
                </c:pt>
                <c:pt idx="3306">
                  <c:v>43069</c:v>
                </c:pt>
                <c:pt idx="3307">
                  <c:v>43070</c:v>
                </c:pt>
                <c:pt idx="3308">
                  <c:v>43073</c:v>
                </c:pt>
                <c:pt idx="3309">
                  <c:v>43074</c:v>
                </c:pt>
                <c:pt idx="3310">
                  <c:v>43075</c:v>
                </c:pt>
                <c:pt idx="3311">
                  <c:v>43076</c:v>
                </c:pt>
                <c:pt idx="3312">
                  <c:v>43077</c:v>
                </c:pt>
                <c:pt idx="3313">
                  <c:v>43080</c:v>
                </c:pt>
                <c:pt idx="3314">
                  <c:v>43081</c:v>
                </c:pt>
                <c:pt idx="3315">
                  <c:v>43082</c:v>
                </c:pt>
                <c:pt idx="3316">
                  <c:v>43083</c:v>
                </c:pt>
                <c:pt idx="3317">
                  <c:v>43084</c:v>
                </c:pt>
                <c:pt idx="3318">
                  <c:v>43087</c:v>
                </c:pt>
                <c:pt idx="3319">
                  <c:v>43088</c:v>
                </c:pt>
                <c:pt idx="3320">
                  <c:v>43089</c:v>
                </c:pt>
                <c:pt idx="3321">
                  <c:v>43090</c:v>
                </c:pt>
                <c:pt idx="3322">
                  <c:v>43091</c:v>
                </c:pt>
                <c:pt idx="3323">
                  <c:v>43095</c:v>
                </c:pt>
                <c:pt idx="3324">
                  <c:v>43096</c:v>
                </c:pt>
                <c:pt idx="3325">
                  <c:v>43097</c:v>
                </c:pt>
                <c:pt idx="3326">
                  <c:v>43098</c:v>
                </c:pt>
                <c:pt idx="3327">
                  <c:v>43102</c:v>
                </c:pt>
                <c:pt idx="3328">
                  <c:v>43103</c:v>
                </c:pt>
                <c:pt idx="3329">
                  <c:v>43104</c:v>
                </c:pt>
                <c:pt idx="3330">
                  <c:v>43105</c:v>
                </c:pt>
                <c:pt idx="3331">
                  <c:v>43108</c:v>
                </c:pt>
                <c:pt idx="3332">
                  <c:v>43109</c:v>
                </c:pt>
                <c:pt idx="3333">
                  <c:v>43110</c:v>
                </c:pt>
                <c:pt idx="3334">
                  <c:v>43111</c:v>
                </c:pt>
                <c:pt idx="3335">
                  <c:v>43112</c:v>
                </c:pt>
                <c:pt idx="3336">
                  <c:v>43115</c:v>
                </c:pt>
                <c:pt idx="3337">
                  <c:v>43116</c:v>
                </c:pt>
                <c:pt idx="3338">
                  <c:v>43117</c:v>
                </c:pt>
                <c:pt idx="3339">
                  <c:v>43118</c:v>
                </c:pt>
                <c:pt idx="3340">
                  <c:v>43119</c:v>
                </c:pt>
                <c:pt idx="3341">
                  <c:v>43122</c:v>
                </c:pt>
                <c:pt idx="3342">
                  <c:v>43123</c:v>
                </c:pt>
                <c:pt idx="3343">
                  <c:v>43124</c:v>
                </c:pt>
                <c:pt idx="3344">
                  <c:v>43125</c:v>
                </c:pt>
                <c:pt idx="3345">
                  <c:v>43126</c:v>
                </c:pt>
                <c:pt idx="3346">
                  <c:v>43129</c:v>
                </c:pt>
                <c:pt idx="3347">
                  <c:v>43130</c:v>
                </c:pt>
                <c:pt idx="3348">
                  <c:v>43131</c:v>
                </c:pt>
                <c:pt idx="3349">
                  <c:v>43132</c:v>
                </c:pt>
                <c:pt idx="3350">
                  <c:v>43133</c:v>
                </c:pt>
                <c:pt idx="3351">
                  <c:v>43136</c:v>
                </c:pt>
                <c:pt idx="3352">
                  <c:v>43137</c:v>
                </c:pt>
                <c:pt idx="3353">
                  <c:v>43138</c:v>
                </c:pt>
                <c:pt idx="3354">
                  <c:v>43139</c:v>
                </c:pt>
                <c:pt idx="3355">
                  <c:v>43140</c:v>
                </c:pt>
                <c:pt idx="3356">
                  <c:v>43145</c:v>
                </c:pt>
                <c:pt idx="3357">
                  <c:v>43146</c:v>
                </c:pt>
                <c:pt idx="3358">
                  <c:v>43147</c:v>
                </c:pt>
                <c:pt idx="3359">
                  <c:v>43150</c:v>
                </c:pt>
                <c:pt idx="3360">
                  <c:v>43151</c:v>
                </c:pt>
                <c:pt idx="3361">
                  <c:v>43152</c:v>
                </c:pt>
                <c:pt idx="3362">
                  <c:v>43153</c:v>
                </c:pt>
                <c:pt idx="3363">
                  <c:v>43154</c:v>
                </c:pt>
                <c:pt idx="3364">
                  <c:v>43157</c:v>
                </c:pt>
                <c:pt idx="3365">
                  <c:v>43158</c:v>
                </c:pt>
                <c:pt idx="3366">
                  <c:v>43159</c:v>
                </c:pt>
                <c:pt idx="3367">
                  <c:v>43160</c:v>
                </c:pt>
                <c:pt idx="3368">
                  <c:v>43161</c:v>
                </c:pt>
                <c:pt idx="3369">
                  <c:v>43164</c:v>
                </c:pt>
                <c:pt idx="3370">
                  <c:v>43165</c:v>
                </c:pt>
                <c:pt idx="3371">
                  <c:v>43166</c:v>
                </c:pt>
                <c:pt idx="3372">
                  <c:v>43167</c:v>
                </c:pt>
                <c:pt idx="3373">
                  <c:v>43168</c:v>
                </c:pt>
                <c:pt idx="3374">
                  <c:v>43171</c:v>
                </c:pt>
                <c:pt idx="3375">
                  <c:v>43172</c:v>
                </c:pt>
                <c:pt idx="3376">
                  <c:v>43173</c:v>
                </c:pt>
                <c:pt idx="3377">
                  <c:v>43174</c:v>
                </c:pt>
                <c:pt idx="3378">
                  <c:v>43175</c:v>
                </c:pt>
                <c:pt idx="3379">
                  <c:v>43178</c:v>
                </c:pt>
                <c:pt idx="3380">
                  <c:v>43179</c:v>
                </c:pt>
                <c:pt idx="3381">
                  <c:v>43180</c:v>
                </c:pt>
                <c:pt idx="3382">
                  <c:v>43181</c:v>
                </c:pt>
                <c:pt idx="3383">
                  <c:v>43182</c:v>
                </c:pt>
                <c:pt idx="3384">
                  <c:v>43185</c:v>
                </c:pt>
                <c:pt idx="3385">
                  <c:v>43186</c:v>
                </c:pt>
                <c:pt idx="3386">
                  <c:v>43187</c:v>
                </c:pt>
                <c:pt idx="3387">
                  <c:v>43188</c:v>
                </c:pt>
                <c:pt idx="3388">
                  <c:v>43192</c:v>
                </c:pt>
                <c:pt idx="3389">
                  <c:v>43193</c:v>
                </c:pt>
                <c:pt idx="3390">
                  <c:v>43194</c:v>
                </c:pt>
                <c:pt idx="3391">
                  <c:v>43195</c:v>
                </c:pt>
                <c:pt idx="3392">
                  <c:v>43196</c:v>
                </c:pt>
                <c:pt idx="3393">
                  <c:v>43199</c:v>
                </c:pt>
                <c:pt idx="3394">
                  <c:v>43200</c:v>
                </c:pt>
                <c:pt idx="3395">
                  <c:v>43201</c:v>
                </c:pt>
                <c:pt idx="3396">
                  <c:v>43202</c:v>
                </c:pt>
                <c:pt idx="3397">
                  <c:v>43203</c:v>
                </c:pt>
                <c:pt idx="3398">
                  <c:v>43206</c:v>
                </c:pt>
                <c:pt idx="3399">
                  <c:v>43207</c:v>
                </c:pt>
                <c:pt idx="3400">
                  <c:v>43208</c:v>
                </c:pt>
                <c:pt idx="3401">
                  <c:v>43209</c:v>
                </c:pt>
                <c:pt idx="3402">
                  <c:v>43210</c:v>
                </c:pt>
                <c:pt idx="3403">
                  <c:v>43213</c:v>
                </c:pt>
                <c:pt idx="3404">
                  <c:v>43214</c:v>
                </c:pt>
                <c:pt idx="3405">
                  <c:v>43215</c:v>
                </c:pt>
                <c:pt idx="3406">
                  <c:v>43216</c:v>
                </c:pt>
                <c:pt idx="3407">
                  <c:v>43217</c:v>
                </c:pt>
                <c:pt idx="3408">
                  <c:v>43220</c:v>
                </c:pt>
                <c:pt idx="3409">
                  <c:v>43222</c:v>
                </c:pt>
                <c:pt idx="3410">
                  <c:v>43223</c:v>
                </c:pt>
                <c:pt idx="3411">
                  <c:v>43224</c:v>
                </c:pt>
                <c:pt idx="3412">
                  <c:v>43227</c:v>
                </c:pt>
                <c:pt idx="3413">
                  <c:v>43228</c:v>
                </c:pt>
                <c:pt idx="3414">
                  <c:v>43229</c:v>
                </c:pt>
                <c:pt idx="3415">
                  <c:v>43230</c:v>
                </c:pt>
                <c:pt idx="3416">
                  <c:v>43231</c:v>
                </c:pt>
                <c:pt idx="3417">
                  <c:v>43234</c:v>
                </c:pt>
                <c:pt idx="3418">
                  <c:v>43235</c:v>
                </c:pt>
                <c:pt idx="3419">
                  <c:v>43236</c:v>
                </c:pt>
                <c:pt idx="3420">
                  <c:v>43237</c:v>
                </c:pt>
                <c:pt idx="3421">
                  <c:v>43238</c:v>
                </c:pt>
                <c:pt idx="3422">
                  <c:v>43241</c:v>
                </c:pt>
                <c:pt idx="3423">
                  <c:v>43242</c:v>
                </c:pt>
                <c:pt idx="3424">
                  <c:v>43243</c:v>
                </c:pt>
                <c:pt idx="3425">
                  <c:v>43244</c:v>
                </c:pt>
                <c:pt idx="3426">
                  <c:v>43245</c:v>
                </c:pt>
                <c:pt idx="3427">
                  <c:v>43248</c:v>
                </c:pt>
                <c:pt idx="3428">
                  <c:v>43249</c:v>
                </c:pt>
                <c:pt idx="3429">
                  <c:v>43250</c:v>
                </c:pt>
                <c:pt idx="3430">
                  <c:v>43252</c:v>
                </c:pt>
                <c:pt idx="3431">
                  <c:v>43255</c:v>
                </c:pt>
                <c:pt idx="3432">
                  <c:v>43256</c:v>
                </c:pt>
                <c:pt idx="3433">
                  <c:v>43257</c:v>
                </c:pt>
                <c:pt idx="3434">
                  <c:v>43258</c:v>
                </c:pt>
                <c:pt idx="3435">
                  <c:v>43259</c:v>
                </c:pt>
                <c:pt idx="3436">
                  <c:v>43262</c:v>
                </c:pt>
                <c:pt idx="3437">
                  <c:v>43263</c:v>
                </c:pt>
                <c:pt idx="3438">
                  <c:v>43264</c:v>
                </c:pt>
                <c:pt idx="3439">
                  <c:v>43265</c:v>
                </c:pt>
                <c:pt idx="3440">
                  <c:v>43266</c:v>
                </c:pt>
                <c:pt idx="3441">
                  <c:v>43269</c:v>
                </c:pt>
                <c:pt idx="3442">
                  <c:v>43270</c:v>
                </c:pt>
                <c:pt idx="3443">
                  <c:v>43271</c:v>
                </c:pt>
                <c:pt idx="3444">
                  <c:v>43272</c:v>
                </c:pt>
                <c:pt idx="3445">
                  <c:v>43273</c:v>
                </c:pt>
                <c:pt idx="3446">
                  <c:v>43276</c:v>
                </c:pt>
                <c:pt idx="3447">
                  <c:v>43277</c:v>
                </c:pt>
                <c:pt idx="3448">
                  <c:v>43278</c:v>
                </c:pt>
                <c:pt idx="3449">
                  <c:v>43279</c:v>
                </c:pt>
                <c:pt idx="3450">
                  <c:v>43280</c:v>
                </c:pt>
                <c:pt idx="3451">
                  <c:v>43283</c:v>
                </c:pt>
                <c:pt idx="3452">
                  <c:v>43284</c:v>
                </c:pt>
                <c:pt idx="3453">
                  <c:v>43285</c:v>
                </c:pt>
                <c:pt idx="3454">
                  <c:v>43286</c:v>
                </c:pt>
                <c:pt idx="3455">
                  <c:v>43287</c:v>
                </c:pt>
                <c:pt idx="3456">
                  <c:v>43290</c:v>
                </c:pt>
                <c:pt idx="3457">
                  <c:v>43291</c:v>
                </c:pt>
                <c:pt idx="3458">
                  <c:v>43292</c:v>
                </c:pt>
                <c:pt idx="3459">
                  <c:v>43293</c:v>
                </c:pt>
                <c:pt idx="3460">
                  <c:v>43294</c:v>
                </c:pt>
                <c:pt idx="3461">
                  <c:v>43297</c:v>
                </c:pt>
                <c:pt idx="3462">
                  <c:v>43298</c:v>
                </c:pt>
                <c:pt idx="3463">
                  <c:v>43299</c:v>
                </c:pt>
                <c:pt idx="3464">
                  <c:v>43300</c:v>
                </c:pt>
                <c:pt idx="3465">
                  <c:v>43301</c:v>
                </c:pt>
                <c:pt idx="3466">
                  <c:v>43304</c:v>
                </c:pt>
                <c:pt idx="3467">
                  <c:v>43305</c:v>
                </c:pt>
                <c:pt idx="3468">
                  <c:v>43306</c:v>
                </c:pt>
                <c:pt idx="3469">
                  <c:v>43307</c:v>
                </c:pt>
                <c:pt idx="3470">
                  <c:v>43308</c:v>
                </c:pt>
                <c:pt idx="3471">
                  <c:v>43311</c:v>
                </c:pt>
                <c:pt idx="3472">
                  <c:v>43312</c:v>
                </c:pt>
                <c:pt idx="3473">
                  <c:v>43313</c:v>
                </c:pt>
                <c:pt idx="3474">
                  <c:v>43314</c:v>
                </c:pt>
                <c:pt idx="3475">
                  <c:v>43315</c:v>
                </c:pt>
                <c:pt idx="3476">
                  <c:v>43318</c:v>
                </c:pt>
                <c:pt idx="3477">
                  <c:v>43319</c:v>
                </c:pt>
                <c:pt idx="3478">
                  <c:v>43320</c:v>
                </c:pt>
                <c:pt idx="3479">
                  <c:v>43321</c:v>
                </c:pt>
                <c:pt idx="3480">
                  <c:v>43322</c:v>
                </c:pt>
                <c:pt idx="3481">
                  <c:v>43325</c:v>
                </c:pt>
                <c:pt idx="3482">
                  <c:v>43326</c:v>
                </c:pt>
                <c:pt idx="3483">
                  <c:v>43327</c:v>
                </c:pt>
                <c:pt idx="3484">
                  <c:v>43328</c:v>
                </c:pt>
                <c:pt idx="3485">
                  <c:v>43329</c:v>
                </c:pt>
                <c:pt idx="3486">
                  <c:v>43332</c:v>
                </c:pt>
                <c:pt idx="3487">
                  <c:v>43333</c:v>
                </c:pt>
                <c:pt idx="3488">
                  <c:v>43334</c:v>
                </c:pt>
                <c:pt idx="3489">
                  <c:v>43335</c:v>
                </c:pt>
                <c:pt idx="3490">
                  <c:v>43336</c:v>
                </c:pt>
                <c:pt idx="3491">
                  <c:v>43339</c:v>
                </c:pt>
                <c:pt idx="3492">
                  <c:v>43340</c:v>
                </c:pt>
                <c:pt idx="3493">
                  <c:v>43341</c:v>
                </c:pt>
                <c:pt idx="3494">
                  <c:v>43342</c:v>
                </c:pt>
                <c:pt idx="3495">
                  <c:v>43343</c:v>
                </c:pt>
                <c:pt idx="3496">
                  <c:v>43346</c:v>
                </c:pt>
                <c:pt idx="3497">
                  <c:v>43347</c:v>
                </c:pt>
                <c:pt idx="3498">
                  <c:v>43348</c:v>
                </c:pt>
                <c:pt idx="3499">
                  <c:v>43349</c:v>
                </c:pt>
                <c:pt idx="3500">
                  <c:v>43353</c:v>
                </c:pt>
                <c:pt idx="3501">
                  <c:v>43354</c:v>
                </c:pt>
                <c:pt idx="3502">
                  <c:v>43355</c:v>
                </c:pt>
                <c:pt idx="3503">
                  <c:v>43356</c:v>
                </c:pt>
                <c:pt idx="3504">
                  <c:v>43357</c:v>
                </c:pt>
                <c:pt idx="3505">
                  <c:v>43360</c:v>
                </c:pt>
                <c:pt idx="3506">
                  <c:v>43361</c:v>
                </c:pt>
                <c:pt idx="3507">
                  <c:v>43362</c:v>
                </c:pt>
                <c:pt idx="3508">
                  <c:v>43363</c:v>
                </c:pt>
                <c:pt idx="3509">
                  <c:v>43364</c:v>
                </c:pt>
                <c:pt idx="3510">
                  <c:v>43367</c:v>
                </c:pt>
                <c:pt idx="3511">
                  <c:v>43368</c:v>
                </c:pt>
                <c:pt idx="3512">
                  <c:v>43369</c:v>
                </c:pt>
                <c:pt idx="3513">
                  <c:v>43370</c:v>
                </c:pt>
                <c:pt idx="3514">
                  <c:v>43371</c:v>
                </c:pt>
                <c:pt idx="3515">
                  <c:v>43374</c:v>
                </c:pt>
                <c:pt idx="3516">
                  <c:v>43375</c:v>
                </c:pt>
                <c:pt idx="3517">
                  <c:v>43376</c:v>
                </c:pt>
                <c:pt idx="3518">
                  <c:v>43377</c:v>
                </c:pt>
                <c:pt idx="3519">
                  <c:v>43378</c:v>
                </c:pt>
                <c:pt idx="3520">
                  <c:v>43381</c:v>
                </c:pt>
                <c:pt idx="3521">
                  <c:v>43382</c:v>
                </c:pt>
                <c:pt idx="3522">
                  <c:v>43383</c:v>
                </c:pt>
                <c:pt idx="3523">
                  <c:v>43384</c:v>
                </c:pt>
                <c:pt idx="3524">
                  <c:v>43388</c:v>
                </c:pt>
                <c:pt idx="3525">
                  <c:v>43389</c:v>
                </c:pt>
                <c:pt idx="3526">
                  <c:v>43390</c:v>
                </c:pt>
                <c:pt idx="3527">
                  <c:v>43391</c:v>
                </c:pt>
                <c:pt idx="3528">
                  <c:v>43392</c:v>
                </c:pt>
                <c:pt idx="3529">
                  <c:v>43395</c:v>
                </c:pt>
                <c:pt idx="3530">
                  <c:v>43396</c:v>
                </c:pt>
                <c:pt idx="3531">
                  <c:v>43397</c:v>
                </c:pt>
                <c:pt idx="3532">
                  <c:v>43398</c:v>
                </c:pt>
                <c:pt idx="3533">
                  <c:v>43399</c:v>
                </c:pt>
                <c:pt idx="3534">
                  <c:v>43402</c:v>
                </c:pt>
                <c:pt idx="3535">
                  <c:v>43403</c:v>
                </c:pt>
                <c:pt idx="3536">
                  <c:v>43404</c:v>
                </c:pt>
                <c:pt idx="3537">
                  <c:v>43405</c:v>
                </c:pt>
                <c:pt idx="3538">
                  <c:v>43409</c:v>
                </c:pt>
                <c:pt idx="3539">
                  <c:v>43410</c:v>
                </c:pt>
                <c:pt idx="3540">
                  <c:v>43411</c:v>
                </c:pt>
                <c:pt idx="3541">
                  <c:v>43412</c:v>
                </c:pt>
                <c:pt idx="3542">
                  <c:v>43413</c:v>
                </c:pt>
                <c:pt idx="3543">
                  <c:v>43416</c:v>
                </c:pt>
                <c:pt idx="3544">
                  <c:v>43417</c:v>
                </c:pt>
                <c:pt idx="3545">
                  <c:v>43418</c:v>
                </c:pt>
                <c:pt idx="3546">
                  <c:v>43420</c:v>
                </c:pt>
                <c:pt idx="3547">
                  <c:v>43423</c:v>
                </c:pt>
                <c:pt idx="3548">
                  <c:v>43424</c:v>
                </c:pt>
                <c:pt idx="3549">
                  <c:v>43425</c:v>
                </c:pt>
                <c:pt idx="3550">
                  <c:v>43426</c:v>
                </c:pt>
                <c:pt idx="3551">
                  <c:v>43427</c:v>
                </c:pt>
                <c:pt idx="3552">
                  <c:v>43430</c:v>
                </c:pt>
                <c:pt idx="3553">
                  <c:v>43431</c:v>
                </c:pt>
                <c:pt idx="3554">
                  <c:v>43432</c:v>
                </c:pt>
                <c:pt idx="3555">
                  <c:v>43433</c:v>
                </c:pt>
                <c:pt idx="3556">
                  <c:v>43434</c:v>
                </c:pt>
                <c:pt idx="3557">
                  <c:v>43437</c:v>
                </c:pt>
                <c:pt idx="3558">
                  <c:v>43438</c:v>
                </c:pt>
                <c:pt idx="3559">
                  <c:v>43439</c:v>
                </c:pt>
                <c:pt idx="3560">
                  <c:v>43440</c:v>
                </c:pt>
                <c:pt idx="3561">
                  <c:v>43441</c:v>
                </c:pt>
                <c:pt idx="3562">
                  <c:v>43444</c:v>
                </c:pt>
                <c:pt idx="3563">
                  <c:v>43445</c:v>
                </c:pt>
                <c:pt idx="3564">
                  <c:v>43446</c:v>
                </c:pt>
                <c:pt idx="3565">
                  <c:v>43447</c:v>
                </c:pt>
                <c:pt idx="3566">
                  <c:v>43448</c:v>
                </c:pt>
                <c:pt idx="3567">
                  <c:v>43451</c:v>
                </c:pt>
                <c:pt idx="3568">
                  <c:v>43452</c:v>
                </c:pt>
                <c:pt idx="3569">
                  <c:v>43453</c:v>
                </c:pt>
                <c:pt idx="3570">
                  <c:v>43454</c:v>
                </c:pt>
                <c:pt idx="3571">
                  <c:v>43455</c:v>
                </c:pt>
                <c:pt idx="3572">
                  <c:v>43458</c:v>
                </c:pt>
                <c:pt idx="3573">
                  <c:v>43460</c:v>
                </c:pt>
                <c:pt idx="3574">
                  <c:v>43461</c:v>
                </c:pt>
                <c:pt idx="3575">
                  <c:v>43462</c:v>
                </c:pt>
                <c:pt idx="3576">
                  <c:v>43465</c:v>
                </c:pt>
                <c:pt idx="3577">
                  <c:v>43467</c:v>
                </c:pt>
                <c:pt idx="3578">
                  <c:v>43468</c:v>
                </c:pt>
                <c:pt idx="3579">
                  <c:v>43469</c:v>
                </c:pt>
                <c:pt idx="3580">
                  <c:v>43472</c:v>
                </c:pt>
                <c:pt idx="3581">
                  <c:v>43473</c:v>
                </c:pt>
                <c:pt idx="3582">
                  <c:v>43474</c:v>
                </c:pt>
                <c:pt idx="3583">
                  <c:v>43475</c:v>
                </c:pt>
                <c:pt idx="3584">
                  <c:v>43476</c:v>
                </c:pt>
                <c:pt idx="3585">
                  <c:v>43479</c:v>
                </c:pt>
                <c:pt idx="3586">
                  <c:v>43480</c:v>
                </c:pt>
                <c:pt idx="3587">
                  <c:v>43481</c:v>
                </c:pt>
                <c:pt idx="3588">
                  <c:v>43482</c:v>
                </c:pt>
                <c:pt idx="3589">
                  <c:v>43483</c:v>
                </c:pt>
                <c:pt idx="3590">
                  <c:v>43486</c:v>
                </c:pt>
                <c:pt idx="3591">
                  <c:v>43487</c:v>
                </c:pt>
                <c:pt idx="3592">
                  <c:v>43488</c:v>
                </c:pt>
                <c:pt idx="3593">
                  <c:v>43489</c:v>
                </c:pt>
                <c:pt idx="3594">
                  <c:v>43490</c:v>
                </c:pt>
                <c:pt idx="3595">
                  <c:v>43493</c:v>
                </c:pt>
                <c:pt idx="3596">
                  <c:v>43494</c:v>
                </c:pt>
                <c:pt idx="3597">
                  <c:v>43495</c:v>
                </c:pt>
                <c:pt idx="3598">
                  <c:v>43496</c:v>
                </c:pt>
                <c:pt idx="3599">
                  <c:v>43497</c:v>
                </c:pt>
                <c:pt idx="3600">
                  <c:v>43500</c:v>
                </c:pt>
                <c:pt idx="3601">
                  <c:v>43501</c:v>
                </c:pt>
                <c:pt idx="3602">
                  <c:v>43502</c:v>
                </c:pt>
                <c:pt idx="3603">
                  <c:v>43503</c:v>
                </c:pt>
                <c:pt idx="3604">
                  <c:v>43504</c:v>
                </c:pt>
                <c:pt idx="3605">
                  <c:v>43507</c:v>
                </c:pt>
                <c:pt idx="3606">
                  <c:v>43508</c:v>
                </c:pt>
                <c:pt idx="3607">
                  <c:v>43509</c:v>
                </c:pt>
                <c:pt idx="3608">
                  <c:v>43510</c:v>
                </c:pt>
                <c:pt idx="3609">
                  <c:v>43511</c:v>
                </c:pt>
                <c:pt idx="3610">
                  <c:v>43514</c:v>
                </c:pt>
                <c:pt idx="3611">
                  <c:v>43515</c:v>
                </c:pt>
                <c:pt idx="3612">
                  <c:v>43516</c:v>
                </c:pt>
                <c:pt idx="3613">
                  <c:v>43517</c:v>
                </c:pt>
                <c:pt idx="3614">
                  <c:v>43518</c:v>
                </c:pt>
                <c:pt idx="3615">
                  <c:v>43521</c:v>
                </c:pt>
                <c:pt idx="3616">
                  <c:v>43522</c:v>
                </c:pt>
                <c:pt idx="3617">
                  <c:v>43523</c:v>
                </c:pt>
                <c:pt idx="3618">
                  <c:v>43524</c:v>
                </c:pt>
                <c:pt idx="3619">
                  <c:v>43525</c:v>
                </c:pt>
                <c:pt idx="3620">
                  <c:v>43530</c:v>
                </c:pt>
                <c:pt idx="3621">
                  <c:v>43531</c:v>
                </c:pt>
                <c:pt idx="3622">
                  <c:v>43532</c:v>
                </c:pt>
                <c:pt idx="3623">
                  <c:v>43535</c:v>
                </c:pt>
                <c:pt idx="3624">
                  <c:v>43536</c:v>
                </c:pt>
                <c:pt idx="3625">
                  <c:v>43537</c:v>
                </c:pt>
                <c:pt idx="3626">
                  <c:v>43538</c:v>
                </c:pt>
                <c:pt idx="3627">
                  <c:v>43539</c:v>
                </c:pt>
                <c:pt idx="3628">
                  <c:v>43542</c:v>
                </c:pt>
                <c:pt idx="3629">
                  <c:v>43543</c:v>
                </c:pt>
                <c:pt idx="3630">
                  <c:v>43544</c:v>
                </c:pt>
                <c:pt idx="3631">
                  <c:v>43545</c:v>
                </c:pt>
                <c:pt idx="3632">
                  <c:v>43546</c:v>
                </c:pt>
                <c:pt idx="3633">
                  <c:v>43549</c:v>
                </c:pt>
                <c:pt idx="3634">
                  <c:v>43550</c:v>
                </c:pt>
                <c:pt idx="3635">
                  <c:v>43551</c:v>
                </c:pt>
                <c:pt idx="3636">
                  <c:v>43552</c:v>
                </c:pt>
                <c:pt idx="3637">
                  <c:v>43553</c:v>
                </c:pt>
                <c:pt idx="3638">
                  <c:v>43556</c:v>
                </c:pt>
                <c:pt idx="3639">
                  <c:v>43557</c:v>
                </c:pt>
                <c:pt idx="3640">
                  <c:v>43558</c:v>
                </c:pt>
                <c:pt idx="3641">
                  <c:v>43559</c:v>
                </c:pt>
                <c:pt idx="3642">
                  <c:v>43560</c:v>
                </c:pt>
                <c:pt idx="3643">
                  <c:v>43563</c:v>
                </c:pt>
                <c:pt idx="3644">
                  <c:v>43564</c:v>
                </c:pt>
                <c:pt idx="3645">
                  <c:v>43565</c:v>
                </c:pt>
                <c:pt idx="3646">
                  <c:v>43566</c:v>
                </c:pt>
                <c:pt idx="3647">
                  <c:v>43567</c:v>
                </c:pt>
                <c:pt idx="3648">
                  <c:v>43570</c:v>
                </c:pt>
                <c:pt idx="3649">
                  <c:v>43571</c:v>
                </c:pt>
                <c:pt idx="3650">
                  <c:v>43572</c:v>
                </c:pt>
                <c:pt idx="3651">
                  <c:v>43573</c:v>
                </c:pt>
                <c:pt idx="3652">
                  <c:v>43577</c:v>
                </c:pt>
                <c:pt idx="3653">
                  <c:v>43578</c:v>
                </c:pt>
                <c:pt idx="3654">
                  <c:v>43579</c:v>
                </c:pt>
                <c:pt idx="3655">
                  <c:v>43580</c:v>
                </c:pt>
                <c:pt idx="3656">
                  <c:v>43581</c:v>
                </c:pt>
                <c:pt idx="3657">
                  <c:v>43584</c:v>
                </c:pt>
                <c:pt idx="3658">
                  <c:v>43585</c:v>
                </c:pt>
                <c:pt idx="3659">
                  <c:v>43587</c:v>
                </c:pt>
                <c:pt idx="3660">
                  <c:v>43588</c:v>
                </c:pt>
                <c:pt idx="3661">
                  <c:v>43591</c:v>
                </c:pt>
                <c:pt idx="3662">
                  <c:v>43592</c:v>
                </c:pt>
                <c:pt idx="3663">
                  <c:v>43593</c:v>
                </c:pt>
                <c:pt idx="3664">
                  <c:v>43594</c:v>
                </c:pt>
                <c:pt idx="3665">
                  <c:v>43595</c:v>
                </c:pt>
                <c:pt idx="3666">
                  <c:v>43598</c:v>
                </c:pt>
                <c:pt idx="3667">
                  <c:v>43599</c:v>
                </c:pt>
                <c:pt idx="3668">
                  <c:v>43600</c:v>
                </c:pt>
                <c:pt idx="3669">
                  <c:v>43601</c:v>
                </c:pt>
                <c:pt idx="3670">
                  <c:v>43602</c:v>
                </c:pt>
                <c:pt idx="3671">
                  <c:v>43605</c:v>
                </c:pt>
                <c:pt idx="3672">
                  <c:v>43606</c:v>
                </c:pt>
                <c:pt idx="3673">
                  <c:v>43607</c:v>
                </c:pt>
                <c:pt idx="3674">
                  <c:v>43608</c:v>
                </c:pt>
                <c:pt idx="3675">
                  <c:v>43609</c:v>
                </c:pt>
                <c:pt idx="3676">
                  <c:v>43612</c:v>
                </c:pt>
                <c:pt idx="3677">
                  <c:v>43613</c:v>
                </c:pt>
                <c:pt idx="3678">
                  <c:v>43614</c:v>
                </c:pt>
                <c:pt idx="3679">
                  <c:v>43615</c:v>
                </c:pt>
                <c:pt idx="3680">
                  <c:v>43616</c:v>
                </c:pt>
              </c:numCache>
            </c:numRef>
          </c:cat>
          <c:val>
            <c:numRef>
              <c:f>'[DadosIndustria918.xlsx]Quantum Axis'!$E$2:$E$3686</c:f>
              <c:numCache>
                <c:formatCode>0%</c:formatCode>
                <c:ptCount val="3685"/>
                <c:pt idx="0">
                  <c:v>0</c:v>
                </c:pt>
                <c:pt idx="1">
                  <c:v>1.2944099999999903E-2</c:v>
                </c:pt>
                <c:pt idx="2">
                  <c:v>2.3993900000000012E-2</c:v>
                </c:pt>
                <c:pt idx="3">
                  <c:v>1.8525600000000031E-2</c:v>
                </c:pt>
                <c:pt idx="4">
                  <c:v>1.3348600000000044E-2</c:v>
                </c:pt>
                <c:pt idx="5">
                  <c:v>9.5477999999999952E-3</c:v>
                </c:pt>
                <c:pt idx="6">
                  <c:v>8.4455000000001057E-3</c:v>
                </c:pt>
                <c:pt idx="7">
                  <c:v>8.5877000000000869E-3</c:v>
                </c:pt>
                <c:pt idx="8">
                  <c:v>-1.0653000000000024E-2</c:v>
                </c:pt>
                <c:pt idx="9">
                  <c:v>-2.1234399999999987E-2</c:v>
                </c:pt>
                <c:pt idx="10">
                  <c:v>-9.5640000000000169E-3</c:v>
                </c:pt>
                <c:pt idx="11">
                  <c:v>-8.0542999999998477E-3</c:v>
                </c:pt>
                <c:pt idx="12">
                  <c:v>-5.2372000000000529E-3</c:v>
                </c:pt>
                <c:pt idx="13">
                  <c:v>-1.8126899999999946E-2</c:v>
                </c:pt>
                <c:pt idx="14">
                  <c:v>-1.058300000000012E-2</c:v>
                </c:pt>
                <c:pt idx="15">
                  <c:v>-1.3031000000000126E-2</c:v>
                </c:pt>
                <c:pt idx="16">
                  <c:v>-2.8024500000000119E-2</c:v>
                </c:pt>
                <c:pt idx="17">
                  <c:v>-2.013250000000022E-2</c:v>
                </c:pt>
                <c:pt idx="18">
                  <c:v>-6.4247000000001719E-3</c:v>
                </c:pt>
                <c:pt idx="19">
                  <c:v>-7.081000000000226E-3</c:v>
                </c:pt>
                <c:pt idx="20">
                  <c:v>3.6296999999998469E-3</c:v>
                </c:pt>
                <c:pt idx="21">
                  <c:v>1.130909999999985E-2</c:v>
                </c:pt>
                <c:pt idx="22">
                  <c:v>2.7232199999999818E-2</c:v>
                </c:pt>
                <c:pt idx="23">
                  <c:v>2.9423799999999778E-2</c:v>
                </c:pt>
                <c:pt idx="24">
                  <c:v>2.6900899999999783E-2</c:v>
                </c:pt>
                <c:pt idx="25">
                  <c:v>1.1736099999999805E-2</c:v>
                </c:pt>
                <c:pt idx="26">
                  <c:v>1.0757099999999742E-2</c:v>
                </c:pt>
                <c:pt idx="27">
                  <c:v>2.4416599999999677E-2</c:v>
                </c:pt>
                <c:pt idx="28">
                  <c:v>2.8417999999999832E-2</c:v>
                </c:pt>
                <c:pt idx="29">
                  <c:v>4.637139999999973E-2</c:v>
                </c:pt>
                <c:pt idx="30">
                  <c:v>4.2120099999999772E-2</c:v>
                </c:pt>
                <c:pt idx="31">
                  <c:v>6.0600199999999882E-2</c:v>
                </c:pt>
                <c:pt idx="32">
                  <c:v>5.167469999999974E-2</c:v>
                </c:pt>
                <c:pt idx="33">
                  <c:v>5.4829599999999701E-2</c:v>
                </c:pt>
                <c:pt idx="34">
                  <c:v>6.3173199999999818E-2</c:v>
                </c:pt>
                <c:pt idx="35">
                  <c:v>7.1864199999999823E-2</c:v>
                </c:pt>
                <c:pt idx="36">
                  <c:v>7.1867399999999693E-2</c:v>
                </c:pt>
                <c:pt idx="37">
                  <c:v>7.4715399999999876E-2</c:v>
                </c:pt>
                <c:pt idx="38">
                  <c:v>8.082099999999981E-2</c:v>
                </c:pt>
                <c:pt idx="39">
                  <c:v>7.9673499999999731E-2</c:v>
                </c:pt>
                <c:pt idx="40">
                  <c:v>9.1937799999999736E-2</c:v>
                </c:pt>
                <c:pt idx="41">
                  <c:v>0.10263439999999968</c:v>
                </c:pt>
                <c:pt idx="42">
                  <c:v>0.1058081999999998</c:v>
                </c:pt>
                <c:pt idx="43">
                  <c:v>0.12158889999999989</c:v>
                </c:pt>
                <c:pt idx="44">
                  <c:v>0.13131129999999969</c:v>
                </c:pt>
                <c:pt idx="45">
                  <c:v>0.11770459999999972</c:v>
                </c:pt>
                <c:pt idx="46">
                  <c:v>0.10695819999999978</c:v>
                </c:pt>
                <c:pt idx="47">
                  <c:v>9.76235999999997E-2</c:v>
                </c:pt>
                <c:pt idx="48">
                  <c:v>0.10343949999999968</c:v>
                </c:pt>
                <c:pt idx="49">
                  <c:v>0.12069269999999976</c:v>
                </c:pt>
                <c:pt idx="50">
                  <c:v>0.13378939999999973</c:v>
                </c:pt>
                <c:pt idx="51">
                  <c:v>0.13937849999999985</c:v>
                </c:pt>
                <c:pt idx="52">
                  <c:v>0.14481259999999985</c:v>
                </c:pt>
                <c:pt idx="53">
                  <c:v>0.14385119999999985</c:v>
                </c:pt>
                <c:pt idx="54">
                  <c:v>0.14233349999999967</c:v>
                </c:pt>
                <c:pt idx="55">
                  <c:v>0.14621969999999962</c:v>
                </c:pt>
                <c:pt idx="56">
                  <c:v>0.15667779999999931</c:v>
                </c:pt>
                <c:pt idx="57">
                  <c:v>0.15773109999999924</c:v>
                </c:pt>
                <c:pt idx="58">
                  <c:v>0.15768429999999944</c:v>
                </c:pt>
                <c:pt idx="59">
                  <c:v>0.17181389999999941</c:v>
                </c:pt>
                <c:pt idx="60">
                  <c:v>0.18325699999999934</c:v>
                </c:pt>
                <c:pt idx="61">
                  <c:v>0.194127299999999</c:v>
                </c:pt>
                <c:pt idx="62">
                  <c:v>0.1933369999999992</c:v>
                </c:pt>
                <c:pt idx="63">
                  <c:v>0.19331309999999902</c:v>
                </c:pt>
                <c:pt idx="64">
                  <c:v>0.20471589999999917</c:v>
                </c:pt>
                <c:pt idx="65">
                  <c:v>0.18842839999999916</c:v>
                </c:pt>
                <c:pt idx="66">
                  <c:v>0.16960339999999907</c:v>
                </c:pt>
                <c:pt idx="67">
                  <c:v>0.15834099999999918</c:v>
                </c:pt>
                <c:pt idx="68">
                  <c:v>0.17104739999999907</c:v>
                </c:pt>
                <c:pt idx="69">
                  <c:v>0.16096689999999914</c:v>
                </c:pt>
                <c:pt idx="70">
                  <c:v>0.15810679999999921</c:v>
                </c:pt>
                <c:pt idx="71">
                  <c:v>0.16091069999999918</c:v>
                </c:pt>
                <c:pt idx="72">
                  <c:v>0.18783669999999919</c:v>
                </c:pt>
                <c:pt idx="73">
                  <c:v>0.18526279999999917</c:v>
                </c:pt>
                <c:pt idx="74">
                  <c:v>0.1838471999999991</c:v>
                </c:pt>
                <c:pt idx="75">
                  <c:v>0.16334659999999901</c:v>
                </c:pt>
                <c:pt idx="76">
                  <c:v>0.16850129999999908</c:v>
                </c:pt>
                <c:pt idx="77">
                  <c:v>0.14841259999999901</c:v>
                </c:pt>
                <c:pt idx="78">
                  <c:v>0.14862239999999916</c:v>
                </c:pt>
                <c:pt idx="79">
                  <c:v>0.15750939999999902</c:v>
                </c:pt>
                <c:pt idx="80">
                  <c:v>0.1574695999999991</c:v>
                </c:pt>
                <c:pt idx="81">
                  <c:v>0.16270159999999922</c:v>
                </c:pt>
                <c:pt idx="82">
                  <c:v>0.14174449999999927</c:v>
                </c:pt>
                <c:pt idx="83">
                  <c:v>0.13060509999999925</c:v>
                </c:pt>
                <c:pt idx="84">
                  <c:v>0.14899659999999937</c:v>
                </c:pt>
                <c:pt idx="85">
                  <c:v>0.14471929999999933</c:v>
                </c:pt>
                <c:pt idx="86">
                  <c:v>0.15575249999999929</c:v>
                </c:pt>
                <c:pt idx="87">
                  <c:v>0.1716959999999994</c:v>
                </c:pt>
                <c:pt idx="88">
                  <c:v>0.19311529999999943</c:v>
                </c:pt>
                <c:pt idx="89">
                  <c:v>0.21150709999999928</c:v>
                </c:pt>
                <c:pt idx="90">
                  <c:v>0.2093302999999993</c:v>
                </c:pt>
                <c:pt idx="91">
                  <c:v>0.22424069999999929</c:v>
                </c:pt>
                <c:pt idx="92">
                  <c:v>0.22412919999999925</c:v>
                </c:pt>
                <c:pt idx="93">
                  <c:v>0.2216247999999994</c:v>
                </c:pt>
                <c:pt idx="94">
                  <c:v>0.2217726999999996</c:v>
                </c:pt>
                <c:pt idx="95">
                  <c:v>0.23385189999999945</c:v>
                </c:pt>
                <c:pt idx="96">
                  <c:v>0.23656819999999956</c:v>
                </c:pt>
                <c:pt idx="97">
                  <c:v>0.24129689999999959</c:v>
                </c:pt>
                <c:pt idx="98">
                  <c:v>0.2472008999999995</c:v>
                </c:pt>
                <c:pt idx="99">
                  <c:v>0.24488569999999954</c:v>
                </c:pt>
                <c:pt idx="100">
                  <c:v>0.2725725999999995</c:v>
                </c:pt>
                <c:pt idx="101">
                  <c:v>0.28108079999999958</c:v>
                </c:pt>
                <c:pt idx="102">
                  <c:v>0.26802049999999955</c:v>
                </c:pt>
                <c:pt idx="103">
                  <c:v>0.26045889999999949</c:v>
                </c:pt>
                <c:pt idx="104">
                  <c:v>0.26673759999999946</c:v>
                </c:pt>
                <c:pt idx="105">
                  <c:v>0.28599779999999964</c:v>
                </c:pt>
                <c:pt idx="106">
                  <c:v>0.30757489999999965</c:v>
                </c:pt>
                <c:pt idx="107">
                  <c:v>0.32081739999999925</c:v>
                </c:pt>
                <c:pt idx="108">
                  <c:v>0.30797269999999943</c:v>
                </c:pt>
                <c:pt idx="109">
                  <c:v>0.30632839999999928</c:v>
                </c:pt>
                <c:pt idx="110">
                  <c:v>0.28429519999999942</c:v>
                </c:pt>
                <c:pt idx="111">
                  <c:v>0.28898139999999928</c:v>
                </c:pt>
                <c:pt idx="112">
                  <c:v>0.26806409999999925</c:v>
                </c:pt>
                <c:pt idx="113">
                  <c:v>0.2678127999999993</c:v>
                </c:pt>
                <c:pt idx="114">
                  <c:v>0.25877829999999924</c:v>
                </c:pt>
                <c:pt idx="115">
                  <c:v>0.25785239999999932</c:v>
                </c:pt>
                <c:pt idx="116">
                  <c:v>0.2529614999999994</c:v>
                </c:pt>
                <c:pt idx="117">
                  <c:v>0.23726029999999931</c:v>
                </c:pt>
                <c:pt idx="118">
                  <c:v>0.2251284999999994</c:v>
                </c:pt>
                <c:pt idx="119">
                  <c:v>0.18733649999999935</c:v>
                </c:pt>
                <c:pt idx="120">
                  <c:v>0.19629769999999924</c:v>
                </c:pt>
                <c:pt idx="121">
                  <c:v>0.18160239999999939</c:v>
                </c:pt>
                <c:pt idx="122">
                  <c:v>0.16118549999999932</c:v>
                </c:pt>
                <c:pt idx="123">
                  <c:v>0.16030389999999928</c:v>
                </c:pt>
                <c:pt idx="124">
                  <c:v>0.17306059999999923</c:v>
                </c:pt>
                <c:pt idx="125">
                  <c:v>0.18267269999999924</c:v>
                </c:pt>
                <c:pt idx="126">
                  <c:v>0.16677489999999939</c:v>
                </c:pt>
                <c:pt idx="127">
                  <c:v>0.16611609999999932</c:v>
                </c:pt>
                <c:pt idx="128">
                  <c:v>0.14789299999999939</c:v>
                </c:pt>
                <c:pt idx="129">
                  <c:v>0.1448026999999994</c:v>
                </c:pt>
                <c:pt idx="130">
                  <c:v>0.14841749999999942</c:v>
                </c:pt>
                <c:pt idx="131">
                  <c:v>0.14050029999999936</c:v>
                </c:pt>
                <c:pt idx="132">
                  <c:v>0.1406254999999994</c:v>
                </c:pt>
                <c:pt idx="133">
                  <c:v>0.15176269999999925</c:v>
                </c:pt>
                <c:pt idx="134">
                  <c:v>0.1105553999999993</c:v>
                </c:pt>
                <c:pt idx="135">
                  <c:v>8.2347299999999235E-2</c:v>
                </c:pt>
                <c:pt idx="136">
                  <c:v>8.7381099999999323E-2</c:v>
                </c:pt>
                <c:pt idx="137">
                  <c:v>0.11872839999999929</c:v>
                </c:pt>
                <c:pt idx="138">
                  <c:v>0.11914849999999944</c:v>
                </c:pt>
                <c:pt idx="139">
                  <c:v>0.11632839999999933</c:v>
                </c:pt>
                <c:pt idx="140">
                  <c:v>0.11836489999999933</c:v>
                </c:pt>
                <c:pt idx="141">
                  <c:v>0.13287639999999934</c:v>
                </c:pt>
                <c:pt idx="142">
                  <c:v>0.12672109999999925</c:v>
                </c:pt>
                <c:pt idx="143">
                  <c:v>0.10600499999999924</c:v>
                </c:pt>
                <c:pt idx="144">
                  <c:v>0.10606389999999943</c:v>
                </c:pt>
                <c:pt idx="145">
                  <c:v>0.10610799999999943</c:v>
                </c:pt>
                <c:pt idx="146">
                  <c:v>0.10990479999999936</c:v>
                </c:pt>
                <c:pt idx="147">
                  <c:v>0.12944749999999927</c:v>
                </c:pt>
                <c:pt idx="148">
                  <c:v>0.13223949999999918</c:v>
                </c:pt>
                <c:pt idx="149">
                  <c:v>0.13047149999999919</c:v>
                </c:pt>
                <c:pt idx="150">
                  <c:v>0.12763819999999915</c:v>
                </c:pt>
                <c:pt idx="151">
                  <c:v>0.11345109999999914</c:v>
                </c:pt>
                <c:pt idx="152">
                  <c:v>9.9690899999999028E-2</c:v>
                </c:pt>
                <c:pt idx="153">
                  <c:v>9.1780899999999166E-2</c:v>
                </c:pt>
                <c:pt idx="154">
                  <c:v>7.7174199999999082E-2</c:v>
                </c:pt>
                <c:pt idx="155">
                  <c:v>8.0873599999999213E-2</c:v>
                </c:pt>
                <c:pt idx="156">
                  <c:v>8.8855199999999135E-2</c:v>
                </c:pt>
                <c:pt idx="157">
                  <c:v>0.11164169999999918</c:v>
                </c:pt>
                <c:pt idx="158">
                  <c:v>0.10549729999999902</c:v>
                </c:pt>
                <c:pt idx="159">
                  <c:v>9.9824199999999141E-2</c:v>
                </c:pt>
                <c:pt idx="160">
                  <c:v>9.0717699999999013E-2</c:v>
                </c:pt>
                <c:pt idx="161">
                  <c:v>8.9408699999999008E-2</c:v>
                </c:pt>
                <c:pt idx="162">
                  <c:v>9.6297499999999037E-2</c:v>
                </c:pt>
                <c:pt idx="163">
                  <c:v>0.10864679999999916</c:v>
                </c:pt>
                <c:pt idx="164">
                  <c:v>0.12435199999999913</c:v>
                </c:pt>
                <c:pt idx="165">
                  <c:v>0.12891859999999911</c:v>
                </c:pt>
                <c:pt idx="166">
                  <c:v>0.14724529999999914</c:v>
                </c:pt>
                <c:pt idx="167">
                  <c:v>0.16606729999999903</c:v>
                </c:pt>
                <c:pt idx="168">
                  <c:v>0.16053819999999908</c:v>
                </c:pt>
                <c:pt idx="169">
                  <c:v>0.13356349999999906</c:v>
                </c:pt>
                <c:pt idx="170">
                  <c:v>0.12106129999999915</c:v>
                </c:pt>
                <c:pt idx="171">
                  <c:v>0.12236079999999916</c:v>
                </c:pt>
                <c:pt idx="172">
                  <c:v>9.7670099999999094E-2</c:v>
                </c:pt>
                <c:pt idx="173">
                  <c:v>0.11000659999999907</c:v>
                </c:pt>
                <c:pt idx="174">
                  <c:v>0.11480199999999918</c:v>
                </c:pt>
                <c:pt idx="175">
                  <c:v>0.10775699999999921</c:v>
                </c:pt>
                <c:pt idx="176">
                  <c:v>0.10737579999999913</c:v>
                </c:pt>
                <c:pt idx="177">
                  <c:v>0.12979679999999916</c:v>
                </c:pt>
                <c:pt idx="178">
                  <c:v>0.14343179999999922</c:v>
                </c:pt>
                <c:pt idx="179">
                  <c:v>0.14141479999999906</c:v>
                </c:pt>
                <c:pt idx="180">
                  <c:v>0.14141729999999919</c:v>
                </c:pt>
                <c:pt idx="181">
                  <c:v>0.13393049999999906</c:v>
                </c:pt>
                <c:pt idx="182">
                  <c:v>0.12457279999999904</c:v>
                </c:pt>
                <c:pt idx="183">
                  <c:v>0.11337599999999903</c:v>
                </c:pt>
                <c:pt idx="184">
                  <c:v>0.12245259999999902</c:v>
                </c:pt>
                <c:pt idx="185">
                  <c:v>0.13375759999999914</c:v>
                </c:pt>
                <c:pt idx="186">
                  <c:v>0.13166869999999919</c:v>
                </c:pt>
                <c:pt idx="187">
                  <c:v>0.13027369999999916</c:v>
                </c:pt>
                <c:pt idx="188">
                  <c:v>0.13600839999999903</c:v>
                </c:pt>
                <c:pt idx="189">
                  <c:v>0.13133999999999912</c:v>
                </c:pt>
                <c:pt idx="190">
                  <c:v>0.12177859999999918</c:v>
                </c:pt>
                <c:pt idx="191">
                  <c:v>0.10937099999999922</c:v>
                </c:pt>
                <c:pt idx="192">
                  <c:v>0.11080819999999902</c:v>
                </c:pt>
                <c:pt idx="193">
                  <c:v>0.116851499999999</c:v>
                </c:pt>
                <c:pt idx="194">
                  <c:v>0.13102089999999889</c:v>
                </c:pt>
                <c:pt idx="195">
                  <c:v>0.13576599999999872</c:v>
                </c:pt>
                <c:pt idx="196">
                  <c:v>0.14596139999999869</c:v>
                </c:pt>
                <c:pt idx="197">
                  <c:v>0.14356539999999862</c:v>
                </c:pt>
                <c:pt idx="198">
                  <c:v>0.12965929999999859</c:v>
                </c:pt>
                <c:pt idx="199">
                  <c:v>0.12848659999999867</c:v>
                </c:pt>
                <c:pt idx="200">
                  <c:v>0.12786729999999857</c:v>
                </c:pt>
                <c:pt idx="201">
                  <c:v>0.14235509999999874</c:v>
                </c:pt>
                <c:pt idx="202">
                  <c:v>0.15608659999999874</c:v>
                </c:pt>
                <c:pt idx="203">
                  <c:v>0.15008319999999875</c:v>
                </c:pt>
                <c:pt idx="204">
                  <c:v>0.12557289999999877</c:v>
                </c:pt>
                <c:pt idx="205">
                  <c:v>0.12981169999999853</c:v>
                </c:pt>
                <c:pt idx="206">
                  <c:v>0.14428219999999836</c:v>
                </c:pt>
                <c:pt idx="207">
                  <c:v>0.16998539999999829</c:v>
                </c:pt>
                <c:pt idx="208">
                  <c:v>0.18362389999999817</c:v>
                </c:pt>
                <c:pt idx="209">
                  <c:v>0.18648389999999826</c:v>
                </c:pt>
                <c:pt idx="210">
                  <c:v>0.20591859999999818</c:v>
                </c:pt>
                <c:pt idx="211">
                  <c:v>0.21810239999999825</c:v>
                </c:pt>
                <c:pt idx="212">
                  <c:v>0.20473289999999822</c:v>
                </c:pt>
                <c:pt idx="213">
                  <c:v>0.19907629999999821</c:v>
                </c:pt>
                <c:pt idx="214">
                  <c:v>0.20445579999999852</c:v>
                </c:pt>
                <c:pt idx="215">
                  <c:v>0.21382269999999837</c:v>
                </c:pt>
                <c:pt idx="216">
                  <c:v>0.22719359999999833</c:v>
                </c:pt>
                <c:pt idx="217">
                  <c:v>0.2187063999999983</c:v>
                </c:pt>
                <c:pt idx="218">
                  <c:v>0.19236049999999816</c:v>
                </c:pt>
                <c:pt idx="219">
                  <c:v>0.22588649999999832</c:v>
                </c:pt>
                <c:pt idx="220">
                  <c:v>0.23005789999999826</c:v>
                </c:pt>
                <c:pt idx="221">
                  <c:v>0.23299849999999811</c:v>
                </c:pt>
                <c:pt idx="222">
                  <c:v>0.22784819999999795</c:v>
                </c:pt>
                <c:pt idx="223">
                  <c:v>0.20864429999999801</c:v>
                </c:pt>
                <c:pt idx="224">
                  <c:v>0.23455839999999784</c:v>
                </c:pt>
                <c:pt idx="225">
                  <c:v>0.22661039999999777</c:v>
                </c:pt>
                <c:pt idx="226">
                  <c:v>0.22479959999999788</c:v>
                </c:pt>
                <c:pt idx="227">
                  <c:v>0.2386490999999975</c:v>
                </c:pt>
                <c:pt idx="228">
                  <c:v>0.24090309999999748</c:v>
                </c:pt>
                <c:pt idx="229">
                  <c:v>0.24329739999999767</c:v>
                </c:pt>
                <c:pt idx="230">
                  <c:v>0.25269839999999766</c:v>
                </c:pt>
                <c:pt idx="231">
                  <c:v>0.26685689999999762</c:v>
                </c:pt>
                <c:pt idx="232">
                  <c:v>0.27440019999999743</c:v>
                </c:pt>
                <c:pt idx="233">
                  <c:v>0.28279099999999735</c:v>
                </c:pt>
                <c:pt idx="234">
                  <c:v>0.29877479999999723</c:v>
                </c:pt>
                <c:pt idx="235">
                  <c:v>0.30761959999999733</c:v>
                </c:pt>
                <c:pt idx="236">
                  <c:v>0.31660189999999733</c:v>
                </c:pt>
                <c:pt idx="237">
                  <c:v>0.33195409999999703</c:v>
                </c:pt>
                <c:pt idx="238">
                  <c:v>0.33201389999999709</c:v>
                </c:pt>
                <c:pt idx="239">
                  <c:v>0.32675899999999714</c:v>
                </c:pt>
                <c:pt idx="240">
                  <c:v>0.3247495999999972</c:v>
                </c:pt>
                <c:pt idx="241">
                  <c:v>0.34146289999999713</c:v>
                </c:pt>
                <c:pt idx="242">
                  <c:v>0.35893819999999699</c:v>
                </c:pt>
                <c:pt idx="243">
                  <c:v>0.37071649999999678</c:v>
                </c:pt>
                <c:pt idx="244">
                  <c:v>0.38246799999999692</c:v>
                </c:pt>
                <c:pt idx="245">
                  <c:v>0.39753379999999683</c:v>
                </c:pt>
                <c:pt idx="246">
                  <c:v>0.39272829999999681</c:v>
                </c:pt>
                <c:pt idx="247">
                  <c:v>0.40851489999999657</c:v>
                </c:pt>
                <c:pt idx="248">
                  <c:v>0.40540249999999678</c:v>
                </c:pt>
                <c:pt idx="249">
                  <c:v>0.39542799999999656</c:v>
                </c:pt>
                <c:pt idx="250">
                  <c:v>0.42296009999999651</c:v>
                </c:pt>
                <c:pt idx="251">
                  <c:v>0.4144888999999965</c:v>
                </c:pt>
                <c:pt idx="252">
                  <c:v>0.42426309999999634</c:v>
                </c:pt>
                <c:pt idx="253">
                  <c:v>0.4421195999999965</c:v>
                </c:pt>
                <c:pt idx="254">
                  <c:v>0.43620149999999636</c:v>
                </c:pt>
                <c:pt idx="255">
                  <c:v>0.38848709999999653</c:v>
                </c:pt>
                <c:pt idx="256">
                  <c:v>0.34490659999999673</c:v>
                </c:pt>
                <c:pt idx="257">
                  <c:v>0.35389339999999669</c:v>
                </c:pt>
                <c:pt idx="258">
                  <c:v>0.37474929999999662</c:v>
                </c:pt>
                <c:pt idx="259">
                  <c:v>0.39326659999999647</c:v>
                </c:pt>
                <c:pt idx="260">
                  <c:v>0.35263659999999653</c:v>
                </c:pt>
                <c:pt idx="261">
                  <c:v>0.34858739999999644</c:v>
                </c:pt>
                <c:pt idx="262">
                  <c:v>0.37205689999999625</c:v>
                </c:pt>
                <c:pt idx="263">
                  <c:v>0.36037729999999613</c:v>
                </c:pt>
                <c:pt idx="264">
                  <c:v>0.33284089999999655</c:v>
                </c:pt>
                <c:pt idx="265">
                  <c:v>0.32806669999999638</c:v>
                </c:pt>
                <c:pt idx="266">
                  <c:v>0.31943249999999646</c:v>
                </c:pt>
                <c:pt idx="267">
                  <c:v>0.34837009999999635</c:v>
                </c:pt>
                <c:pt idx="268">
                  <c:v>0.35639819999999656</c:v>
                </c:pt>
                <c:pt idx="269">
                  <c:v>0.35799559999999619</c:v>
                </c:pt>
                <c:pt idx="270">
                  <c:v>0.34064559999999622</c:v>
                </c:pt>
                <c:pt idx="271">
                  <c:v>0.34945769999999632</c:v>
                </c:pt>
                <c:pt idx="272">
                  <c:v>0.37617839999999592</c:v>
                </c:pt>
                <c:pt idx="273">
                  <c:v>0.40431109999999593</c:v>
                </c:pt>
                <c:pt idx="274">
                  <c:v>0.43031349999999602</c:v>
                </c:pt>
                <c:pt idx="275">
                  <c:v>0.41592789999999602</c:v>
                </c:pt>
                <c:pt idx="276">
                  <c:v>0.42049969999999592</c:v>
                </c:pt>
                <c:pt idx="277">
                  <c:v>0.41262179999999593</c:v>
                </c:pt>
                <c:pt idx="278">
                  <c:v>0.41082099999999611</c:v>
                </c:pt>
                <c:pt idx="279">
                  <c:v>0.39389749999999601</c:v>
                </c:pt>
                <c:pt idx="280">
                  <c:v>0.40151669999999595</c:v>
                </c:pt>
                <c:pt idx="281">
                  <c:v>0.38754719999999598</c:v>
                </c:pt>
                <c:pt idx="282">
                  <c:v>0.40137959999999606</c:v>
                </c:pt>
                <c:pt idx="283">
                  <c:v>0.42961209999999572</c:v>
                </c:pt>
                <c:pt idx="284">
                  <c:v>0.43192489999999584</c:v>
                </c:pt>
                <c:pt idx="285">
                  <c:v>0.43887109999999585</c:v>
                </c:pt>
                <c:pt idx="286">
                  <c:v>0.43749049999999579</c:v>
                </c:pt>
                <c:pt idx="287">
                  <c:v>0.47625039999999585</c:v>
                </c:pt>
                <c:pt idx="288">
                  <c:v>0.47993329999999568</c:v>
                </c:pt>
                <c:pt idx="289">
                  <c:v>0.48237089999999561</c:v>
                </c:pt>
                <c:pt idx="290">
                  <c:v>0.47962019999999561</c:v>
                </c:pt>
                <c:pt idx="291">
                  <c:v>0.46441569999999555</c:v>
                </c:pt>
                <c:pt idx="292">
                  <c:v>0.46484479999999562</c:v>
                </c:pt>
                <c:pt idx="293">
                  <c:v>0.50093099999999535</c:v>
                </c:pt>
                <c:pt idx="294">
                  <c:v>0.52288839999999537</c:v>
                </c:pt>
                <c:pt idx="295">
                  <c:v>0.51614679999999535</c:v>
                </c:pt>
                <c:pt idx="296">
                  <c:v>0.53276059999999514</c:v>
                </c:pt>
                <c:pt idx="297">
                  <c:v>0.52600309999999517</c:v>
                </c:pt>
                <c:pt idx="298">
                  <c:v>0.52281919999999515</c:v>
                </c:pt>
                <c:pt idx="299">
                  <c:v>0.52049679999999521</c:v>
                </c:pt>
                <c:pt idx="300">
                  <c:v>0.53456599999999521</c:v>
                </c:pt>
                <c:pt idx="301">
                  <c:v>0.53587589999999508</c:v>
                </c:pt>
                <c:pt idx="302">
                  <c:v>0.55610139999999508</c:v>
                </c:pt>
                <c:pt idx="303">
                  <c:v>0.54459269999999504</c:v>
                </c:pt>
                <c:pt idx="304">
                  <c:v>0.55764809999999487</c:v>
                </c:pt>
                <c:pt idx="305">
                  <c:v>0.55227519999999486</c:v>
                </c:pt>
                <c:pt idx="306">
                  <c:v>0.54625729999999484</c:v>
                </c:pt>
                <c:pt idx="307">
                  <c:v>0.57058039999999477</c:v>
                </c:pt>
                <c:pt idx="308">
                  <c:v>0.57534579999999447</c:v>
                </c:pt>
                <c:pt idx="309">
                  <c:v>0.56695059999999442</c:v>
                </c:pt>
                <c:pt idx="310">
                  <c:v>0.56165539999999448</c:v>
                </c:pt>
                <c:pt idx="311">
                  <c:v>0.57453359999999432</c:v>
                </c:pt>
                <c:pt idx="312">
                  <c:v>0.56384189999999412</c:v>
                </c:pt>
                <c:pt idx="313">
                  <c:v>0.57487029999999417</c:v>
                </c:pt>
                <c:pt idx="314">
                  <c:v>0.57480559999999414</c:v>
                </c:pt>
                <c:pt idx="315">
                  <c:v>0.56600169999999417</c:v>
                </c:pt>
                <c:pt idx="316">
                  <c:v>0.60391359999999406</c:v>
                </c:pt>
                <c:pt idx="317">
                  <c:v>0.63641019999999382</c:v>
                </c:pt>
                <c:pt idx="318">
                  <c:v>0.6426504999999938</c:v>
                </c:pt>
                <c:pt idx="319">
                  <c:v>0.65542759999999367</c:v>
                </c:pt>
                <c:pt idx="320">
                  <c:v>0.65566939999999363</c:v>
                </c:pt>
                <c:pt idx="321">
                  <c:v>0.63849089999999364</c:v>
                </c:pt>
                <c:pt idx="322">
                  <c:v>0.67281109999999344</c:v>
                </c:pt>
                <c:pt idx="323">
                  <c:v>0.69308929999999336</c:v>
                </c:pt>
                <c:pt idx="324">
                  <c:v>0.6898879999999934</c:v>
                </c:pt>
                <c:pt idx="325">
                  <c:v>0.71401319999999302</c:v>
                </c:pt>
                <c:pt idx="326">
                  <c:v>0.70403169999999315</c:v>
                </c:pt>
                <c:pt idx="327">
                  <c:v>0.68086869999999333</c:v>
                </c:pt>
                <c:pt idx="328">
                  <c:v>0.73582319999999313</c:v>
                </c:pt>
                <c:pt idx="329">
                  <c:v>0.73587069999999288</c:v>
                </c:pt>
                <c:pt idx="330">
                  <c:v>0.73185419999999279</c:v>
                </c:pt>
                <c:pt idx="331">
                  <c:v>0.77200549999999279</c:v>
                </c:pt>
                <c:pt idx="332">
                  <c:v>0.77196279999999295</c:v>
                </c:pt>
                <c:pt idx="333">
                  <c:v>0.80281199999999275</c:v>
                </c:pt>
                <c:pt idx="334">
                  <c:v>0.83173219999999248</c:v>
                </c:pt>
                <c:pt idx="335">
                  <c:v>0.81048189999999254</c:v>
                </c:pt>
                <c:pt idx="336">
                  <c:v>0.81125939999999241</c:v>
                </c:pt>
                <c:pt idx="337">
                  <c:v>0.8112239999999924</c:v>
                </c:pt>
                <c:pt idx="338">
                  <c:v>0.80148179999999236</c:v>
                </c:pt>
                <c:pt idx="339">
                  <c:v>0.77196399999999255</c:v>
                </c:pt>
                <c:pt idx="340">
                  <c:v>0.79734219999999212</c:v>
                </c:pt>
                <c:pt idx="341">
                  <c:v>0.76939229999999226</c:v>
                </c:pt>
                <c:pt idx="342">
                  <c:v>0.7492090999999923</c:v>
                </c:pt>
                <c:pt idx="343">
                  <c:v>0.76529819999999193</c:v>
                </c:pt>
                <c:pt idx="344">
                  <c:v>0.78275409999999201</c:v>
                </c:pt>
                <c:pt idx="345">
                  <c:v>0.77202109999999191</c:v>
                </c:pt>
                <c:pt idx="346">
                  <c:v>0.76203389999999205</c:v>
                </c:pt>
                <c:pt idx="347">
                  <c:v>0.77045559999999202</c:v>
                </c:pt>
                <c:pt idx="348">
                  <c:v>0.79509999999999192</c:v>
                </c:pt>
                <c:pt idx="349">
                  <c:v>0.8249720999999921</c:v>
                </c:pt>
                <c:pt idx="350">
                  <c:v>0.82360289999999203</c:v>
                </c:pt>
                <c:pt idx="351">
                  <c:v>0.82505329999999177</c:v>
                </c:pt>
                <c:pt idx="352">
                  <c:v>0.82792369999999171</c:v>
                </c:pt>
                <c:pt idx="353">
                  <c:v>0.82543979999999184</c:v>
                </c:pt>
                <c:pt idx="354">
                  <c:v>0.84435609999999173</c:v>
                </c:pt>
                <c:pt idx="355">
                  <c:v>0.87901469999999149</c:v>
                </c:pt>
                <c:pt idx="356">
                  <c:v>0.89340159999999158</c:v>
                </c:pt>
                <c:pt idx="357">
                  <c:v>0.90066319999999167</c:v>
                </c:pt>
                <c:pt idx="358">
                  <c:v>0.8887058999999915</c:v>
                </c:pt>
                <c:pt idx="359">
                  <c:v>0.83557159999999175</c:v>
                </c:pt>
                <c:pt idx="360">
                  <c:v>0.80924839999999199</c:v>
                </c:pt>
                <c:pt idx="361">
                  <c:v>0.81338419999999201</c:v>
                </c:pt>
                <c:pt idx="362">
                  <c:v>0.80234329999999199</c:v>
                </c:pt>
                <c:pt idx="363">
                  <c:v>0.81731239999999206</c:v>
                </c:pt>
                <c:pt idx="364">
                  <c:v>0.82863769999999182</c:v>
                </c:pt>
                <c:pt idx="365">
                  <c:v>0.86110339999999153</c:v>
                </c:pt>
                <c:pt idx="366">
                  <c:v>0.88251429999999154</c:v>
                </c:pt>
                <c:pt idx="367">
                  <c:v>0.87616549999999149</c:v>
                </c:pt>
                <c:pt idx="368">
                  <c:v>0.88630709999999158</c:v>
                </c:pt>
                <c:pt idx="369">
                  <c:v>0.86826319999999146</c:v>
                </c:pt>
                <c:pt idx="370">
                  <c:v>0.88182479999999153</c:v>
                </c:pt>
                <c:pt idx="371">
                  <c:v>0.86471499999999168</c:v>
                </c:pt>
                <c:pt idx="372">
                  <c:v>0.86653799999999159</c:v>
                </c:pt>
                <c:pt idx="373">
                  <c:v>0.85256889999999186</c:v>
                </c:pt>
                <c:pt idx="374">
                  <c:v>0.82432339999999171</c:v>
                </c:pt>
                <c:pt idx="375">
                  <c:v>0.81847059999999172</c:v>
                </c:pt>
                <c:pt idx="376">
                  <c:v>0.83390499999999168</c:v>
                </c:pt>
                <c:pt idx="377">
                  <c:v>0.82618269999999172</c:v>
                </c:pt>
                <c:pt idx="378">
                  <c:v>0.85264429999999169</c:v>
                </c:pt>
                <c:pt idx="379">
                  <c:v>0.86495199999999195</c:v>
                </c:pt>
                <c:pt idx="380">
                  <c:v>0.86428889999999203</c:v>
                </c:pt>
                <c:pt idx="381">
                  <c:v>0.88021139999999209</c:v>
                </c:pt>
                <c:pt idx="382">
                  <c:v>0.8680151999999921</c:v>
                </c:pt>
                <c:pt idx="383">
                  <c:v>0.85205119999999201</c:v>
                </c:pt>
                <c:pt idx="384">
                  <c:v>0.83862919999999219</c:v>
                </c:pt>
                <c:pt idx="385">
                  <c:v>0.83174639999999234</c:v>
                </c:pt>
                <c:pt idx="386">
                  <c:v>0.81891669999999217</c:v>
                </c:pt>
                <c:pt idx="387">
                  <c:v>0.82383799999999252</c:v>
                </c:pt>
                <c:pt idx="388">
                  <c:v>0.84315089999999238</c:v>
                </c:pt>
                <c:pt idx="389">
                  <c:v>0.86106179999999255</c:v>
                </c:pt>
                <c:pt idx="390">
                  <c:v>0.86942359999999241</c:v>
                </c:pt>
                <c:pt idx="391">
                  <c:v>0.86280049999999253</c:v>
                </c:pt>
                <c:pt idx="392">
                  <c:v>0.86033079999999251</c:v>
                </c:pt>
                <c:pt idx="393">
                  <c:v>0.88325869999999229</c:v>
                </c:pt>
                <c:pt idx="394">
                  <c:v>0.87284949999999228</c:v>
                </c:pt>
                <c:pt idx="395">
                  <c:v>0.88766019999999202</c:v>
                </c:pt>
                <c:pt idx="396">
                  <c:v>0.9188046999999917</c:v>
                </c:pt>
                <c:pt idx="397">
                  <c:v>0.92727479999999174</c:v>
                </c:pt>
                <c:pt idx="398">
                  <c:v>0.94964249999999151</c:v>
                </c:pt>
                <c:pt idx="399">
                  <c:v>0.97506659999999146</c:v>
                </c:pt>
                <c:pt idx="400">
                  <c:v>0.99371029999999161</c:v>
                </c:pt>
                <c:pt idx="401">
                  <c:v>0.99873719999999166</c:v>
                </c:pt>
                <c:pt idx="402">
                  <c:v>0.9909517999999915</c:v>
                </c:pt>
                <c:pt idx="403">
                  <c:v>0.98706739999999149</c:v>
                </c:pt>
                <c:pt idx="404">
                  <c:v>0.93283089999999169</c:v>
                </c:pt>
                <c:pt idx="405">
                  <c:v>0.89891279999999196</c:v>
                </c:pt>
                <c:pt idx="406">
                  <c:v>0.8938972999999919</c:v>
                </c:pt>
                <c:pt idx="407">
                  <c:v>0.85500039999999222</c:v>
                </c:pt>
                <c:pt idx="408">
                  <c:v>0.84244719999999229</c:v>
                </c:pt>
                <c:pt idx="409">
                  <c:v>0.8427555999999925</c:v>
                </c:pt>
                <c:pt idx="410">
                  <c:v>0.75324049999999287</c:v>
                </c:pt>
                <c:pt idx="411">
                  <c:v>0.77583569999999269</c:v>
                </c:pt>
                <c:pt idx="412">
                  <c:v>0.69663109999999318</c:v>
                </c:pt>
                <c:pt idx="413">
                  <c:v>0.75793639999999263</c:v>
                </c:pt>
                <c:pt idx="414">
                  <c:v>0.83391669999999229</c:v>
                </c:pt>
                <c:pt idx="415">
                  <c:v>0.83961229999999221</c:v>
                </c:pt>
                <c:pt idx="416">
                  <c:v>0.76997269999999252</c:v>
                </c:pt>
                <c:pt idx="417">
                  <c:v>0.77692539999999277</c:v>
                </c:pt>
                <c:pt idx="418">
                  <c:v>0.80308479999999238</c:v>
                </c:pt>
                <c:pt idx="419">
                  <c:v>0.82980529999999253</c:v>
                </c:pt>
                <c:pt idx="420">
                  <c:v>0.79699689999999257</c:v>
                </c:pt>
                <c:pt idx="421">
                  <c:v>0.75784579999999258</c:v>
                </c:pt>
                <c:pt idx="422">
                  <c:v>0.75485549999999257</c:v>
                </c:pt>
                <c:pt idx="423">
                  <c:v>0.68961639999999291</c:v>
                </c:pt>
                <c:pt idx="424">
                  <c:v>0.72983609999999266</c:v>
                </c:pt>
                <c:pt idx="425">
                  <c:v>0.67803099999999294</c:v>
                </c:pt>
                <c:pt idx="426">
                  <c:v>0.61420779999999309</c:v>
                </c:pt>
                <c:pt idx="427">
                  <c:v>0.57567209999999314</c:v>
                </c:pt>
                <c:pt idx="428">
                  <c:v>0.63693579999999295</c:v>
                </c:pt>
                <c:pt idx="429">
                  <c:v>0.64405429999999297</c:v>
                </c:pt>
                <c:pt idx="430">
                  <c:v>0.63838059999999297</c:v>
                </c:pt>
                <c:pt idx="431">
                  <c:v>0.66972389999999282</c:v>
                </c:pt>
                <c:pt idx="432">
                  <c:v>0.68834069999999259</c:v>
                </c:pt>
                <c:pt idx="433">
                  <c:v>0.6936011999999927</c:v>
                </c:pt>
                <c:pt idx="434">
                  <c:v>0.69715849999999246</c:v>
                </c:pt>
                <c:pt idx="435">
                  <c:v>0.69262969999999235</c:v>
                </c:pt>
                <c:pt idx="436">
                  <c:v>0.68465409999999238</c:v>
                </c:pt>
                <c:pt idx="437">
                  <c:v>0.7231288999999923</c:v>
                </c:pt>
                <c:pt idx="438">
                  <c:v>0.77487419999999196</c:v>
                </c:pt>
                <c:pt idx="439">
                  <c:v>0.81718719999999179</c:v>
                </c:pt>
                <c:pt idx="440">
                  <c:v>0.82456509999999184</c:v>
                </c:pt>
                <c:pt idx="441">
                  <c:v>0.78820629999999192</c:v>
                </c:pt>
                <c:pt idx="442">
                  <c:v>0.79901259999999219</c:v>
                </c:pt>
                <c:pt idx="443">
                  <c:v>0.78880949999999239</c:v>
                </c:pt>
                <c:pt idx="444">
                  <c:v>0.78507809999999245</c:v>
                </c:pt>
                <c:pt idx="445">
                  <c:v>0.77213459999999245</c:v>
                </c:pt>
                <c:pt idx="446">
                  <c:v>0.77999429999999226</c:v>
                </c:pt>
                <c:pt idx="447">
                  <c:v>0.74275109999999245</c:v>
                </c:pt>
                <c:pt idx="448">
                  <c:v>0.72012319999999241</c:v>
                </c:pt>
                <c:pt idx="449">
                  <c:v>0.70828279999999255</c:v>
                </c:pt>
                <c:pt idx="450">
                  <c:v>0.70851419999999266</c:v>
                </c:pt>
                <c:pt idx="451">
                  <c:v>0.76634579999999275</c:v>
                </c:pt>
                <c:pt idx="452">
                  <c:v>0.76995329999999274</c:v>
                </c:pt>
                <c:pt idx="453">
                  <c:v>0.74450159999999288</c:v>
                </c:pt>
                <c:pt idx="454">
                  <c:v>0.76853379999999283</c:v>
                </c:pt>
                <c:pt idx="455">
                  <c:v>0.77808659999999263</c:v>
                </c:pt>
                <c:pt idx="456">
                  <c:v>0.79015239999999265</c:v>
                </c:pt>
                <c:pt idx="457">
                  <c:v>0.79569659999999276</c:v>
                </c:pt>
                <c:pt idx="458">
                  <c:v>0.81194759999999278</c:v>
                </c:pt>
                <c:pt idx="459">
                  <c:v>0.80577149999999276</c:v>
                </c:pt>
                <c:pt idx="460">
                  <c:v>0.79473419999999262</c:v>
                </c:pt>
                <c:pt idx="461">
                  <c:v>0.82223269999999249</c:v>
                </c:pt>
                <c:pt idx="462">
                  <c:v>0.82556069999999271</c:v>
                </c:pt>
                <c:pt idx="463">
                  <c:v>0.84136569999999278</c:v>
                </c:pt>
                <c:pt idx="464">
                  <c:v>0.83454399999999263</c:v>
                </c:pt>
                <c:pt idx="465">
                  <c:v>0.84141509999999275</c:v>
                </c:pt>
                <c:pt idx="466">
                  <c:v>0.84571569999999241</c:v>
                </c:pt>
                <c:pt idx="467">
                  <c:v>0.83295809999999237</c:v>
                </c:pt>
                <c:pt idx="468">
                  <c:v>0.83973849999999239</c:v>
                </c:pt>
                <c:pt idx="469">
                  <c:v>0.83254699999999238</c:v>
                </c:pt>
                <c:pt idx="470">
                  <c:v>0.84761899999999235</c:v>
                </c:pt>
                <c:pt idx="471">
                  <c:v>0.8756102999999924</c:v>
                </c:pt>
                <c:pt idx="472">
                  <c:v>0.88367049999999248</c:v>
                </c:pt>
                <c:pt idx="473">
                  <c:v>0.8670709999999926</c:v>
                </c:pt>
                <c:pt idx="474">
                  <c:v>0.85636909999999267</c:v>
                </c:pt>
                <c:pt idx="475">
                  <c:v>0.84377699999999267</c:v>
                </c:pt>
                <c:pt idx="476">
                  <c:v>0.80806119999999271</c:v>
                </c:pt>
                <c:pt idx="477">
                  <c:v>0.79123839999999257</c:v>
                </c:pt>
                <c:pt idx="478">
                  <c:v>0.81648759999999276</c:v>
                </c:pt>
                <c:pt idx="479">
                  <c:v>0.83149679999999249</c:v>
                </c:pt>
                <c:pt idx="480">
                  <c:v>0.84864239999999214</c:v>
                </c:pt>
                <c:pt idx="481">
                  <c:v>0.85187829999999254</c:v>
                </c:pt>
                <c:pt idx="482">
                  <c:v>0.85985999999999252</c:v>
                </c:pt>
                <c:pt idx="483">
                  <c:v>0.88255969999999251</c:v>
                </c:pt>
                <c:pt idx="484">
                  <c:v>0.90709829999999236</c:v>
                </c:pt>
                <c:pt idx="485">
                  <c:v>0.89859279999999253</c:v>
                </c:pt>
                <c:pt idx="486">
                  <c:v>0.88585509999999257</c:v>
                </c:pt>
                <c:pt idx="487">
                  <c:v>0.89145279999999261</c:v>
                </c:pt>
                <c:pt idx="488">
                  <c:v>0.85390979999999295</c:v>
                </c:pt>
                <c:pt idx="489">
                  <c:v>0.8529374999999928</c:v>
                </c:pt>
                <c:pt idx="490">
                  <c:v>0.87167109999999304</c:v>
                </c:pt>
                <c:pt idx="491">
                  <c:v>0.87056379999999312</c:v>
                </c:pt>
                <c:pt idx="492">
                  <c:v>0.87149849999999285</c:v>
                </c:pt>
                <c:pt idx="493">
                  <c:v>0.8805492999999931</c:v>
                </c:pt>
                <c:pt idx="494">
                  <c:v>0.85817229999999323</c:v>
                </c:pt>
                <c:pt idx="495">
                  <c:v>0.84557889999999314</c:v>
                </c:pt>
                <c:pt idx="496">
                  <c:v>0.8018214999999933</c:v>
                </c:pt>
                <c:pt idx="497">
                  <c:v>0.78351709999999342</c:v>
                </c:pt>
                <c:pt idx="498">
                  <c:v>0.77654179999999329</c:v>
                </c:pt>
                <c:pt idx="499">
                  <c:v>0.82953669999999313</c:v>
                </c:pt>
                <c:pt idx="500">
                  <c:v>0.84837019999999286</c:v>
                </c:pt>
                <c:pt idx="501">
                  <c:v>0.86957279999999293</c:v>
                </c:pt>
                <c:pt idx="502">
                  <c:v>0.86866809999999295</c:v>
                </c:pt>
                <c:pt idx="503">
                  <c:v>0.89734609999999293</c:v>
                </c:pt>
                <c:pt idx="504">
                  <c:v>0.8893324999999932</c:v>
                </c:pt>
                <c:pt idx="505">
                  <c:v>0.90782599999999292</c:v>
                </c:pt>
                <c:pt idx="506">
                  <c:v>0.92961159999999277</c:v>
                </c:pt>
                <c:pt idx="507">
                  <c:v>0.90783439999999294</c:v>
                </c:pt>
                <c:pt idx="508">
                  <c:v>0.93622799999999273</c:v>
                </c:pt>
                <c:pt idx="509">
                  <c:v>0.95442829999999246</c:v>
                </c:pt>
                <c:pt idx="510">
                  <c:v>0.94646029999999248</c:v>
                </c:pt>
                <c:pt idx="511">
                  <c:v>0.96104809999999241</c:v>
                </c:pt>
                <c:pt idx="512">
                  <c:v>0.95238599999999241</c:v>
                </c:pt>
                <c:pt idx="513">
                  <c:v>0.94919559999999237</c:v>
                </c:pt>
                <c:pt idx="514">
                  <c:v>0.95309189999999244</c:v>
                </c:pt>
                <c:pt idx="515">
                  <c:v>0.95268019999999254</c:v>
                </c:pt>
                <c:pt idx="516">
                  <c:v>0.94747259999999245</c:v>
                </c:pt>
                <c:pt idx="517">
                  <c:v>0.96209419999999213</c:v>
                </c:pt>
                <c:pt idx="518">
                  <c:v>0.98402339999999233</c:v>
                </c:pt>
                <c:pt idx="519">
                  <c:v>0.98050669999999229</c:v>
                </c:pt>
                <c:pt idx="520">
                  <c:v>0.98869349999999212</c:v>
                </c:pt>
                <c:pt idx="521">
                  <c:v>0.98046229999999213</c:v>
                </c:pt>
                <c:pt idx="522">
                  <c:v>0.95638879999999227</c:v>
                </c:pt>
                <c:pt idx="523">
                  <c:v>0.97860159999999197</c:v>
                </c:pt>
                <c:pt idx="524">
                  <c:v>1.0064240999999918</c:v>
                </c:pt>
                <c:pt idx="525">
                  <c:v>1.0229815999999921</c:v>
                </c:pt>
                <c:pt idx="526">
                  <c:v>1.0489547999999922</c:v>
                </c:pt>
                <c:pt idx="527">
                  <c:v>1.0488181999999919</c:v>
                </c:pt>
                <c:pt idx="528">
                  <c:v>1.0435013999999918</c:v>
                </c:pt>
                <c:pt idx="529">
                  <c:v>1.0621855999999918</c:v>
                </c:pt>
                <c:pt idx="530">
                  <c:v>1.0351619999999921</c:v>
                </c:pt>
                <c:pt idx="531">
                  <c:v>1.030438399999992</c:v>
                </c:pt>
                <c:pt idx="532">
                  <c:v>1.068174499999992</c:v>
                </c:pt>
                <c:pt idx="533">
                  <c:v>1.0835740999999914</c:v>
                </c:pt>
                <c:pt idx="534">
                  <c:v>1.0651142999999914</c:v>
                </c:pt>
                <c:pt idx="535">
                  <c:v>1.0650327999999916</c:v>
                </c:pt>
                <c:pt idx="536">
                  <c:v>1.0810490999999915</c:v>
                </c:pt>
                <c:pt idx="537">
                  <c:v>1.1079012999999915</c:v>
                </c:pt>
                <c:pt idx="538">
                  <c:v>1.1420120999999916</c:v>
                </c:pt>
                <c:pt idx="539">
                  <c:v>1.1363626999999914</c:v>
                </c:pt>
                <c:pt idx="540">
                  <c:v>1.1134330999999915</c:v>
                </c:pt>
                <c:pt idx="541">
                  <c:v>1.1016359999999916</c:v>
                </c:pt>
                <c:pt idx="542">
                  <c:v>1.1411840999999914</c:v>
                </c:pt>
                <c:pt idx="543">
                  <c:v>1.1335296999999915</c:v>
                </c:pt>
                <c:pt idx="544">
                  <c:v>1.1402945999999914</c:v>
                </c:pt>
                <c:pt idx="545">
                  <c:v>1.1634673999999916</c:v>
                </c:pt>
                <c:pt idx="546">
                  <c:v>1.2011572999999918</c:v>
                </c:pt>
                <c:pt idx="547">
                  <c:v>1.2039492999999917</c:v>
                </c:pt>
                <c:pt idx="548">
                  <c:v>1.2049684999999917</c:v>
                </c:pt>
                <c:pt idx="549">
                  <c:v>1.2069442999999915</c:v>
                </c:pt>
                <c:pt idx="550">
                  <c:v>1.2191102999999917</c:v>
                </c:pt>
                <c:pt idx="551">
                  <c:v>1.2114067999999913</c:v>
                </c:pt>
                <c:pt idx="552">
                  <c:v>1.2120602999999917</c:v>
                </c:pt>
                <c:pt idx="553">
                  <c:v>1.2385601999999918</c:v>
                </c:pt>
                <c:pt idx="554">
                  <c:v>1.2612985999999911</c:v>
                </c:pt>
                <c:pt idx="555">
                  <c:v>1.261346399999991</c:v>
                </c:pt>
                <c:pt idx="556">
                  <c:v>1.2415348999999911</c:v>
                </c:pt>
                <c:pt idx="557">
                  <c:v>1.2574609999999913</c:v>
                </c:pt>
                <c:pt idx="558">
                  <c:v>1.2425062999999912</c:v>
                </c:pt>
                <c:pt idx="559">
                  <c:v>1.2523641999999913</c:v>
                </c:pt>
                <c:pt idx="560">
                  <c:v>1.2688026999999913</c:v>
                </c:pt>
                <c:pt idx="561">
                  <c:v>1.2963547999999907</c:v>
                </c:pt>
                <c:pt idx="562">
                  <c:v>1.3185196999999906</c:v>
                </c:pt>
                <c:pt idx="563">
                  <c:v>1.3185202999999905</c:v>
                </c:pt>
                <c:pt idx="564">
                  <c:v>1.3521127999999907</c:v>
                </c:pt>
                <c:pt idx="565">
                  <c:v>1.3609775999999907</c:v>
                </c:pt>
                <c:pt idx="566">
                  <c:v>1.3329457999999912</c:v>
                </c:pt>
                <c:pt idx="567">
                  <c:v>1.298233199999991</c:v>
                </c:pt>
                <c:pt idx="568">
                  <c:v>1.2925023999999912</c:v>
                </c:pt>
                <c:pt idx="569">
                  <c:v>1.264187699999991</c:v>
                </c:pt>
                <c:pt idx="570">
                  <c:v>1.2331507999999913</c:v>
                </c:pt>
                <c:pt idx="571">
                  <c:v>1.2687780999999907</c:v>
                </c:pt>
                <c:pt idx="572">
                  <c:v>1.2752181999999905</c:v>
                </c:pt>
                <c:pt idx="573">
                  <c:v>1.29060689999999</c:v>
                </c:pt>
                <c:pt idx="574">
                  <c:v>1.2734623999999903</c:v>
                </c:pt>
                <c:pt idx="575">
                  <c:v>1.2834064999999901</c:v>
                </c:pt>
                <c:pt idx="576">
                  <c:v>1.3037228999999901</c:v>
                </c:pt>
                <c:pt idx="577">
                  <c:v>1.30737589999999</c:v>
                </c:pt>
                <c:pt idx="578">
                  <c:v>1.3362656999999896</c:v>
                </c:pt>
                <c:pt idx="579">
                  <c:v>1.3444009999999897</c:v>
                </c:pt>
                <c:pt idx="580">
                  <c:v>1.3638499999999896</c:v>
                </c:pt>
                <c:pt idx="581">
                  <c:v>1.3638120999999899</c:v>
                </c:pt>
                <c:pt idx="582">
                  <c:v>1.3507385999999899</c:v>
                </c:pt>
                <c:pt idx="583">
                  <c:v>1.3396256999999898</c:v>
                </c:pt>
                <c:pt idx="584">
                  <c:v>1.3320493999999896</c:v>
                </c:pt>
                <c:pt idx="585">
                  <c:v>1.34145179999999</c:v>
                </c:pt>
                <c:pt idx="586">
                  <c:v>1.3796085999999899</c:v>
                </c:pt>
                <c:pt idx="587">
                  <c:v>1.3781431999999896</c:v>
                </c:pt>
                <c:pt idx="588">
                  <c:v>1.39245759999999</c:v>
                </c:pt>
                <c:pt idx="589">
                  <c:v>1.4028048999999898</c:v>
                </c:pt>
                <c:pt idx="590">
                  <c:v>1.4005524999999897</c:v>
                </c:pt>
                <c:pt idx="591">
                  <c:v>1.3881431999999898</c:v>
                </c:pt>
                <c:pt idx="592">
                  <c:v>1.4004831999999898</c:v>
                </c:pt>
                <c:pt idx="593">
                  <c:v>1.3904792999999898</c:v>
                </c:pt>
                <c:pt idx="594">
                  <c:v>1.4090920999999894</c:v>
                </c:pt>
                <c:pt idx="595">
                  <c:v>1.4324686999999892</c:v>
                </c:pt>
                <c:pt idx="596">
                  <c:v>1.4425635999999895</c:v>
                </c:pt>
                <c:pt idx="597">
                  <c:v>1.4351208999999892</c:v>
                </c:pt>
                <c:pt idx="598">
                  <c:v>1.4507447999999887</c:v>
                </c:pt>
                <c:pt idx="599">
                  <c:v>1.482553599999989</c:v>
                </c:pt>
                <c:pt idx="600">
                  <c:v>1.473667099999989</c:v>
                </c:pt>
                <c:pt idx="601">
                  <c:v>1.4708668999999888</c:v>
                </c:pt>
                <c:pt idx="602">
                  <c:v>1.3660179999999893</c:v>
                </c:pt>
                <c:pt idx="603">
                  <c:v>1.3530723999999892</c:v>
                </c:pt>
                <c:pt idx="604">
                  <c:v>1.3306098999999891</c:v>
                </c:pt>
                <c:pt idx="605">
                  <c:v>1.3330504999999895</c:v>
                </c:pt>
                <c:pt idx="606">
                  <c:v>1.2634717999999898</c:v>
                </c:pt>
                <c:pt idx="607">
                  <c:v>1.3283100999999897</c:v>
                </c:pt>
                <c:pt idx="608">
                  <c:v>1.3507099999999896</c:v>
                </c:pt>
                <c:pt idx="609">
                  <c:v>1.3750257999999898</c:v>
                </c:pt>
                <c:pt idx="610">
                  <c:v>1.3948949999999893</c:v>
                </c:pt>
                <c:pt idx="611">
                  <c:v>1.4092056999999891</c:v>
                </c:pt>
                <c:pt idx="612">
                  <c:v>1.3660269999999897</c:v>
                </c:pt>
                <c:pt idx="613">
                  <c:v>1.3332028999999896</c:v>
                </c:pt>
                <c:pt idx="614">
                  <c:v>1.35213329999999</c:v>
                </c:pt>
                <c:pt idx="615">
                  <c:v>1.3375560999999898</c:v>
                </c:pt>
                <c:pt idx="616">
                  <c:v>1.3525673999999897</c:v>
                </c:pt>
                <c:pt idx="617">
                  <c:v>1.3809040999999898</c:v>
                </c:pt>
                <c:pt idx="618">
                  <c:v>1.4140974999999898</c:v>
                </c:pt>
                <c:pt idx="619">
                  <c:v>1.4478811999999897</c:v>
                </c:pt>
                <c:pt idx="620">
                  <c:v>1.4423309999999896</c:v>
                </c:pt>
                <c:pt idx="621">
                  <c:v>1.4375728999999899</c:v>
                </c:pt>
                <c:pt idx="622">
                  <c:v>1.4335735999999897</c:v>
                </c:pt>
                <c:pt idx="623">
                  <c:v>1.4018713999999899</c:v>
                </c:pt>
                <c:pt idx="624">
                  <c:v>1.4270126999999899</c:v>
                </c:pt>
                <c:pt idx="625">
                  <c:v>1.4622685999999896</c:v>
                </c:pt>
                <c:pt idx="626">
                  <c:v>1.4749657999999894</c:v>
                </c:pt>
                <c:pt idx="627">
                  <c:v>1.5175921999999895</c:v>
                </c:pt>
                <c:pt idx="628">
                  <c:v>1.5395435999999894</c:v>
                </c:pt>
                <c:pt idx="629">
                  <c:v>1.5511223999999895</c:v>
                </c:pt>
                <c:pt idx="630">
                  <c:v>1.5553849999999891</c:v>
                </c:pt>
                <c:pt idx="631">
                  <c:v>1.5429008999999891</c:v>
                </c:pt>
                <c:pt idx="632">
                  <c:v>1.5218819999999895</c:v>
                </c:pt>
                <c:pt idx="633">
                  <c:v>1.5147817999999895</c:v>
                </c:pt>
                <c:pt idx="634">
                  <c:v>1.5370276999999892</c:v>
                </c:pt>
                <c:pt idx="635">
                  <c:v>1.5717395999999888</c:v>
                </c:pt>
                <c:pt idx="636">
                  <c:v>1.5911147999999891</c:v>
                </c:pt>
                <c:pt idx="637">
                  <c:v>1.5982156999999888</c:v>
                </c:pt>
                <c:pt idx="638">
                  <c:v>1.5861747999999891</c:v>
                </c:pt>
                <c:pt idx="639">
                  <c:v>1.6234551999999889</c:v>
                </c:pt>
                <c:pt idx="640">
                  <c:v>1.6212809999999891</c:v>
                </c:pt>
                <c:pt idx="641">
                  <c:v>1.5992077999999887</c:v>
                </c:pt>
                <c:pt idx="642">
                  <c:v>1.6313531999999884</c:v>
                </c:pt>
                <c:pt idx="643">
                  <c:v>1.6342523999999883</c:v>
                </c:pt>
                <c:pt idx="644">
                  <c:v>1.6080950999999883</c:v>
                </c:pt>
                <c:pt idx="645">
                  <c:v>1.624584299999988</c:v>
                </c:pt>
                <c:pt idx="646">
                  <c:v>1.6385558999999881</c:v>
                </c:pt>
                <c:pt idx="647">
                  <c:v>1.6575612999999878</c:v>
                </c:pt>
                <c:pt idx="648">
                  <c:v>1.685771499999988</c:v>
                </c:pt>
                <c:pt idx="649">
                  <c:v>1.6826507999999878</c:v>
                </c:pt>
                <c:pt idx="650">
                  <c:v>1.6711657999999878</c:v>
                </c:pt>
                <c:pt idx="651">
                  <c:v>1.714213799999988</c:v>
                </c:pt>
                <c:pt idx="652">
                  <c:v>1.7100684999999882</c:v>
                </c:pt>
                <c:pt idx="653">
                  <c:v>1.7184402999999877</c:v>
                </c:pt>
                <c:pt idx="654">
                  <c:v>1.7035472999999874</c:v>
                </c:pt>
                <c:pt idx="655">
                  <c:v>1.7230571999999871</c:v>
                </c:pt>
                <c:pt idx="656">
                  <c:v>1.7507392999999869</c:v>
                </c:pt>
                <c:pt idx="657">
                  <c:v>1.7823122999999867</c:v>
                </c:pt>
                <c:pt idx="658">
                  <c:v>1.7766090999999866</c:v>
                </c:pt>
                <c:pt idx="659">
                  <c:v>1.7967198999999865</c:v>
                </c:pt>
                <c:pt idx="660">
                  <c:v>1.7998885999999867</c:v>
                </c:pt>
                <c:pt idx="661">
                  <c:v>1.8130669999999869</c:v>
                </c:pt>
                <c:pt idx="662">
                  <c:v>1.7524116999999872</c:v>
                </c:pt>
                <c:pt idx="663">
                  <c:v>1.7720157999999873</c:v>
                </c:pt>
                <c:pt idx="664">
                  <c:v>1.809834299999987</c:v>
                </c:pt>
                <c:pt idx="665">
                  <c:v>1.7970255999999871</c:v>
                </c:pt>
                <c:pt idx="666">
                  <c:v>1.7841743999999871</c:v>
                </c:pt>
                <c:pt idx="667">
                  <c:v>1.8254206999999871</c:v>
                </c:pt>
                <c:pt idx="668">
                  <c:v>1.8540586999999871</c:v>
                </c:pt>
                <c:pt idx="669">
                  <c:v>1.8607968999999871</c:v>
                </c:pt>
                <c:pt idx="670">
                  <c:v>1.8525110999999872</c:v>
                </c:pt>
                <c:pt idx="671">
                  <c:v>1.813615599999987</c:v>
                </c:pt>
                <c:pt idx="672">
                  <c:v>1.7859670999999873</c:v>
                </c:pt>
                <c:pt idx="673">
                  <c:v>1.8215026999999866</c:v>
                </c:pt>
                <c:pt idx="674">
                  <c:v>1.7929263999999865</c:v>
                </c:pt>
                <c:pt idx="675">
                  <c:v>1.8080988999999867</c:v>
                </c:pt>
                <c:pt idx="676">
                  <c:v>1.8409125999999865</c:v>
                </c:pt>
                <c:pt idx="677">
                  <c:v>1.8729965999999867</c:v>
                </c:pt>
                <c:pt idx="678">
                  <c:v>1.8867866999999863</c:v>
                </c:pt>
                <c:pt idx="679">
                  <c:v>1.8824432999999861</c:v>
                </c:pt>
                <c:pt idx="680">
                  <c:v>1.8691006999999864</c:v>
                </c:pt>
                <c:pt idx="681">
                  <c:v>1.8727049999999861</c:v>
                </c:pt>
                <c:pt idx="682">
                  <c:v>1.8695793999999863</c:v>
                </c:pt>
                <c:pt idx="683">
                  <c:v>1.8552143999999862</c:v>
                </c:pt>
                <c:pt idx="684">
                  <c:v>1.8608065999999863</c:v>
                </c:pt>
                <c:pt idx="685">
                  <c:v>1.8470738999999861</c:v>
                </c:pt>
                <c:pt idx="686">
                  <c:v>1.8912205999999863</c:v>
                </c:pt>
                <c:pt idx="687">
                  <c:v>1.8964525999999862</c:v>
                </c:pt>
                <c:pt idx="688">
                  <c:v>1.9216966999999858</c:v>
                </c:pt>
                <c:pt idx="689">
                  <c:v>1.9440473999999854</c:v>
                </c:pt>
                <c:pt idx="690">
                  <c:v>1.9474922999999849</c:v>
                </c:pt>
                <c:pt idx="691">
                  <c:v>1.9430242999999847</c:v>
                </c:pt>
                <c:pt idx="692">
                  <c:v>1.9666882999999844</c:v>
                </c:pt>
                <c:pt idx="693">
                  <c:v>1.9665670999999842</c:v>
                </c:pt>
                <c:pt idx="694">
                  <c:v>1.9627156999999844</c:v>
                </c:pt>
                <c:pt idx="695">
                  <c:v>1.9690788999999844</c:v>
                </c:pt>
                <c:pt idx="696">
                  <c:v>1.9989878999999844</c:v>
                </c:pt>
                <c:pt idx="697">
                  <c:v>2.0198079999999838</c:v>
                </c:pt>
                <c:pt idx="698">
                  <c:v>2.0132954999999839</c:v>
                </c:pt>
                <c:pt idx="699">
                  <c:v>2.020384799999984</c:v>
                </c:pt>
                <c:pt idx="700">
                  <c:v>2.0134353999999841</c:v>
                </c:pt>
                <c:pt idx="701">
                  <c:v>2.0635106999999837</c:v>
                </c:pt>
                <c:pt idx="702">
                  <c:v>2.0504396999999837</c:v>
                </c:pt>
                <c:pt idx="703">
                  <c:v>2.0725986999999835</c:v>
                </c:pt>
                <c:pt idx="704">
                  <c:v>2.0248556999999834</c:v>
                </c:pt>
                <c:pt idx="705">
                  <c:v>1.9598983999999842</c:v>
                </c:pt>
                <c:pt idx="706">
                  <c:v>1.8650710999999847</c:v>
                </c:pt>
                <c:pt idx="707">
                  <c:v>1.8676317999999843</c:v>
                </c:pt>
                <c:pt idx="708">
                  <c:v>1.8773533999999845</c:v>
                </c:pt>
                <c:pt idx="709">
                  <c:v>1.9159813999999846</c:v>
                </c:pt>
                <c:pt idx="710">
                  <c:v>1.8594873999999848</c:v>
                </c:pt>
                <c:pt idx="711">
                  <c:v>1.879882399999985</c:v>
                </c:pt>
                <c:pt idx="712">
                  <c:v>1.851401799999985</c:v>
                </c:pt>
                <c:pt idx="713">
                  <c:v>1.7912628999999849</c:v>
                </c:pt>
                <c:pt idx="714">
                  <c:v>1.845876799999985</c:v>
                </c:pt>
                <c:pt idx="715">
                  <c:v>1.9370900999999847</c:v>
                </c:pt>
                <c:pt idx="716">
                  <c:v>1.8851315999999851</c:v>
                </c:pt>
                <c:pt idx="717">
                  <c:v>1.8150688999999858</c:v>
                </c:pt>
                <c:pt idx="718">
                  <c:v>1.8395950999999853</c:v>
                </c:pt>
                <c:pt idx="719">
                  <c:v>1.7729565999999859</c:v>
                </c:pt>
                <c:pt idx="720">
                  <c:v>1.6714047999999861</c:v>
                </c:pt>
                <c:pt idx="721">
                  <c:v>1.4618848999999869</c:v>
                </c:pt>
                <c:pt idx="722">
                  <c:v>1.5322836999999869</c:v>
                </c:pt>
                <c:pt idx="723">
                  <c:v>1.6128880999999868</c:v>
                </c:pt>
                <c:pt idx="724">
                  <c:v>1.6216031999999863</c:v>
                </c:pt>
                <c:pt idx="725">
                  <c:v>1.6736240999999858</c:v>
                </c:pt>
                <c:pt idx="726">
                  <c:v>1.6781664999999859</c:v>
                </c:pt>
                <c:pt idx="727">
                  <c:v>1.7088005999999858</c:v>
                </c:pt>
                <c:pt idx="728">
                  <c:v>1.7521710999999853</c:v>
                </c:pt>
                <c:pt idx="729">
                  <c:v>1.6974843999999853</c:v>
                </c:pt>
                <c:pt idx="730">
                  <c:v>1.7058591999999848</c:v>
                </c:pt>
                <c:pt idx="731">
                  <c:v>1.7214629999999849</c:v>
                </c:pt>
                <c:pt idx="732">
                  <c:v>1.7823212999999849</c:v>
                </c:pt>
                <c:pt idx="733">
                  <c:v>1.8153111999999849</c:v>
                </c:pt>
                <c:pt idx="734">
                  <c:v>1.8308095999999847</c:v>
                </c:pt>
                <c:pt idx="735">
                  <c:v>1.797500699999985</c:v>
                </c:pt>
                <c:pt idx="736">
                  <c:v>1.7951882999999849</c:v>
                </c:pt>
                <c:pt idx="737">
                  <c:v>1.6995890999999852</c:v>
                </c:pt>
                <c:pt idx="738">
                  <c:v>1.7224687999999855</c:v>
                </c:pt>
                <c:pt idx="739">
                  <c:v>1.7337958999999854</c:v>
                </c:pt>
                <c:pt idx="740">
                  <c:v>1.7497090999999854</c:v>
                </c:pt>
                <c:pt idx="741">
                  <c:v>1.7496252999999853</c:v>
                </c:pt>
                <c:pt idx="742">
                  <c:v>1.7240562999999853</c:v>
                </c:pt>
                <c:pt idx="743">
                  <c:v>1.7759410999999852</c:v>
                </c:pt>
                <c:pt idx="744">
                  <c:v>1.8533114999999847</c:v>
                </c:pt>
                <c:pt idx="745">
                  <c:v>1.8477963999999849</c:v>
                </c:pt>
                <c:pt idx="746">
                  <c:v>1.8576896999999848</c:v>
                </c:pt>
                <c:pt idx="747">
                  <c:v>1.8785788999999848</c:v>
                </c:pt>
                <c:pt idx="748">
                  <c:v>1.878692499999985</c:v>
                </c:pt>
                <c:pt idx="749">
                  <c:v>1.9185869999999845</c:v>
                </c:pt>
                <c:pt idx="750">
                  <c:v>1.9521580999999841</c:v>
                </c:pt>
                <c:pt idx="751">
                  <c:v>1.947618699999984</c:v>
                </c:pt>
                <c:pt idx="752">
                  <c:v>2.0048781999999834</c:v>
                </c:pt>
                <c:pt idx="753">
                  <c:v>2.0140483999999836</c:v>
                </c:pt>
                <c:pt idx="754">
                  <c:v>1.9987307999999837</c:v>
                </c:pt>
                <c:pt idx="755">
                  <c:v>2.0037662999999837</c:v>
                </c:pt>
                <c:pt idx="756">
                  <c:v>2.0663542999999831</c:v>
                </c:pt>
                <c:pt idx="757">
                  <c:v>2.0785753999999828</c:v>
                </c:pt>
                <c:pt idx="758">
                  <c:v>2.0951600999999829</c:v>
                </c:pt>
                <c:pt idx="759">
                  <c:v>2.0674897999999833</c:v>
                </c:pt>
                <c:pt idx="760">
                  <c:v>2.0652033999999833</c:v>
                </c:pt>
                <c:pt idx="761">
                  <c:v>2.0252226999999836</c:v>
                </c:pt>
                <c:pt idx="762">
                  <c:v>1.9763564999999841</c:v>
                </c:pt>
                <c:pt idx="763">
                  <c:v>1.9976655999999839</c:v>
                </c:pt>
                <c:pt idx="764">
                  <c:v>2.0112027999999835</c:v>
                </c:pt>
                <c:pt idx="765">
                  <c:v>1.9930502999999837</c:v>
                </c:pt>
                <c:pt idx="766">
                  <c:v>1.9645778999999837</c:v>
                </c:pt>
                <c:pt idx="767">
                  <c:v>2.023855199999983</c:v>
                </c:pt>
                <c:pt idx="768">
                  <c:v>2.0054393999999838</c:v>
                </c:pt>
                <c:pt idx="769">
                  <c:v>2.0077357999999834</c:v>
                </c:pt>
                <c:pt idx="770">
                  <c:v>2.0535528999999837</c:v>
                </c:pt>
                <c:pt idx="771">
                  <c:v>2.0922549999999838</c:v>
                </c:pt>
                <c:pt idx="772">
                  <c:v>2.0744014999999836</c:v>
                </c:pt>
                <c:pt idx="773">
                  <c:v>2.0810630999999837</c:v>
                </c:pt>
                <c:pt idx="774">
                  <c:v>2.0553437999999837</c:v>
                </c:pt>
                <c:pt idx="775">
                  <c:v>2.036364999999984</c:v>
                </c:pt>
                <c:pt idx="776">
                  <c:v>2.0747478999999842</c:v>
                </c:pt>
                <c:pt idx="777">
                  <c:v>2.0381604999999841</c:v>
                </c:pt>
                <c:pt idx="778">
                  <c:v>2.0126153999999841</c:v>
                </c:pt>
                <c:pt idx="779">
                  <c:v>1.9525711999999844</c:v>
                </c:pt>
                <c:pt idx="780">
                  <c:v>1.921787299999985</c:v>
                </c:pt>
                <c:pt idx="781">
                  <c:v>1.9156887999999848</c:v>
                </c:pt>
                <c:pt idx="782">
                  <c:v>1.9572920999999845</c:v>
                </c:pt>
                <c:pt idx="783">
                  <c:v>1.9520292999999844</c:v>
                </c:pt>
                <c:pt idx="784">
                  <c:v>1.8946507999999844</c:v>
                </c:pt>
                <c:pt idx="785">
                  <c:v>1.8945142999999844</c:v>
                </c:pt>
                <c:pt idx="786">
                  <c:v>1.7750559999999851</c:v>
                </c:pt>
                <c:pt idx="787">
                  <c:v>1.7774601999999851</c:v>
                </c:pt>
                <c:pt idx="788">
                  <c:v>1.7978888999999847</c:v>
                </c:pt>
                <c:pt idx="789">
                  <c:v>1.784081799999985</c:v>
                </c:pt>
                <c:pt idx="790">
                  <c:v>1.7308180999999854</c:v>
                </c:pt>
                <c:pt idx="791">
                  <c:v>1.8134788999999847</c:v>
                </c:pt>
                <c:pt idx="792">
                  <c:v>1.8483747999999847</c:v>
                </c:pt>
                <c:pt idx="793">
                  <c:v>1.9106087999999839</c:v>
                </c:pt>
                <c:pt idx="794">
                  <c:v>1.9198199999999845</c:v>
                </c:pt>
                <c:pt idx="795">
                  <c:v>1.9101629999999843</c:v>
                </c:pt>
                <c:pt idx="796">
                  <c:v>1.9586433999999842</c:v>
                </c:pt>
                <c:pt idx="797">
                  <c:v>1.9655490999999841</c:v>
                </c:pt>
                <c:pt idx="798">
                  <c:v>1.983135199999984</c:v>
                </c:pt>
                <c:pt idx="799">
                  <c:v>1.9874276999999845</c:v>
                </c:pt>
                <c:pt idx="800">
                  <c:v>1.9892607999999847</c:v>
                </c:pt>
                <c:pt idx="801">
                  <c:v>1.9659040999999848</c:v>
                </c:pt>
                <c:pt idx="802">
                  <c:v>1.8630691999999853</c:v>
                </c:pt>
                <c:pt idx="803">
                  <c:v>1.8635497999999853</c:v>
                </c:pt>
                <c:pt idx="804">
                  <c:v>1.7715239999999857</c:v>
                </c:pt>
                <c:pt idx="805">
                  <c:v>1.7568166999999857</c:v>
                </c:pt>
                <c:pt idx="806">
                  <c:v>1.7674653999999852</c:v>
                </c:pt>
                <c:pt idx="807">
                  <c:v>1.7694248999999855</c:v>
                </c:pt>
                <c:pt idx="808">
                  <c:v>1.8257520999999852</c:v>
                </c:pt>
                <c:pt idx="809">
                  <c:v>1.8255955999999856</c:v>
                </c:pt>
                <c:pt idx="810">
                  <c:v>1.8785841999999855</c:v>
                </c:pt>
                <c:pt idx="811">
                  <c:v>1.8686197999999852</c:v>
                </c:pt>
                <c:pt idx="812">
                  <c:v>1.8828986999999855</c:v>
                </c:pt>
                <c:pt idx="813">
                  <c:v>1.8827322999999851</c:v>
                </c:pt>
                <c:pt idx="814">
                  <c:v>1.8588546999999855</c:v>
                </c:pt>
                <c:pt idx="815">
                  <c:v>1.8552458999999852</c:v>
                </c:pt>
                <c:pt idx="816">
                  <c:v>1.8123776999999852</c:v>
                </c:pt>
                <c:pt idx="817">
                  <c:v>1.7933755999999854</c:v>
                </c:pt>
                <c:pt idx="818">
                  <c:v>1.8252946999999851</c:v>
                </c:pt>
                <c:pt idx="819">
                  <c:v>1.7976123999999851</c:v>
                </c:pt>
                <c:pt idx="820">
                  <c:v>1.818247199999985</c:v>
                </c:pt>
                <c:pt idx="821">
                  <c:v>1.7978177999999847</c:v>
                </c:pt>
                <c:pt idx="822">
                  <c:v>1.7853205999999848</c:v>
                </c:pt>
                <c:pt idx="823">
                  <c:v>1.7189568999999851</c:v>
                </c:pt>
                <c:pt idx="824">
                  <c:v>1.643743799999986</c:v>
                </c:pt>
                <c:pt idx="825">
                  <c:v>1.6104784999999859</c:v>
                </c:pt>
                <c:pt idx="826">
                  <c:v>1.5779867999999859</c:v>
                </c:pt>
                <c:pt idx="827">
                  <c:v>1.4447626999999867</c:v>
                </c:pt>
                <c:pt idx="828">
                  <c:v>1.4874051999999862</c:v>
                </c:pt>
                <c:pt idx="829">
                  <c:v>1.4388323999999861</c:v>
                </c:pt>
                <c:pt idx="830">
                  <c:v>1.5414005999999851</c:v>
                </c:pt>
                <c:pt idx="831">
                  <c:v>1.5412696999999853</c:v>
                </c:pt>
                <c:pt idx="832">
                  <c:v>1.5439024999999855</c:v>
                </c:pt>
                <c:pt idx="833">
                  <c:v>1.5940080999999848</c:v>
                </c:pt>
                <c:pt idx="834">
                  <c:v>1.5797170999999848</c:v>
                </c:pt>
                <c:pt idx="835">
                  <c:v>1.5691715999999851</c:v>
                </c:pt>
                <c:pt idx="836">
                  <c:v>1.6316983999999843</c:v>
                </c:pt>
                <c:pt idx="837">
                  <c:v>1.6050535999999846</c:v>
                </c:pt>
                <c:pt idx="838">
                  <c:v>1.6035898999999842</c:v>
                </c:pt>
                <c:pt idx="839">
                  <c:v>1.6237150999999845</c:v>
                </c:pt>
                <c:pt idx="840">
                  <c:v>1.6502157999999842</c:v>
                </c:pt>
                <c:pt idx="841">
                  <c:v>1.7211677999999839</c:v>
                </c:pt>
                <c:pt idx="842">
                  <c:v>1.7285805999999839</c:v>
                </c:pt>
                <c:pt idx="843">
                  <c:v>1.7260059999999839</c:v>
                </c:pt>
                <c:pt idx="844">
                  <c:v>1.6707698999999843</c:v>
                </c:pt>
                <c:pt idx="845">
                  <c:v>1.7254988999999838</c:v>
                </c:pt>
                <c:pt idx="846">
                  <c:v>1.7312964999999845</c:v>
                </c:pt>
                <c:pt idx="847">
                  <c:v>1.7403133999999842</c:v>
                </c:pt>
                <c:pt idx="848">
                  <c:v>1.7930430999999838</c:v>
                </c:pt>
                <c:pt idx="849">
                  <c:v>1.7916803999999842</c:v>
                </c:pt>
                <c:pt idx="850">
                  <c:v>1.8209835999999839</c:v>
                </c:pt>
                <c:pt idx="851">
                  <c:v>1.8259827999999838</c:v>
                </c:pt>
                <c:pt idx="852">
                  <c:v>1.8415370999999841</c:v>
                </c:pt>
                <c:pt idx="853">
                  <c:v>1.8425268999999842</c:v>
                </c:pt>
                <c:pt idx="854">
                  <c:v>1.7981209999999845</c:v>
                </c:pt>
                <c:pt idx="855">
                  <c:v>1.8003951999999845</c:v>
                </c:pt>
                <c:pt idx="856">
                  <c:v>1.7822969999999843</c:v>
                </c:pt>
                <c:pt idx="857">
                  <c:v>1.8100448999999843</c:v>
                </c:pt>
                <c:pt idx="858">
                  <c:v>1.7904506999999845</c:v>
                </c:pt>
                <c:pt idx="859">
                  <c:v>1.741435499999985</c:v>
                </c:pt>
                <c:pt idx="860">
                  <c:v>1.6816930999999848</c:v>
                </c:pt>
                <c:pt idx="861">
                  <c:v>1.6992345999999849</c:v>
                </c:pt>
                <c:pt idx="862">
                  <c:v>1.7533170999999848</c:v>
                </c:pt>
                <c:pt idx="863">
                  <c:v>1.7087137999999849</c:v>
                </c:pt>
                <c:pt idx="864">
                  <c:v>1.7180007999999849</c:v>
                </c:pt>
                <c:pt idx="865">
                  <c:v>1.6519677999999853</c:v>
                </c:pt>
                <c:pt idx="866">
                  <c:v>1.7090746999999848</c:v>
                </c:pt>
                <c:pt idx="867">
                  <c:v>1.6715779999999851</c:v>
                </c:pt>
                <c:pt idx="868">
                  <c:v>1.6182395999999857</c:v>
                </c:pt>
                <c:pt idx="869">
                  <c:v>1.6908393999999856</c:v>
                </c:pt>
                <c:pt idx="870">
                  <c:v>1.6878537999999854</c:v>
                </c:pt>
                <c:pt idx="871">
                  <c:v>1.6741276999999855</c:v>
                </c:pt>
                <c:pt idx="872">
                  <c:v>1.6660895999999852</c:v>
                </c:pt>
                <c:pt idx="873">
                  <c:v>1.6374701999999859</c:v>
                </c:pt>
                <c:pt idx="874">
                  <c:v>1.6323769999999858</c:v>
                </c:pt>
                <c:pt idx="875">
                  <c:v>1.6782049999999855</c:v>
                </c:pt>
                <c:pt idx="876">
                  <c:v>1.7076894999999848</c:v>
                </c:pt>
                <c:pt idx="877">
                  <c:v>1.7351373999999851</c:v>
                </c:pt>
                <c:pt idx="878">
                  <c:v>1.7491769999999849</c:v>
                </c:pt>
                <c:pt idx="879">
                  <c:v>1.747466599999985</c:v>
                </c:pt>
                <c:pt idx="880">
                  <c:v>1.7344757999999847</c:v>
                </c:pt>
                <c:pt idx="881">
                  <c:v>1.713860699999985</c:v>
                </c:pt>
                <c:pt idx="882">
                  <c:v>1.7004430999999851</c:v>
                </c:pt>
                <c:pt idx="883">
                  <c:v>1.6964168999999849</c:v>
                </c:pt>
                <c:pt idx="884">
                  <c:v>1.6518072999999851</c:v>
                </c:pt>
                <c:pt idx="885">
                  <c:v>1.6612482999999849</c:v>
                </c:pt>
                <c:pt idx="886">
                  <c:v>1.703227499999985</c:v>
                </c:pt>
                <c:pt idx="887">
                  <c:v>1.7164882999999849</c:v>
                </c:pt>
                <c:pt idx="888">
                  <c:v>1.7193827999999849</c:v>
                </c:pt>
                <c:pt idx="889">
                  <c:v>1.7366611999999848</c:v>
                </c:pt>
                <c:pt idx="890">
                  <c:v>1.7313496999999849</c:v>
                </c:pt>
                <c:pt idx="891">
                  <c:v>1.7351307999999848</c:v>
                </c:pt>
                <c:pt idx="892">
                  <c:v>1.7467063999999843</c:v>
                </c:pt>
                <c:pt idx="893">
                  <c:v>1.7651662999999842</c:v>
                </c:pt>
                <c:pt idx="894">
                  <c:v>1.7339727999999845</c:v>
                </c:pt>
                <c:pt idx="895">
                  <c:v>1.8015437999999842</c:v>
                </c:pt>
                <c:pt idx="896">
                  <c:v>1.9418695999999831</c:v>
                </c:pt>
                <c:pt idx="897">
                  <c:v>1.9666685999999829</c:v>
                </c:pt>
                <c:pt idx="898">
                  <c:v>1.9568481999999827</c:v>
                </c:pt>
                <c:pt idx="899">
                  <c:v>1.9311957999999829</c:v>
                </c:pt>
                <c:pt idx="900">
                  <c:v>1.9655645999999831</c:v>
                </c:pt>
                <c:pt idx="901">
                  <c:v>1.961910099999983</c:v>
                </c:pt>
                <c:pt idx="902">
                  <c:v>1.9933396999999831</c:v>
                </c:pt>
                <c:pt idx="903">
                  <c:v>1.990473199999983</c:v>
                </c:pt>
                <c:pt idx="904">
                  <c:v>1.976545499999983</c:v>
                </c:pt>
                <c:pt idx="905">
                  <c:v>2.0043004999999825</c:v>
                </c:pt>
                <c:pt idx="906">
                  <c:v>2.0385790999999824</c:v>
                </c:pt>
                <c:pt idx="907">
                  <c:v>2.0422286999999817</c:v>
                </c:pt>
                <c:pt idx="908">
                  <c:v>2.0229137999999818</c:v>
                </c:pt>
                <c:pt idx="909">
                  <c:v>1.9775212999999821</c:v>
                </c:pt>
                <c:pt idx="910">
                  <c:v>1.9861338999999822</c:v>
                </c:pt>
                <c:pt idx="911">
                  <c:v>1.9890145999999822</c:v>
                </c:pt>
                <c:pt idx="912">
                  <c:v>1.9845540999999822</c:v>
                </c:pt>
                <c:pt idx="913">
                  <c:v>2.068887499999982</c:v>
                </c:pt>
                <c:pt idx="914">
                  <c:v>2.0468451999999817</c:v>
                </c:pt>
                <c:pt idx="915">
                  <c:v>2.0985319999999814</c:v>
                </c:pt>
                <c:pt idx="916">
                  <c:v>2.0624207999999813</c:v>
                </c:pt>
                <c:pt idx="917">
                  <c:v>2.0391367999999814</c:v>
                </c:pt>
                <c:pt idx="918">
                  <c:v>2.0190230999999814</c:v>
                </c:pt>
                <c:pt idx="919">
                  <c:v>2.0741226999999811</c:v>
                </c:pt>
                <c:pt idx="920">
                  <c:v>2.0256647999999813</c:v>
                </c:pt>
                <c:pt idx="921">
                  <c:v>2.0185034999999814</c:v>
                </c:pt>
                <c:pt idx="922">
                  <c:v>1.9746754999999814</c:v>
                </c:pt>
                <c:pt idx="923">
                  <c:v>1.9566988999999819</c:v>
                </c:pt>
                <c:pt idx="924">
                  <c:v>1.977355799999982</c:v>
                </c:pt>
                <c:pt idx="925">
                  <c:v>1.9571570999999817</c:v>
                </c:pt>
                <c:pt idx="926">
                  <c:v>1.9573691999999818</c:v>
                </c:pt>
                <c:pt idx="927">
                  <c:v>1.987123399999982</c:v>
                </c:pt>
                <c:pt idx="928">
                  <c:v>1.9361640999999823</c:v>
                </c:pt>
                <c:pt idx="929">
                  <c:v>1.9354995999999822</c:v>
                </c:pt>
                <c:pt idx="930">
                  <c:v>1.8749884999999824</c:v>
                </c:pt>
                <c:pt idx="931">
                  <c:v>1.8649357999999823</c:v>
                </c:pt>
                <c:pt idx="932">
                  <c:v>1.8193048999999824</c:v>
                </c:pt>
                <c:pt idx="933">
                  <c:v>1.8583574999999817</c:v>
                </c:pt>
                <c:pt idx="934">
                  <c:v>1.8031169999999821</c:v>
                </c:pt>
                <c:pt idx="935">
                  <c:v>1.8138834999999824</c:v>
                </c:pt>
                <c:pt idx="936">
                  <c:v>1.8454032999999823</c:v>
                </c:pt>
                <c:pt idx="937">
                  <c:v>1.7742641999999829</c:v>
                </c:pt>
                <c:pt idx="938">
                  <c:v>1.7040904999999831</c:v>
                </c:pt>
                <c:pt idx="939">
                  <c:v>1.6350633999999835</c:v>
                </c:pt>
                <c:pt idx="940">
                  <c:v>1.6218460999999835</c:v>
                </c:pt>
                <c:pt idx="941">
                  <c:v>1.6293715999999834</c:v>
                </c:pt>
                <c:pt idx="942">
                  <c:v>1.6425220999999834</c:v>
                </c:pt>
                <c:pt idx="943">
                  <c:v>1.6423841999999835</c:v>
                </c:pt>
                <c:pt idx="944">
                  <c:v>1.6715520999999836</c:v>
                </c:pt>
                <c:pt idx="945">
                  <c:v>1.6770701999999833</c:v>
                </c:pt>
                <c:pt idx="946">
                  <c:v>1.6976359999999833</c:v>
                </c:pt>
                <c:pt idx="947">
                  <c:v>1.704611799999983</c:v>
                </c:pt>
                <c:pt idx="948">
                  <c:v>1.7424831999999828</c:v>
                </c:pt>
                <c:pt idx="949">
                  <c:v>1.7014978999999832</c:v>
                </c:pt>
                <c:pt idx="950">
                  <c:v>1.6863406999999833</c:v>
                </c:pt>
                <c:pt idx="951">
                  <c:v>1.7120607999999828</c:v>
                </c:pt>
                <c:pt idx="952">
                  <c:v>1.6932209999999825</c:v>
                </c:pt>
                <c:pt idx="953">
                  <c:v>1.7018321999999828</c:v>
                </c:pt>
                <c:pt idx="954">
                  <c:v>1.6431444999999831</c:v>
                </c:pt>
                <c:pt idx="955">
                  <c:v>1.631435199999983</c:v>
                </c:pt>
                <c:pt idx="956">
                  <c:v>1.6189940999999832</c:v>
                </c:pt>
                <c:pt idx="957">
                  <c:v>1.6432721999999833</c:v>
                </c:pt>
                <c:pt idx="958">
                  <c:v>1.6881029999999826</c:v>
                </c:pt>
                <c:pt idx="959">
                  <c:v>1.6885096999999827</c:v>
                </c:pt>
                <c:pt idx="960">
                  <c:v>1.6592157999999828</c:v>
                </c:pt>
                <c:pt idx="961">
                  <c:v>1.5919073999999833</c:v>
                </c:pt>
                <c:pt idx="962">
                  <c:v>1.6392221999999825</c:v>
                </c:pt>
                <c:pt idx="963">
                  <c:v>1.6785200999999823</c:v>
                </c:pt>
                <c:pt idx="964">
                  <c:v>1.6559896999999828</c:v>
                </c:pt>
                <c:pt idx="965">
                  <c:v>1.6331719999999832</c:v>
                </c:pt>
                <c:pt idx="966">
                  <c:v>1.5631842999999837</c:v>
                </c:pt>
                <c:pt idx="967">
                  <c:v>1.5454444999999839</c:v>
                </c:pt>
                <c:pt idx="968">
                  <c:v>1.5412904999999841</c:v>
                </c:pt>
                <c:pt idx="969">
                  <c:v>1.5609879999999836</c:v>
                </c:pt>
                <c:pt idx="970">
                  <c:v>1.5256140999999839</c:v>
                </c:pt>
                <c:pt idx="971">
                  <c:v>1.4975815999999842</c:v>
                </c:pt>
                <c:pt idx="972">
                  <c:v>1.4981785999999842</c:v>
                </c:pt>
                <c:pt idx="973">
                  <c:v>1.5363123999999835</c:v>
                </c:pt>
                <c:pt idx="974">
                  <c:v>1.5391836999999837</c:v>
                </c:pt>
                <c:pt idx="975">
                  <c:v>1.5410763999999837</c:v>
                </c:pt>
                <c:pt idx="976">
                  <c:v>1.5054173999999838</c:v>
                </c:pt>
                <c:pt idx="977">
                  <c:v>1.4888187999999842</c:v>
                </c:pt>
                <c:pt idx="978">
                  <c:v>1.4951354999999835</c:v>
                </c:pt>
                <c:pt idx="979">
                  <c:v>1.533854499999983</c:v>
                </c:pt>
                <c:pt idx="980">
                  <c:v>1.522183099999983</c:v>
                </c:pt>
                <c:pt idx="981">
                  <c:v>1.4981877999999833</c:v>
                </c:pt>
                <c:pt idx="982">
                  <c:v>1.4870960999999832</c:v>
                </c:pt>
                <c:pt idx="983">
                  <c:v>1.4485275999999834</c:v>
                </c:pt>
                <c:pt idx="984">
                  <c:v>1.3670548999999839</c:v>
                </c:pt>
                <c:pt idx="985">
                  <c:v>1.3830034999999841</c:v>
                </c:pt>
                <c:pt idx="986">
                  <c:v>1.3594581999999842</c:v>
                </c:pt>
                <c:pt idx="987">
                  <c:v>1.2825026999999847</c:v>
                </c:pt>
                <c:pt idx="988">
                  <c:v>1.3104864999999841</c:v>
                </c:pt>
                <c:pt idx="989">
                  <c:v>1.334089899999984</c:v>
                </c:pt>
                <c:pt idx="990">
                  <c:v>1.3342261999999838</c:v>
                </c:pt>
                <c:pt idx="991">
                  <c:v>1.2091241999999851</c:v>
                </c:pt>
                <c:pt idx="992">
                  <c:v>1.1822575999999847</c:v>
                </c:pt>
                <c:pt idx="993">
                  <c:v>1.0465264999999859</c:v>
                </c:pt>
                <c:pt idx="994">
                  <c:v>1.0879568999999853</c:v>
                </c:pt>
                <c:pt idx="995">
                  <c:v>1.2380884999999844</c:v>
                </c:pt>
                <c:pt idx="996">
                  <c:v>1.1986662999999851</c:v>
                </c:pt>
                <c:pt idx="997">
                  <c:v>1.1464649999999854</c:v>
                </c:pt>
                <c:pt idx="998">
                  <c:v>1.1225176999999853</c:v>
                </c:pt>
                <c:pt idx="999">
                  <c:v>1.177921199999985</c:v>
                </c:pt>
                <c:pt idx="1000">
                  <c:v>1.1272594999999854</c:v>
                </c:pt>
                <c:pt idx="1001">
                  <c:v>0.95386439999998673</c:v>
                </c:pt>
                <c:pt idx="1002">
                  <c:v>1.0750262999999864</c:v>
                </c:pt>
                <c:pt idx="1003">
                  <c:v>1.0714421999999861</c:v>
                </c:pt>
                <c:pt idx="1004">
                  <c:v>0.97795549999998665</c:v>
                </c:pt>
                <c:pt idx="1005">
                  <c:v>0.9311612999999872</c:v>
                </c:pt>
                <c:pt idx="1006">
                  <c:v>0.82607809999998771</c:v>
                </c:pt>
                <c:pt idx="1007">
                  <c:v>0.75320789999998827</c:v>
                </c:pt>
                <c:pt idx="1008">
                  <c:v>0.70043909999998877</c:v>
                </c:pt>
                <c:pt idx="1009">
                  <c:v>0.64855519999998901</c:v>
                </c:pt>
                <c:pt idx="1010">
                  <c:v>0.5702549999999893</c:v>
                </c:pt>
                <c:pt idx="1011">
                  <c:v>0.7496555999999881</c:v>
                </c:pt>
                <c:pt idx="1012">
                  <c:v>0.78111899999998768</c:v>
                </c:pt>
                <c:pt idx="1013">
                  <c:v>0.66320939999998862</c:v>
                </c:pt>
                <c:pt idx="1014">
                  <c:v>0.66091719999998877</c:v>
                </c:pt>
                <c:pt idx="1015">
                  <c:v>0.6671528999999885</c:v>
                </c:pt>
                <c:pt idx="1016">
                  <c:v>0.75932919999998805</c:v>
                </c:pt>
                <c:pt idx="1017">
                  <c:v>0.75753929999998793</c:v>
                </c:pt>
                <c:pt idx="1018">
                  <c:v>0.62550109999998882</c:v>
                </c:pt>
                <c:pt idx="1019">
                  <c:v>0.57651869999998917</c:v>
                </c:pt>
                <c:pt idx="1020">
                  <c:v>0.48562609999998974</c:v>
                </c:pt>
                <c:pt idx="1021">
                  <c:v>0.40584799999999022</c:v>
                </c:pt>
                <c:pt idx="1022">
                  <c:v>0.50583389999998962</c:v>
                </c:pt>
                <c:pt idx="1023">
                  <c:v>0.53651369999998932</c:v>
                </c:pt>
                <c:pt idx="1024">
                  <c:v>0.60720659999998894</c:v>
                </c:pt>
                <c:pt idx="1025">
                  <c:v>0.63319349999998886</c:v>
                </c:pt>
                <c:pt idx="1026">
                  <c:v>0.65676279999998877</c:v>
                </c:pt>
                <c:pt idx="1027">
                  <c:v>0.71260409999998853</c:v>
                </c:pt>
                <c:pt idx="1028">
                  <c:v>0.64923919999998891</c:v>
                </c:pt>
                <c:pt idx="1029">
                  <c:v>0.62405939999998905</c:v>
                </c:pt>
                <c:pt idx="1030">
                  <c:v>0.64468889999998913</c:v>
                </c:pt>
                <c:pt idx="1031">
                  <c:v>0.63126799999998906</c:v>
                </c:pt>
                <c:pt idx="1032">
                  <c:v>0.64597699999998892</c:v>
                </c:pt>
                <c:pt idx="1033">
                  <c:v>0.58021639999998942</c:v>
                </c:pt>
                <c:pt idx="1034">
                  <c:v>0.65644619999998866</c:v>
                </c:pt>
                <c:pt idx="1035">
                  <c:v>0.63836389999998899</c:v>
                </c:pt>
                <c:pt idx="1036">
                  <c:v>0.6432469999999888</c:v>
                </c:pt>
                <c:pt idx="1037">
                  <c:v>0.61042059999998921</c:v>
                </c:pt>
                <c:pt idx="1038">
                  <c:v>0.60857549999998906</c:v>
                </c:pt>
                <c:pt idx="1039">
                  <c:v>0.60850189999998916</c:v>
                </c:pt>
                <c:pt idx="1040">
                  <c:v>0.56663549999998963</c:v>
                </c:pt>
                <c:pt idx="1041">
                  <c:v>0.62778219999998908</c:v>
                </c:pt>
                <c:pt idx="1042">
                  <c:v>0.62518719999998917</c:v>
                </c:pt>
                <c:pt idx="1043">
                  <c:v>0.66216489999998873</c:v>
                </c:pt>
                <c:pt idx="1044">
                  <c:v>0.66400339999998836</c:v>
                </c:pt>
                <c:pt idx="1045">
                  <c:v>0.69649429999998791</c:v>
                </c:pt>
                <c:pt idx="1046">
                  <c:v>0.63128449999998848</c:v>
                </c:pt>
                <c:pt idx="1047">
                  <c:v>0.64545169999998842</c:v>
                </c:pt>
                <c:pt idx="1048">
                  <c:v>0.64407329999998852</c:v>
                </c:pt>
                <c:pt idx="1049">
                  <c:v>0.64898509999998844</c:v>
                </c:pt>
                <c:pt idx="1050">
                  <c:v>0.66507429999998813</c:v>
                </c:pt>
                <c:pt idx="1051">
                  <c:v>0.7201637999999877</c:v>
                </c:pt>
                <c:pt idx="1052">
                  <c:v>0.70641849999998807</c:v>
                </c:pt>
                <c:pt idx="1053">
                  <c:v>0.71450189999998792</c:v>
                </c:pt>
                <c:pt idx="1054">
                  <c:v>0.70842489999998826</c:v>
                </c:pt>
                <c:pt idx="1055">
                  <c:v>0.72605259999998806</c:v>
                </c:pt>
                <c:pt idx="1056">
                  <c:v>0.6956875999999883</c:v>
                </c:pt>
                <c:pt idx="1057">
                  <c:v>0.72664509999998805</c:v>
                </c:pt>
                <c:pt idx="1058">
                  <c:v>0.69997759999998821</c:v>
                </c:pt>
                <c:pt idx="1059">
                  <c:v>0.71691279999998803</c:v>
                </c:pt>
                <c:pt idx="1060">
                  <c:v>0.72501359999998805</c:v>
                </c:pt>
                <c:pt idx="1061">
                  <c:v>0.68740689999998827</c:v>
                </c:pt>
                <c:pt idx="1062">
                  <c:v>0.67334119999998832</c:v>
                </c:pt>
                <c:pt idx="1063">
                  <c:v>0.67326799999998821</c:v>
                </c:pt>
                <c:pt idx="1064">
                  <c:v>0.674795299999988</c:v>
                </c:pt>
                <c:pt idx="1065">
                  <c:v>0.6659990999999883</c:v>
                </c:pt>
                <c:pt idx="1066">
                  <c:v>0.69417769999998802</c:v>
                </c:pt>
                <c:pt idx="1067">
                  <c:v>0.69410849999998803</c:v>
                </c:pt>
                <c:pt idx="1068">
                  <c:v>0.73602679999998788</c:v>
                </c:pt>
                <c:pt idx="1069">
                  <c:v>0.73915869999998773</c:v>
                </c:pt>
                <c:pt idx="1070">
                  <c:v>0.74228319999998749</c:v>
                </c:pt>
                <c:pt idx="1071">
                  <c:v>0.7136212999999878</c:v>
                </c:pt>
                <c:pt idx="1072">
                  <c:v>0.7442652999999877</c:v>
                </c:pt>
                <c:pt idx="1073">
                  <c:v>0.74248119999998785</c:v>
                </c:pt>
                <c:pt idx="1074">
                  <c:v>0.69150519999998816</c:v>
                </c:pt>
                <c:pt idx="1075">
                  <c:v>0.7071403999999879</c:v>
                </c:pt>
                <c:pt idx="1076">
                  <c:v>0.65873899999998842</c:v>
                </c:pt>
                <c:pt idx="1077">
                  <c:v>0.67478489999998814</c:v>
                </c:pt>
                <c:pt idx="1078">
                  <c:v>0.68356309999998799</c:v>
                </c:pt>
                <c:pt idx="1079">
                  <c:v>0.67106509999998809</c:v>
                </c:pt>
                <c:pt idx="1080">
                  <c:v>0.63573609999998815</c:v>
                </c:pt>
                <c:pt idx="1081">
                  <c:v>0.65743529999998818</c:v>
                </c:pt>
                <c:pt idx="1082">
                  <c:v>0.64762649999998856</c:v>
                </c:pt>
                <c:pt idx="1083">
                  <c:v>0.65796689999998814</c:v>
                </c:pt>
                <c:pt idx="1084">
                  <c:v>0.66563849999998825</c:v>
                </c:pt>
                <c:pt idx="1085">
                  <c:v>0.6618062999999883</c:v>
                </c:pt>
                <c:pt idx="1086">
                  <c:v>0.6886554999999881</c:v>
                </c:pt>
                <c:pt idx="1087">
                  <c:v>0.67390259999998792</c:v>
                </c:pt>
                <c:pt idx="1088">
                  <c:v>0.66557519999998793</c:v>
                </c:pt>
                <c:pt idx="1089">
                  <c:v>0.65766699999998823</c:v>
                </c:pt>
                <c:pt idx="1090">
                  <c:v>0.67072049999998806</c:v>
                </c:pt>
                <c:pt idx="1091">
                  <c:v>0.66199839999998811</c:v>
                </c:pt>
                <c:pt idx="1092">
                  <c:v>0.68378649999998786</c:v>
                </c:pt>
                <c:pt idx="1093">
                  <c:v>0.71583199999998759</c:v>
                </c:pt>
                <c:pt idx="1094">
                  <c:v>0.70337689999998765</c:v>
                </c:pt>
                <c:pt idx="1095">
                  <c:v>0.69002409999998759</c:v>
                </c:pt>
                <c:pt idx="1096">
                  <c:v>0.69177879999998759</c:v>
                </c:pt>
                <c:pt idx="1097">
                  <c:v>0.68573529999998772</c:v>
                </c:pt>
                <c:pt idx="1098">
                  <c:v>0.70708959999998777</c:v>
                </c:pt>
                <c:pt idx="1099">
                  <c:v>0.7105556999999878</c:v>
                </c:pt>
                <c:pt idx="1100">
                  <c:v>0.67973959999998801</c:v>
                </c:pt>
                <c:pt idx="1101">
                  <c:v>0.68324789999998781</c:v>
                </c:pt>
                <c:pt idx="1102">
                  <c:v>0.6982512999999877</c:v>
                </c:pt>
                <c:pt idx="1103">
                  <c:v>0.67759669999998806</c:v>
                </c:pt>
                <c:pt idx="1104">
                  <c:v>0.66729669999998809</c:v>
                </c:pt>
                <c:pt idx="1105">
                  <c:v>0.66851359999998805</c:v>
                </c:pt>
                <c:pt idx="1106">
                  <c:v>0.67925449999998788</c:v>
                </c:pt>
                <c:pt idx="1107">
                  <c:v>0.6246258999999883</c:v>
                </c:pt>
                <c:pt idx="1108">
                  <c:v>0.62621889999998803</c:v>
                </c:pt>
                <c:pt idx="1109">
                  <c:v>0.65158439999998752</c:v>
                </c:pt>
                <c:pt idx="1110">
                  <c:v>0.62978619999998764</c:v>
                </c:pt>
                <c:pt idx="1111">
                  <c:v>0.63512769999998753</c:v>
                </c:pt>
                <c:pt idx="1112">
                  <c:v>0.62222989999998757</c:v>
                </c:pt>
                <c:pt idx="1113">
                  <c:v>0.67591999999998742</c:v>
                </c:pt>
                <c:pt idx="1114">
                  <c:v>0.67082519999998724</c:v>
                </c:pt>
                <c:pt idx="1115">
                  <c:v>0.67830049999998709</c:v>
                </c:pt>
                <c:pt idx="1116">
                  <c:v>0.67729149999998706</c:v>
                </c:pt>
                <c:pt idx="1117">
                  <c:v>0.67027529999998703</c:v>
                </c:pt>
                <c:pt idx="1118">
                  <c:v>0.69457789999998698</c:v>
                </c:pt>
                <c:pt idx="1119">
                  <c:v>0.71845799999998672</c:v>
                </c:pt>
                <c:pt idx="1120">
                  <c:v>0.72054889999998673</c:v>
                </c:pt>
                <c:pt idx="1121">
                  <c:v>0.70845859999998662</c:v>
                </c:pt>
                <c:pt idx="1122">
                  <c:v>0.77105999999998609</c:v>
                </c:pt>
                <c:pt idx="1123">
                  <c:v>0.74544299999998631</c:v>
                </c:pt>
                <c:pt idx="1124">
                  <c:v>0.74732679999998619</c:v>
                </c:pt>
                <c:pt idx="1125">
                  <c:v>0.7739055999999862</c:v>
                </c:pt>
                <c:pt idx="1126">
                  <c:v>0.76361009999998619</c:v>
                </c:pt>
                <c:pt idx="1127">
                  <c:v>0.72968919999998638</c:v>
                </c:pt>
                <c:pt idx="1128">
                  <c:v>0.75240449999998615</c:v>
                </c:pt>
                <c:pt idx="1129">
                  <c:v>0.77971189999998614</c:v>
                </c:pt>
                <c:pt idx="1130">
                  <c:v>0.81173439999998598</c:v>
                </c:pt>
                <c:pt idx="1131">
                  <c:v>0.84087489999998599</c:v>
                </c:pt>
                <c:pt idx="1132">
                  <c:v>0.83620299999998604</c:v>
                </c:pt>
                <c:pt idx="1133">
                  <c:v>0.83761639999998594</c:v>
                </c:pt>
                <c:pt idx="1134">
                  <c:v>0.85570569999998591</c:v>
                </c:pt>
                <c:pt idx="1135">
                  <c:v>0.88378289999998594</c:v>
                </c:pt>
                <c:pt idx="1136">
                  <c:v>0.8846486999999863</c:v>
                </c:pt>
                <c:pt idx="1137">
                  <c:v>0.87059309999998624</c:v>
                </c:pt>
                <c:pt idx="1138">
                  <c:v>0.87642249999998612</c:v>
                </c:pt>
                <c:pt idx="1139">
                  <c:v>0.9100257999999859</c:v>
                </c:pt>
                <c:pt idx="1140">
                  <c:v>0.91408759999998579</c:v>
                </c:pt>
                <c:pt idx="1141">
                  <c:v>0.88122759999998612</c:v>
                </c:pt>
                <c:pt idx="1142">
                  <c:v>0.90575479999998576</c:v>
                </c:pt>
                <c:pt idx="1143">
                  <c:v>0.93572589999998579</c:v>
                </c:pt>
                <c:pt idx="1144">
                  <c:v>0.98657159999998534</c:v>
                </c:pt>
                <c:pt idx="1145">
                  <c:v>0.97049949999998564</c:v>
                </c:pt>
                <c:pt idx="1146">
                  <c:v>0.98556749999998527</c:v>
                </c:pt>
                <c:pt idx="1147">
                  <c:v>1.0461290999999848</c:v>
                </c:pt>
                <c:pt idx="1148">
                  <c:v>1.0437849999999851</c:v>
                </c:pt>
                <c:pt idx="1149">
                  <c:v>1.122838399999984</c:v>
                </c:pt>
                <c:pt idx="1150">
                  <c:v>1.110420799999984</c:v>
                </c:pt>
                <c:pt idx="1151">
                  <c:v>1.1336580999999839</c:v>
                </c:pt>
                <c:pt idx="1152">
                  <c:v>1.0983540999999843</c:v>
                </c:pt>
                <c:pt idx="1153">
                  <c:v>1.1440931999999839</c:v>
                </c:pt>
                <c:pt idx="1154">
                  <c:v>1.1273899999999846</c:v>
                </c:pt>
                <c:pt idx="1155">
                  <c:v>1.1286637999999845</c:v>
                </c:pt>
                <c:pt idx="1156">
                  <c:v>1.082156399999985</c:v>
                </c:pt>
                <c:pt idx="1157">
                  <c:v>1.1097174999999844</c:v>
                </c:pt>
                <c:pt idx="1158">
                  <c:v>1.1105656999999844</c:v>
                </c:pt>
                <c:pt idx="1159">
                  <c:v>1.1872760999999836</c:v>
                </c:pt>
                <c:pt idx="1160">
                  <c:v>1.1812710999999836</c:v>
                </c:pt>
                <c:pt idx="1161">
                  <c:v>1.1771060999999836</c:v>
                </c:pt>
                <c:pt idx="1162">
                  <c:v>1.145082799999984</c:v>
                </c:pt>
                <c:pt idx="1163">
                  <c:v>1.1646034999999841</c:v>
                </c:pt>
                <c:pt idx="1164">
                  <c:v>1.1739189999999837</c:v>
                </c:pt>
                <c:pt idx="1165">
                  <c:v>1.1927997999999831</c:v>
                </c:pt>
                <c:pt idx="1166">
                  <c:v>1.2026339999999833</c:v>
                </c:pt>
                <c:pt idx="1167">
                  <c:v>1.2317447999999831</c:v>
                </c:pt>
                <c:pt idx="1168">
                  <c:v>1.2436390999999833</c:v>
                </c:pt>
                <c:pt idx="1169">
                  <c:v>1.2574056999999832</c:v>
                </c:pt>
                <c:pt idx="1170">
                  <c:v>1.2487519999999832</c:v>
                </c:pt>
                <c:pt idx="1171">
                  <c:v>1.1864986999999836</c:v>
                </c:pt>
                <c:pt idx="1172">
                  <c:v>1.2209122999999833</c:v>
                </c:pt>
                <c:pt idx="1173">
                  <c:v>1.214293099999983</c:v>
                </c:pt>
                <c:pt idx="1174">
                  <c:v>1.2193770999999831</c:v>
                </c:pt>
                <c:pt idx="1175">
                  <c:v>1.2079889999999831</c:v>
                </c:pt>
                <c:pt idx="1176">
                  <c:v>1.2155029999999831</c:v>
                </c:pt>
                <c:pt idx="1177">
                  <c:v>1.2451028999999827</c:v>
                </c:pt>
                <c:pt idx="1178">
                  <c:v>1.1959973999999831</c:v>
                </c:pt>
                <c:pt idx="1179">
                  <c:v>1.1883183999999831</c:v>
                </c:pt>
                <c:pt idx="1180">
                  <c:v>1.1876599999999833</c:v>
                </c:pt>
                <c:pt idx="1181">
                  <c:v>1.1754086999999833</c:v>
                </c:pt>
                <c:pt idx="1182">
                  <c:v>1.1986481999999827</c:v>
                </c:pt>
                <c:pt idx="1183">
                  <c:v>1.1515737999999831</c:v>
                </c:pt>
                <c:pt idx="1184">
                  <c:v>1.1694615999999827</c:v>
                </c:pt>
                <c:pt idx="1185">
                  <c:v>1.1881434999999825</c:v>
                </c:pt>
                <c:pt idx="1186">
                  <c:v>1.2263819999999823</c:v>
                </c:pt>
                <c:pt idx="1187">
                  <c:v>1.232417599999982</c:v>
                </c:pt>
                <c:pt idx="1188">
                  <c:v>1.2573977999999824</c:v>
                </c:pt>
                <c:pt idx="1189">
                  <c:v>1.2557348999999824</c:v>
                </c:pt>
                <c:pt idx="1190">
                  <c:v>1.267224499999982</c:v>
                </c:pt>
                <c:pt idx="1191">
                  <c:v>1.2634728999999818</c:v>
                </c:pt>
                <c:pt idx="1192">
                  <c:v>1.276976099999982</c:v>
                </c:pt>
                <c:pt idx="1193">
                  <c:v>1.2737524999999819</c:v>
                </c:pt>
                <c:pt idx="1194">
                  <c:v>1.2484106999999818</c:v>
                </c:pt>
                <c:pt idx="1195">
                  <c:v>1.2464636999999819</c:v>
                </c:pt>
                <c:pt idx="1196">
                  <c:v>1.2463555999999816</c:v>
                </c:pt>
                <c:pt idx="1197">
                  <c:v>1.263913199999982</c:v>
                </c:pt>
                <c:pt idx="1198">
                  <c:v>1.2662818999999814</c:v>
                </c:pt>
                <c:pt idx="1199">
                  <c:v>1.2523847999999815</c:v>
                </c:pt>
                <c:pt idx="1200">
                  <c:v>1.3015267999999809</c:v>
                </c:pt>
                <c:pt idx="1201">
                  <c:v>1.3237679999999807</c:v>
                </c:pt>
                <c:pt idx="1202">
                  <c:v>1.318915499999981</c:v>
                </c:pt>
                <c:pt idx="1203">
                  <c:v>1.3608859999999807</c:v>
                </c:pt>
                <c:pt idx="1204">
                  <c:v>1.3594729999999808</c:v>
                </c:pt>
                <c:pt idx="1205">
                  <c:v>1.344611199999981</c:v>
                </c:pt>
                <c:pt idx="1206">
                  <c:v>1.3701178999999808</c:v>
                </c:pt>
                <c:pt idx="1207">
                  <c:v>1.3842731999999804</c:v>
                </c:pt>
                <c:pt idx="1208">
                  <c:v>1.3947042999999804</c:v>
                </c:pt>
                <c:pt idx="1209">
                  <c:v>1.4099465999999801</c:v>
                </c:pt>
                <c:pt idx="1210">
                  <c:v>1.39838999999998</c:v>
                </c:pt>
                <c:pt idx="1211">
                  <c:v>1.4257496999999795</c:v>
                </c:pt>
                <c:pt idx="1212">
                  <c:v>1.4498554999999795</c:v>
                </c:pt>
                <c:pt idx="1213">
                  <c:v>1.4958853999999797</c:v>
                </c:pt>
                <c:pt idx="1214">
                  <c:v>1.509982299999979</c:v>
                </c:pt>
                <c:pt idx="1215">
                  <c:v>1.5292412999999789</c:v>
                </c:pt>
                <c:pt idx="1216">
                  <c:v>1.4980791999999794</c:v>
                </c:pt>
                <c:pt idx="1217">
                  <c:v>1.5156758999999793</c:v>
                </c:pt>
                <c:pt idx="1218">
                  <c:v>1.5581647999999788</c:v>
                </c:pt>
                <c:pt idx="1219">
                  <c:v>1.528239699999979</c:v>
                </c:pt>
                <c:pt idx="1220">
                  <c:v>1.5532138999999785</c:v>
                </c:pt>
                <c:pt idx="1221">
                  <c:v>1.5432606999999785</c:v>
                </c:pt>
                <c:pt idx="1222">
                  <c:v>1.5207780999999785</c:v>
                </c:pt>
                <c:pt idx="1223">
                  <c:v>1.4800679999999793</c:v>
                </c:pt>
                <c:pt idx="1224">
                  <c:v>1.5047833999999791</c:v>
                </c:pt>
                <c:pt idx="1225">
                  <c:v>1.511608799999979</c:v>
                </c:pt>
                <c:pt idx="1226">
                  <c:v>1.5200931999999789</c:v>
                </c:pt>
                <c:pt idx="1227">
                  <c:v>1.5764853999999784</c:v>
                </c:pt>
                <c:pt idx="1228">
                  <c:v>1.5677133999999784</c:v>
                </c:pt>
                <c:pt idx="1229">
                  <c:v>1.5440452999999783</c:v>
                </c:pt>
                <c:pt idx="1230">
                  <c:v>1.5577524999999781</c:v>
                </c:pt>
                <c:pt idx="1231">
                  <c:v>1.5520410999999781</c:v>
                </c:pt>
                <c:pt idx="1232">
                  <c:v>1.5521050999999781</c:v>
                </c:pt>
                <c:pt idx="1233">
                  <c:v>1.5342139999999782</c:v>
                </c:pt>
                <c:pt idx="1234">
                  <c:v>1.5018080999999786</c:v>
                </c:pt>
                <c:pt idx="1235">
                  <c:v>1.4811257999999787</c:v>
                </c:pt>
                <c:pt idx="1236">
                  <c:v>1.4924382999999786</c:v>
                </c:pt>
                <c:pt idx="1237">
                  <c:v>1.5207285999999782</c:v>
                </c:pt>
                <c:pt idx="1238">
                  <c:v>1.5817318999999777</c:v>
                </c:pt>
                <c:pt idx="1239">
                  <c:v>1.5870220999999773</c:v>
                </c:pt>
                <c:pt idx="1240">
                  <c:v>1.5960925999999773</c:v>
                </c:pt>
                <c:pt idx="1241">
                  <c:v>1.5854194999999773</c:v>
                </c:pt>
                <c:pt idx="1242">
                  <c:v>1.6058870999999768</c:v>
                </c:pt>
                <c:pt idx="1243">
                  <c:v>1.6182799999999768</c:v>
                </c:pt>
                <c:pt idx="1244">
                  <c:v>1.6444008999999769</c:v>
                </c:pt>
                <c:pt idx="1245">
                  <c:v>1.638617199999977</c:v>
                </c:pt>
                <c:pt idx="1246">
                  <c:v>1.6617578999999765</c:v>
                </c:pt>
                <c:pt idx="1247">
                  <c:v>1.6678823999999759</c:v>
                </c:pt>
                <c:pt idx="1248">
                  <c:v>1.6694972999999762</c:v>
                </c:pt>
                <c:pt idx="1249">
                  <c:v>1.6289459999999765</c:v>
                </c:pt>
                <c:pt idx="1250">
                  <c:v>1.6320495999999767</c:v>
                </c:pt>
                <c:pt idx="1251">
                  <c:v>1.6365322999999763</c:v>
                </c:pt>
                <c:pt idx="1252">
                  <c:v>1.6517397999999766</c:v>
                </c:pt>
                <c:pt idx="1253">
                  <c:v>1.6448981999999766</c:v>
                </c:pt>
                <c:pt idx="1254">
                  <c:v>1.6605893999999766</c:v>
                </c:pt>
                <c:pt idx="1255">
                  <c:v>1.6436896999999764</c:v>
                </c:pt>
                <c:pt idx="1256">
                  <c:v>1.6708467999999765</c:v>
                </c:pt>
                <c:pt idx="1257">
                  <c:v>1.7460560999999761</c:v>
                </c:pt>
                <c:pt idx="1258">
                  <c:v>1.781097799999976</c:v>
                </c:pt>
                <c:pt idx="1259">
                  <c:v>1.7770902999999758</c:v>
                </c:pt>
                <c:pt idx="1260">
                  <c:v>1.8072780999999756</c:v>
                </c:pt>
                <c:pt idx="1261">
                  <c:v>1.8219540999999753</c:v>
                </c:pt>
                <c:pt idx="1262">
                  <c:v>1.852241799999975</c:v>
                </c:pt>
                <c:pt idx="1263">
                  <c:v>1.8910817999999745</c:v>
                </c:pt>
                <c:pt idx="1264">
                  <c:v>1.9153675999999744</c:v>
                </c:pt>
                <c:pt idx="1265">
                  <c:v>1.9028068999999741</c:v>
                </c:pt>
                <c:pt idx="1266">
                  <c:v>1.931494299999974</c:v>
                </c:pt>
                <c:pt idx="1267">
                  <c:v>1.8325432999999749</c:v>
                </c:pt>
                <c:pt idx="1268">
                  <c:v>1.8523105999999743</c:v>
                </c:pt>
                <c:pt idx="1269">
                  <c:v>1.8590015999999743</c:v>
                </c:pt>
                <c:pt idx="1270">
                  <c:v>1.8325699999999747</c:v>
                </c:pt>
                <c:pt idx="1271">
                  <c:v>1.8172360999999748</c:v>
                </c:pt>
                <c:pt idx="1272">
                  <c:v>1.7731612999999751</c:v>
                </c:pt>
                <c:pt idx="1273">
                  <c:v>1.6612393999999759</c:v>
                </c:pt>
                <c:pt idx="1274">
                  <c:v>1.7810620999999753</c:v>
                </c:pt>
                <c:pt idx="1275">
                  <c:v>1.7252389999999758</c:v>
                </c:pt>
                <c:pt idx="1276">
                  <c:v>1.7534821999999752</c:v>
                </c:pt>
                <c:pt idx="1277">
                  <c:v>1.813450399999974</c:v>
                </c:pt>
                <c:pt idx="1278">
                  <c:v>1.845774699999974</c:v>
                </c:pt>
                <c:pt idx="1279">
                  <c:v>1.8530454999999737</c:v>
                </c:pt>
                <c:pt idx="1280">
                  <c:v>1.9234751999999729</c:v>
                </c:pt>
                <c:pt idx="1281">
                  <c:v>1.9248064999999728</c:v>
                </c:pt>
                <c:pt idx="1282">
                  <c:v>1.9278635999999727</c:v>
                </c:pt>
                <c:pt idx="1283">
                  <c:v>1.8664886999999735</c:v>
                </c:pt>
                <c:pt idx="1284">
                  <c:v>1.9017632999999732</c:v>
                </c:pt>
                <c:pt idx="1285">
                  <c:v>1.936299999999973</c:v>
                </c:pt>
                <c:pt idx="1286">
                  <c:v>1.9436880999999726</c:v>
                </c:pt>
                <c:pt idx="1287">
                  <c:v>1.9216831999999724</c:v>
                </c:pt>
                <c:pt idx="1288">
                  <c:v>1.9084650999999724</c:v>
                </c:pt>
                <c:pt idx="1289">
                  <c:v>1.9083296999999724</c:v>
                </c:pt>
                <c:pt idx="1290">
                  <c:v>1.9315813999999722</c:v>
                </c:pt>
                <c:pt idx="1291">
                  <c:v>1.955279299999972</c:v>
                </c:pt>
                <c:pt idx="1292">
                  <c:v>1.9717534999999722</c:v>
                </c:pt>
                <c:pt idx="1293">
                  <c:v>1.9143165999999723</c:v>
                </c:pt>
                <c:pt idx="1294">
                  <c:v>1.9370743999999722</c:v>
                </c:pt>
                <c:pt idx="1295">
                  <c:v>1.9634686999999715</c:v>
                </c:pt>
                <c:pt idx="1296">
                  <c:v>2.0087830999999707</c:v>
                </c:pt>
                <c:pt idx="1297">
                  <c:v>2.0372200999999706</c:v>
                </c:pt>
                <c:pt idx="1298">
                  <c:v>2.0116726999999712</c:v>
                </c:pt>
                <c:pt idx="1299">
                  <c:v>2.0158964999999709</c:v>
                </c:pt>
                <c:pt idx="1300">
                  <c:v>2.0467630999999704</c:v>
                </c:pt>
                <c:pt idx="1301">
                  <c:v>2.0227144999999709</c:v>
                </c:pt>
                <c:pt idx="1302">
                  <c:v>2.0143698999999708</c:v>
                </c:pt>
                <c:pt idx="1303">
                  <c:v>2.0413818999999704</c:v>
                </c:pt>
                <c:pt idx="1304">
                  <c:v>2.0544041999999698</c:v>
                </c:pt>
                <c:pt idx="1305">
                  <c:v>2.0549047999999699</c:v>
                </c:pt>
                <c:pt idx="1306">
                  <c:v>2.0573682999999696</c:v>
                </c:pt>
                <c:pt idx="1307">
                  <c:v>2.0591213999999698</c:v>
                </c:pt>
                <c:pt idx="1308">
                  <c:v>2.0225340999999704</c:v>
                </c:pt>
                <c:pt idx="1309">
                  <c:v>2.0255109999999701</c:v>
                </c:pt>
                <c:pt idx="1310">
                  <c:v>2.0276098999999697</c:v>
                </c:pt>
                <c:pt idx="1311">
                  <c:v>2.0701354999999695</c:v>
                </c:pt>
                <c:pt idx="1312">
                  <c:v>2.092354099999969</c:v>
                </c:pt>
                <c:pt idx="1313">
                  <c:v>2.0922105999999689</c:v>
                </c:pt>
                <c:pt idx="1314">
                  <c:v>2.1048421999999691</c:v>
                </c:pt>
                <c:pt idx="1315">
                  <c:v>2.1085226999999689</c:v>
                </c:pt>
                <c:pt idx="1316">
                  <c:v>2.150432199999968</c:v>
                </c:pt>
                <c:pt idx="1317">
                  <c:v>2.1502908999999679</c:v>
                </c:pt>
                <c:pt idx="1318">
                  <c:v>2.1751383999999678</c:v>
                </c:pt>
                <c:pt idx="1319">
                  <c:v>2.1815031999999679</c:v>
                </c:pt>
                <c:pt idx="1320">
                  <c:v>2.2151702999999681</c:v>
                </c:pt>
                <c:pt idx="1321">
                  <c:v>2.2065279999999681</c:v>
                </c:pt>
                <c:pt idx="1322">
                  <c:v>2.2132318999999674</c:v>
                </c:pt>
                <c:pt idx="1323">
                  <c:v>2.234960099999967</c:v>
                </c:pt>
                <c:pt idx="1324">
                  <c:v>2.2426977999999678</c:v>
                </c:pt>
                <c:pt idx="1325">
                  <c:v>2.2481207999999677</c:v>
                </c:pt>
                <c:pt idx="1326">
                  <c:v>2.235072399999968</c:v>
                </c:pt>
                <c:pt idx="1327">
                  <c:v>2.2037973999999685</c:v>
                </c:pt>
                <c:pt idx="1328">
                  <c:v>2.2166364999999679</c:v>
                </c:pt>
                <c:pt idx="1329">
                  <c:v>2.2507232999999678</c:v>
                </c:pt>
                <c:pt idx="1330">
                  <c:v>2.2075891999999682</c:v>
                </c:pt>
                <c:pt idx="1331">
                  <c:v>2.1245438999999688</c:v>
                </c:pt>
                <c:pt idx="1332">
                  <c:v>2.1193141999999687</c:v>
                </c:pt>
                <c:pt idx="1333">
                  <c:v>2.1191553999999688</c:v>
                </c:pt>
                <c:pt idx="1334">
                  <c:v>2.086493199999969</c:v>
                </c:pt>
                <c:pt idx="1335">
                  <c:v>2.0506265999999695</c:v>
                </c:pt>
                <c:pt idx="1336">
                  <c:v>2.0358626999999698</c:v>
                </c:pt>
                <c:pt idx="1337">
                  <c:v>2.0563167999999696</c:v>
                </c:pt>
                <c:pt idx="1338">
                  <c:v>2.0891846999999699</c:v>
                </c:pt>
                <c:pt idx="1339">
                  <c:v>2.1444217999999688</c:v>
                </c:pt>
                <c:pt idx="1340">
                  <c:v>2.1516145999999687</c:v>
                </c:pt>
                <c:pt idx="1341">
                  <c:v>2.0248396999999696</c:v>
                </c:pt>
                <c:pt idx="1342">
                  <c:v>1.9594124999999707</c:v>
                </c:pt>
                <c:pt idx="1343">
                  <c:v>1.9875056999999701</c:v>
                </c:pt>
                <c:pt idx="1344">
                  <c:v>2.0527396999999694</c:v>
                </c:pt>
                <c:pt idx="1345">
                  <c:v>2.0774464999999691</c:v>
                </c:pt>
                <c:pt idx="1346">
                  <c:v>2.1215850999999684</c:v>
                </c:pt>
                <c:pt idx="1347">
                  <c:v>2.1083408999999684</c:v>
                </c:pt>
                <c:pt idx="1348">
                  <c:v>2.1631690999999682</c:v>
                </c:pt>
                <c:pt idx="1349">
                  <c:v>2.1700852999999682</c:v>
                </c:pt>
                <c:pt idx="1350">
                  <c:v>2.172178399999968</c:v>
                </c:pt>
                <c:pt idx="1351">
                  <c:v>2.1453651999999686</c:v>
                </c:pt>
                <c:pt idx="1352">
                  <c:v>2.0687954999999691</c:v>
                </c:pt>
                <c:pt idx="1353">
                  <c:v>2.074342599999969</c:v>
                </c:pt>
                <c:pt idx="1354">
                  <c:v>2.0680936999999693</c:v>
                </c:pt>
                <c:pt idx="1355">
                  <c:v>2.0800123999999691</c:v>
                </c:pt>
                <c:pt idx="1356">
                  <c:v>2.1074437999999684</c:v>
                </c:pt>
                <c:pt idx="1357">
                  <c:v>2.133887099999968</c:v>
                </c:pt>
                <c:pt idx="1358">
                  <c:v>2.1279633999999681</c:v>
                </c:pt>
                <c:pt idx="1359">
                  <c:v>2.1184824999999678</c:v>
                </c:pt>
                <c:pt idx="1360">
                  <c:v>2.1218963999999678</c:v>
                </c:pt>
                <c:pt idx="1361">
                  <c:v>2.1003604999999683</c:v>
                </c:pt>
                <c:pt idx="1362">
                  <c:v>2.1292399999999683</c:v>
                </c:pt>
                <c:pt idx="1363">
                  <c:v>2.1478697999999681</c:v>
                </c:pt>
                <c:pt idx="1364">
                  <c:v>2.1561379999999679</c:v>
                </c:pt>
                <c:pt idx="1365">
                  <c:v>2.1341960999999681</c:v>
                </c:pt>
                <c:pt idx="1366">
                  <c:v>2.1006553999999684</c:v>
                </c:pt>
                <c:pt idx="1367">
                  <c:v>2.1028993999999686</c:v>
                </c:pt>
                <c:pt idx="1368">
                  <c:v>2.1011566999999687</c:v>
                </c:pt>
                <c:pt idx="1369">
                  <c:v>2.1261135999999681</c:v>
                </c:pt>
                <c:pt idx="1370">
                  <c:v>2.1080159999999681</c:v>
                </c:pt>
                <c:pt idx="1371">
                  <c:v>2.0942738999999682</c:v>
                </c:pt>
                <c:pt idx="1372">
                  <c:v>2.1071184999999679</c:v>
                </c:pt>
                <c:pt idx="1373">
                  <c:v>2.0627659999999683</c:v>
                </c:pt>
                <c:pt idx="1374">
                  <c:v>2.0586616999999685</c:v>
                </c:pt>
                <c:pt idx="1375">
                  <c:v>2.0599350999999682</c:v>
                </c:pt>
                <c:pt idx="1376">
                  <c:v>2.0789139999999682</c:v>
                </c:pt>
                <c:pt idx="1377">
                  <c:v>2.062634599999968</c:v>
                </c:pt>
                <c:pt idx="1378">
                  <c:v>2.0751659999999679</c:v>
                </c:pt>
                <c:pt idx="1379">
                  <c:v>2.0991330999999676</c:v>
                </c:pt>
                <c:pt idx="1380">
                  <c:v>2.0986878999999674</c:v>
                </c:pt>
                <c:pt idx="1381">
                  <c:v>2.1073283999999672</c:v>
                </c:pt>
                <c:pt idx="1382">
                  <c:v>2.1035359999999672</c:v>
                </c:pt>
                <c:pt idx="1383">
                  <c:v>2.1344100999999673</c:v>
                </c:pt>
                <c:pt idx="1384">
                  <c:v>2.118369299999967</c:v>
                </c:pt>
                <c:pt idx="1385">
                  <c:v>2.0999011999999677</c:v>
                </c:pt>
                <c:pt idx="1386">
                  <c:v>2.1042281999999672</c:v>
                </c:pt>
                <c:pt idx="1387">
                  <c:v>2.1273653999999671</c:v>
                </c:pt>
                <c:pt idx="1388">
                  <c:v>2.1322507999999671</c:v>
                </c:pt>
                <c:pt idx="1389">
                  <c:v>2.0839942999999677</c:v>
                </c:pt>
                <c:pt idx="1390">
                  <c:v>2.0783742999999677</c:v>
                </c:pt>
                <c:pt idx="1391">
                  <c:v>2.0836417999999681</c:v>
                </c:pt>
                <c:pt idx="1392">
                  <c:v>2.0950483999999681</c:v>
                </c:pt>
                <c:pt idx="1393">
                  <c:v>2.0954544999999682</c:v>
                </c:pt>
                <c:pt idx="1394">
                  <c:v>2.0787609999999686</c:v>
                </c:pt>
                <c:pt idx="1395">
                  <c:v>2.0146463999999691</c:v>
                </c:pt>
                <c:pt idx="1396">
                  <c:v>2.007151699999969</c:v>
                </c:pt>
                <c:pt idx="1397">
                  <c:v>2.0423214999999688</c:v>
                </c:pt>
                <c:pt idx="1398">
                  <c:v>2.0521085999999684</c:v>
                </c:pt>
                <c:pt idx="1399">
                  <c:v>2.0623377999999684</c:v>
                </c:pt>
                <c:pt idx="1400">
                  <c:v>1.9910733999999692</c:v>
                </c:pt>
                <c:pt idx="1401">
                  <c:v>1.9751164999999693</c:v>
                </c:pt>
                <c:pt idx="1402">
                  <c:v>1.8957142999999701</c:v>
                </c:pt>
                <c:pt idx="1403">
                  <c:v>1.8437844999999706</c:v>
                </c:pt>
                <c:pt idx="1404">
                  <c:v>1.9582550999999695</c:v>
                </c:pt>
                <c:pt idx="1405">
                  <c:v>1.9355736999999693</c:v>
                </c:pt>
                <c:pt idx="1406">
                  <c:v>1.9704020999999687</c:v>
                </c:pt>
                <c:pt idx="1407">
                  <c:v>1.9652812999999689</c:v>
                </c:pt>
                <c:pt idx="1408">
                  <c:v>1.8927653999999698</c:v>
                </c:pt>
                <c:pt idx="1409">
                  <c:v>1.8654396999999703</c:v>
                </c:pt>
                <c:pt idx="1410">
                  <c:v>1.8002803999999708</c:v>
                </c:pt>
                <c:pt idx="1411">
                  <c:v>1.7405192999999715</c:v>
                </c:pt>
                <c:pt idx="1412">
                  <c:v>1.6668561999999723</c:v>
                </c:pt>
                <c:pt idx="1413">
                  <c:v>1.7432680999999719</c:v>
                </c:pt>
                <c:pt idx="1414">
                  <c:v>1.7422549999999721</c:v>
                </c:pt>
                <c:pt idx="1415">
                  <c:v>1.7145320999999725</c:v>
                </c:pt>
                <c:pt idx="1416">
                  <c:v>1.759101699999972</c:v>
                </c:pt>
                <c:pt idx="1417">
                  <c:v>1.8599876999999707</c:v>
                </c:pt>
                <c:pt idx="1418">
                  <c:v>1.8747132999999705</c:v>
                </c:pt>
                <c:pt idx="1419">
                  <c:v>1.9072623999999703</c:v>
                </c:pt>
                <c:pt idx="1420">
                  <c:v>1.8558615999999706</c:v>
                </c:pt>
                <c:pt idx="1421">
                  <c:v>1.8987317999999704</c:v>
                </c:pt>
                <c:pt idx="1422">
                  <c:v>1.8613099999999707</c:v>
                </c:pt>
                <c:pt idx="1423">
                  <c:v>1.843183199999971</c:v>
                </c:pt>
                <c:pt idx="1424">
                  <c:v>1.8582879999999706</c:v>
                </c:pt>
                <c:pt idx="1425">
                  <c:v>1.8528553999999708</c:v>
                </c:pt>
                <c:pt idx="1426">
                  <c:v>1.8995244999999699</c:v>
                </c:pt>
                <c:pt idx="1427">
                  <c:v>1.9235877999999698</c:v>
                </c:pt>
                <c:pt idx="1428">
                  <c:v>1.9307826999999693</c:v>
                </c:pt>
                <c:pt idx="1429">
                  <c:v>1.965792499999969</c:v>
                </c:pt>
                <c:pt idx="1430">
                  <c:v>1.9822399999999685</c:v>
                </c:pt>
                <c:pt idx="1431">
                  <c:v>1.9923419999999683</c:v>
                </c:pt>
                <c:pt idx="1432">
                  <c:v>2.000506899999968</c:v>
                </c:pt>
                <c:pt idx="1433">
                  <c:v>2.0135233999999675</c:v>
                </c:pt>
                <c:pt idx="1434">
                  <c:v>2.0201238999999678</c:v>
                </c:pt>
                <c:pt idx="1435">
                  <c:v>2.0148998999999677</c:v>
                </c:pt>
                <c:pt idx="1436">
                  <c:v>1.9948370999999674</c:v>
                </c:pt>
                <c:pt idx="1437">
                  <c:v>2.0314652999999669</c:v>
                </c:pt>
                <c:pt idx="1438">
                  <c:v>2.0481076999999668</c:v>
                </c:pt>
                <c:pt idx="1439">
                  <c:v>1.9876304999999674</c:v>
                </c:pt>
                <c:pt idx="1440">
                  <c:v>1.9820634999999678</c:v>
                </c:pt>
                <c:pt idx="1441">
                  <c:v>1.9716766999999682</c:v>
                </c:pt>
                <c:pt idx="1442">
                  <c:v>1.9967539999999677</c:v>
                </c:pt>
                <c:pt idx="1443">
                  <c:v>1.9861075999999676</c:v>
                </c:pt>
                <c:pt idx="1444">
                  <c:v>2.0159795999999677</c:v>
                </c:pt>
                <c:pt idx="1445">
                  <c:v>2.0419921999999677</c:v>
                </c:pt>
                <c:pt idx="1446">
                  <c:v>2.0344886999999674</c:v>
                </c:pt>
                <c:pt idx="1447">
                  <c:v>2.0343318999999678</c:v>
                </c:pt>
                <c:pt idx="1448">
                  <c:v>2.0108479999999682</c:v>
                </c:pt>
                <c:pt idx="1449">
                  <c:v>2.0450679999999677</c:v>
                </c:pt>
                <c:pt idx="1450">
                  <c:v>2.0439492999999676</c:v>
                </c:pt>
                <c:pt idx="1451">
                  <c:v>2.0522497999999674</c:v>
                </c:pt>
                <c:pt idx="1452">
                  <c:v>2.032176699999968</c:v>
                </c:pt>
                <c:pt idx="1453">
                  <c:v>2.0791986999999672</c:v>
                </c:pt>
                <c:pt idx="1454">
                  <c:v>2.0935604999999673</c:v>
                </c:pt>
                <c:pt idx="1455">
                  <c:v>2.1014394999999673</c:v>
                </c:pt>
                <c:pt idx="1456">
                  <c:v>2.1635121999999667</c:v>
                </c:pt>
                <c:pt idx="1457">
                  <c:v>2.1835357999999663</c:v>
                </c:pt>
                <c:pt idx="1458">
                  <c:v>2.1920147999999662</c:v>
                </c:pt>
                <c:pt idx="1459">
                  <c:v>2.2050608999999661</c:v>
                </c:pt>
                <c:pt idx="1460">
                  <c:v>2.1961213999999663</c:v>
                </c:pt>
                <c:pt idx="1461">
                  <c:v>2.2057207999999657</c:v>
                </c:pt>
                <c:pt idx="1462">
                  <c:v>2.2513861999999651</c:v>
                </c:pt>
                <c:pt idx="1463">
                  <c:v>2.2875130999999649</c:v>
                </c:pt>
                <c:pt idx="1464">
                  <c:v>2.2507136999999653</c:v>
                </c:pt>
                <c:pt idx="1465">
                  <c:v>2.2560448999999658</c:v>
                </c:pt>
                <c:pt idx="1466">
                  <c:v>2.2609809999999655</c:v>
                </c:pt>
                <c:pt idx="1467">
                  <c:v>2.2539537999999655</c:v>
                </c:pt>
                <c:pt idx="1468">
                  <c:v>2.2401140999999654</c:v>
                </c:pt>
                <c:pt idx="1469">
                  <c:v>2.2079207999999659</c:v>
                </c:pt>
                <c:pt idx="1470">
                  <c:v>2.1586231999999663</c:v>
                </c:pt>
                <c:pt idx="1471">
                  <c:v>2.1761801999999664</c:v>
                </c:pt>
                <c:pt idx="1472">
                  <c:v>2.1824190999999664</c:v>
                </c:pt>
                <c:pt idx="1473">
                  <c:v>2.200750799999966</c:v>
                </c:pt>
                <c:pt idx="1474">
                  <c:v>2.2387073999999658</c:v>
                </c:pt>
                <c:pt idx="1475">
                  <c:v>2.2594931999999655</c:v>
                </c:pt>
                <c:pt idx="1476">
                  <c:v>2.2503587999999652</c:v>
                </c:pt>
                <c:pt idx="1477">
                  <c:v>2.2543131999999653</c:v>
                </c:pt>
                <c:pt idx="1478">
                  <c:v>2.2532140999999655</c:v>
                </c:pt>
                <c:pt idx="1479">
                  <c:v>2.2321633999999659</c:v>
                </c:pt>
                <c:pt idx="1480">
                  <c:v>2.2132421999999656</c:v>
                </c:pt>
                <c:pt idx="1481">
                  <c:v>2.1930700999999662</c:v>
                </c:pt>
                <c:pt idx="1482">
                  <c:v>2.2643639999999658</c:v>
                </c:pt>
                <c:pt idx="1483">
                  <c:v>2.2356019999999663</c:v>
                </c:pt>
                <c:pt idx="1484">
                  <c:v>2.258545299999966</c:v>
                </c:pt>
                <c:pt idx="1485">
                  <c:v>2.2950311999999653</c:v>
                </c:pt>
                <c:pt idx="1486">
                  <c:v>2.2905534999999655</c:v>
                </c:pt>
                <c:pt idx="1487">
                  <c:v>2.2681481999999655</c:v>
                </c:pt>
                <c:pt idx="1488">
                  <c:v>2.2656401999999654</c:v>
                </c:pt>
                <c:pt idx="1489">
                  <c:v>2.2808076999999654</c:v>
                </c:pt>
                <c:pt idx="1490">
                  <c:v>2.3191915999999653</c:v>
                </c:pt>
                <c:pt idx="1491">
                  <c:v>2.3359883999999651</c:v>
                </c:pt>
                <c:pt idx="1492">
                  <c:v>2.3683565999999643</c:v>
                </c:pt>
                <c:pt idx="1493">
                  <c:v>2.372171999999964</c:v>
                </c:pt>
                <c:pt idx="1494">
                  <c:v>2.3999012999999638</c:v>
                </c:pt>
                <c:pt idx="1495">
                  <c:v>2.3870963999999639</c:v>
                </c:pt>
                <c:pt idx="1496">
                  <c:v>2.3957576999999639</c:v>
                </c:pt>
                <c:pt idx="1497">
                  <c:v>2.4261788999999636</c:v>
                </c:pt>
                <c:pt idx="1498">
                  <c:v>2.4234591999999635</c:v>
                </c:pt>
                <c:pt idx="1499">
                  <c:v>2.432358799999963</c:v>
                </c:pt>
                <c:pt idx="1500">
                  <c:v>2.4393065999999632</c:v>
                </c:pt>
                <c:pt idx="1501">
                  <c:v>2.423133899999963</c:v>
                </c:pt>
                <c:pt idx="1502">
                  <c:v>2.4501271999999625</c:v>
                </c:pt>
                <c:pt idx="1503">
                  <c:v>2.4596692999999625</c:v>
                </c:pt>
                <c:pt idx="1504">
                  <c:v>2.4440476999999627</c:v>
                </c:pt>
                <c:pt idx="1505">
                  <c:v>2.4479448999999627</c:v>
                </c:pt>
                <c:pt idx="1506">
                  <c:v>2.512980299999962</c:v>
                </c:pt>
                <c:pt idx="1507">
                  <c:v>2.5236275999999616</c:v>
                </c:pt>
                <c:pt idx="1508">
                  <c:v>2.5708594999999606</c:v>
                </c:pt>
                <c:pt idx="1509">
                  <c:v>2.57165219999996</c:v>
                </c:pt>
                <c:pt idx="1510">
                  <c:v>2.5529059999999606</c:v>
                </c:pt>
                <c:pt idx="1511">
                  <c:v>2.60093379999996</c:v>
                </c:pt>
                <c:pt idx="1512">
                  <c:v>2.64527949999996</c:v>
                </c:pt>
                <c:pt idx="1513">
                  <c:v>2.6901756999999598</c:v>
                </c:pt>
                <c:pt idx="1514">
                  <c:v>2.6722942999999599</c:v>
                </c:pt>
                <c:pt idx="1515">
                  <c:v>2.68594489999996</c:v>
                </c:pt>
                <c:pt idx="1516">
                  <c:v>2.6678433999999602</c:v>
                </c:pt>
                <c:pt idx="1517">
                  <c:v>2.6026924999999608</c:v>
                </c:pt>
                <c:pt idx="1518">
                  <c:v>2.6339932999999611</c:v>
                </c:pt>
                <c:pt idx="1519">
                  <c:v>2.6418715999999605</c:v>
                </c:pt>
                <c:pt idx="1520">
                  <c:v>2.604204899999961</c:v>
                </c:pt>
                <c:pt idx="1521">
                  <c:v>2.6307100999999604</c:v>
                </c:pt>
                <c:pt idx="1522">
                  <c:v>2.6589623999999601</c:v>
                </c:pt>
                <c:pt idx="1523">
                  <c:v>2.63692949999996</c:v>
                </c:pt>
                <c:pt idx="1524">
                  <c:v>2.6483112999999601</c:v>
                </c:pt>
                <c:pt idx="1525">
                  <c:v>2.7065608999999591</c:v>
                </c:pt>
                <c:pt idx="1526">
                  <c:v>2.7349122999999587</c:v>
                </c:pt>
                <c:pt idx="1527">
                  <c:v>2.7903524999999583</c:v>
                </c:pt>
                <c:pt idx="1528">
                  <c:v>2.825889199999958</c:v>
                </c:pt>
                <c:pt idx="1529">
                  <c:v>2.8087161999999584</c:v>
                </c:pt>
                <c:pt idx="1530">
                  <c:v>2.815813899999958</c:v>
                </c:pt>
                <c:pt idx="1531">
                  <c:v>2.7892893999999582</c:v>
                </c:pt>
                <c:pt idx="1532">
                  <c:v>2.7795022999999581</c:v>
                </c:pt>
                <c:pt idx="1533">
                  <c:v>2.7691664999999581</c:v>
                </c:pt>
                <c:pt idx="1534">
                  <c:v>2.7271161999999589</c:v>
                </c:pt>
                <c:pt idx="1535">
                  <c:v>2.685867099999959</c:v>
                </c:pt>
                <c:pt idx="1536">
                  <c:v>2.7281440999999584</c:v>
                </c:pt>
                <c:pt idx="1537">
                  <c:v>2.7862199999999575</c:v>
                </c:pt>
                <c:pt idx="1538">
                  <c:v>2.7986879999999572</c:v>
                </c:pt>
                <c:pt idx="1539">
                  <c:v>2.7497243999999577</c:v>
                </c:pt>
                <c:pt idx="1540">
                  <c:v>2.6666608999999588</c:v>
                </c:pt>
                <c:pt idx="1541">
                  <c:v>2.7508698999999579</c:v>
                </c:pt>
                <c:pt idx="1542">
                  <c:v>2.7611455999999577</c:v>
                </c:pt>
                <c:pt idx="1543">
                  <c:v>2.7310423999999585</c:v>
                </c:pt>
                <c:pt idx="1544">
                  <c:v>2.7039206999999585</c:v>
                </c:pt>
                <c:pt idx="1545">
                  <c:v>2.7575028999999578</c:v>
                </c:pt>
                <c:pt idx="1546">
                  <c:v>2.7821452999999572</c:v>
                </c:pt>
                <c:pt idx="1547">
                  <c:v>2.7661294999999573</c:v>
                </c:pt>
                <c:pt idx="1548">
                  <c:v>2.7486275999999576</c:v>
                </c:pt>
                <c:pt idx="1549">
                  <c:v>2.7262918999999579</c:v>
                </c:pt>
                <c:pt idx="1550">
                  <c:v>2.7125288999999584</c:v>
                </c:pt>
                <c:pt idx="1551">
                  <c:v>2.6856302999999584</c:v>
                </c:pt>
                <c:pt idx="1552">
                  <c:v>2.6369594999999588</c:v>
                </c:pt>
                <c:pt idx="1553">
                  <c:v>2.6613890999999583</c:v>
                </c:pt>
                <c:pt idx="1554">
                  <c:v>2.693777599999958</c:v>
                </c:pt>
                <c:pt idx="1555">
                  <c:v>2.6897884999999579</c:v>
                </c:pt>
                <c:pt idx="1556">
                  <c:v>2.6349083999999587</c:v>
                </c:pt>
                <c:pt idx="1557">
                  <c:v>2.6041025999999592</c:v>
                </c:pt>
                <c:pt idx="1558">
                  <c:v>2.6438661999999589</c:v>
                </c:pt>
                <c:pt idx="1559">
                  <c:v>2.611480499999959</c:v>
                </c:pt>
                <c:pt idx="1560">
                  <c:v>2.6560587999999585</c:v>
                </c:pt>
                <c:pt idx="1561">
                  <c:v>2.6427189999999587</c:v>
                </c:pt>
                <c:pt idx="1562">
                  <c:v>2.6514369999999587</c:v>
                </c:pt>
                <c:pt idx="1563">
                  <c:v>2.6512529999999588</c:v>
                </c:pt>
                <c:pt idx="1564">
                  <c:v>2.6212460999999592</c:v>
                </c:pt>
                <c:pt idx="1565">
                  <c:v>2.6320655999999585</c:v>
                </c:pt>
                <c:pt idx="1566">
                  <c:v>2.6700804999999579</c:v>
                </c:pt>
                <c:pt idx="1567">
                  <c:v>2.6954188999999578</c:v>
                </c:pt>
                <c:pt idx="1568">
                  <c:v>2.6952372999999579</c:v>
                </c:pt>
                <c:pt idx="1569">
                  <c:v>2.7148127999999572</c:v>
                </c:pt>
                <c:pt idx="1570">
                  <c:v>2.7244822999999574</c:v>
                </c:pt>
                <c:pt idx="1571">
                  <c:v>2.7443406999999573</c:v>
                </c:pt>
                <c:pt idx="1572">
                  <c:v>2.729328799999958</c:v>
                </c:pt>
                <c:pt idx="1573">
                  <c:v>2.7006696999999584</c:v>
                </c:pt>
                <c:pt idx="1574">
                  <c:v>2.6968755999999581</c:v>
                </c:pt>
                <c:pt idx="1575">
                  <c:v>2.7199344999999577</c:v>
                </c:pt>
                <c:pt idx="1576">
                  <c:v>2.7659119999999571</c:v>
                </c:pt>
                <c:pt idx="1577">
                  <c:v>2.737999399999957</c:v>
                </c:pt>
                <c:pt idx="1578">
                  <c:v>2.735886099999957</c:v>
                </c:pt>
                <c:pt idx="1579">
                  <c:v>2.7157200999999569</c:v>
                </c:pt>
                <c:pt idx="1580">
                  <c:v>2.7327591999999563</c:v>
                </c:pt>
                <c:pt idx="1581">
                  <c:v>2.6997936999999568</c:v>
                </c:pt>
                <c:pt idx="1582">
                  <c:v>2.7044299999999573</c:v>
                </c:pt>
                <c:pt idx="1583">
                  <c:v>2.6957443999999575</c:v>
                </c:pt>
                <c:pt idx="1584">
                  <c:v>2.7185877999999573</c:v>
                </c:pt>
                <c:pt idx="1585">
                  <c:v>2.7183910999999572</c:v>
                </c:pt>
                <c:pt idx="1586">
                  <c:v>2.6635950999999585</c:v>
                </c:pt>
                <c:pt idx="1587">
                  <c:v>2.592186299999959</c:v>
                </c:pt>
                <c:pt idx="1588">
                  <c:v>2.5093162999999601</c:v>
                </c:pt>
                <c:pt idx="1589">
                  <c:v>2.5146607999999602</c:v>
                </c:pt>
                <c:pt idx="1590">
                  <c:v>2.5718935999999593</c:v>
                </c:pt>
                <c:pt idx="1591">
                  <c:v>2.5319724999999598</c:v>
                </c:pt>
                <c:pt idx="1592">
                  <c:v>2.5000205999999601</c:v>
                </c:pt>
                <c:pt idx="1593">
                  <c:v>2.4269897999999608</c:v>
                </c:pt>
                <c:pt idx="1594">
                  <c:v>2.4468151999999606</c:v>
                </c:pt>
                <c:pt idx="1595">
                  <c:v>2.4655006999999607</c:v>
                </c:pt>
                <c:pt idx="1596">
                  <c:v>2.3712192999999613</c:v>
                </c:pt>
                <c:pt idx="1597">
                  <c:v>2.3738198999999609</c:v>
                </c:pt>
                <c:pt idx="1598">
                  <c:v>2.4250112999999605</c:v>
                </c:pt>
                <c:pt idx="1599">
                  <c:v>2.4597826999999599</c:v>
                </c:pt>
                <c:pt idx="1600">
                  <c:v>2.4727268999999596</c:v>
                </c:pt>
                <c:pt idx="1601">
                  <c:v>2.5317382999999589</c:v>
                </c:pt>
                <c:pt idx="1602">
                  <c:v>2.5272950999999586</c:v>
                </c:pt>
                <c:pt idx="1603">
                  <c:v>2.5575841999999582</c:v>
                </c:pt>
                <c:pt idx="1604">
                  <c:v>2.5227993999999585</c:v>
                </c:pt>
                <c:pt idx="1605">
                  <c:v>2.4634964999999598</c:v>
                </c:pt>
                <c:pt idx="1606">
                  <c:v>2.4393136999999601</c:v>
                </c:pt>
                <c:pt idx="1607">
                  <c:v>2.44934889999996</c:v>
                </c:pt>
                <c:pt idx="1608">
                  <c:v>2.4566339999999607</c:v>
                </c:pt>
                <c:pt idx="1609">
                  <c:v>2.4960622999999602</c:v>
                </c:pt>
                <c:pt idx="1610">
                  <c:v>2.4642525999999605</c:v>
                </c:pt>
                <c:pt idx="1611">
                  <c:v>2.4804768999999602</c:v>
                </c:pt>
                <c:pt idx="1612">
                  <c:v>2.5327084999999596</c:v>
                </c:pt>
                <c:pt idx="1613">
                  <c:v>2.5145136999999598</c:v>
                </c:pt>
                <c:pt idx="1614">
                  <c:v>2.5274379999999592</c:v>
                </c:pt>
                <c:pt idx="1615">
                  <c:v>2.4993440999999597</c:v>
                </c:pt>
                <c:pt idx="1616">
                  <c:v>2.5051988999999595</c:v>
                </c:pt>
                <c:pt idx="1617">
                  <c:v>2.5333853999999594</c:v>
                </c:pt>
                <c:pt idx="1618">
                  <c:v>2.5296593999999595</c:v>
                </c:pt>
                <c:pt idx="1619">
                  <c:v>2.4969439999999601</c:v>
                </c:pt>
                <c:pt idx="1620">
                  <c:v>2.4988051999999601</c:v>
                </c:pt>
                <c:pt idx="1621">
                  <c:v>2.5179924999999597</c:v>
                </c:pt>
                <c:pt idx="1622">
                  <c:v>2.5214697999999598</c:v>
                </c:pt>
                <c:pt idx="1623">
                  <c:v>2.5694728999999592</c:v>
                </c:pt>
                <c:pt idx="1624">
                  <c:v>2.5762019999999586</c:v>
                </c:pt>
                <c:pt idx="1625">
                  <c:v>2.5693471999999593</c:v>
                </c:pt>
                <c:pt idx="1626">
                  <c:v>2.5995191999999592</c:v>
                </c:pt>
                <c:pt idx="1627">
                  <c:v>2.5725211999999593</c:v>
                </c:pt>
                <c:pt idx="1628">
                  <c:v>2.568085299999959</c:v>
                </c:pt>
                <c:pt idx="1629">
                  <c:v>2.5977438999999589</c:v>
                </c:pt>
                <c:pt idx="1630">
                  <c:v>2.6390518999999584</c:v>
                </c:pt>
                <c:pt idx="1631">
                  <c:v>2.709217299999958</c:v>
                </c:pt>
                <c:pt idx="1632">
                  <c:v>2.7218839999999576</c:v>
                </c:pt>
                <c:pt idx="1633">
                  <c:v>2.7355858999999567</c:v>
                </c:pt>
                <c:pt idx="1634">
                  <c:v>2.6996477999999575</c:v>
                </c:pt>
                <c:pt idx="1635">
                  <c:v>2.6987079999999573</c:v>
                </c:pt>
                <c:pt idx="1636">
                  <c:v>2.6678982999999579</c:v>
                </c:pt>
                <c:pt idx="1637">
                  <c:v>2.6866956999999574</c:v>
                </c:pt>
                <c:pt idx="1638">
                  <c:v>2.646691799999958</c:v>
                </c:pt>
                <c:pt idx="1639">
                  <c:v>2.6427003999999577</c:v>
                </c:pt>
                <c:pt idx="1640">
                  <c:v>2.6400323999999578</c:v>
                </c:pt>
                <c:pt idx="1641">
                  <c:v>2.6539097999999575</c:v>
                </c:pt>
                <c:pt idx="1642">
                  <c:v>2.6437184999999572</c:v>
                </c:pt>
                <c:pt idx="1643">
                  <c:v>2.662657099999957</c:v>
                </c:pt>
                <c:pt idx="1644">
                  <c:v>2.6931531999999563</c:v>
                </c:pt>
                <c:pt idx="1645">
                  <c:v>2.6979527999999564</c:v>
                </c:pt>
                <c:pt idx="1646">
                  <c:v>2.7148595999999565</c:v>
                </c:pt>
                <c:pt idx="1647">
                  <c:v>2.6849318999999565</c:v>
                </c:pt>
                <c:pt idx="1648">
                  <c:v>2.6726032999999569</c:v>
                </c:pt>
                <c:pt idx="1649">
                  <c:v>2.6973205999999568</c:v>
                </c:pt>
                <c:pt idx="1650">
                  <c:v>2.6955415999999568</c:v>
                </c:pt>
                <c:pt idx="1651">
                  <c:v>2.6342851999999572</c:v>
                </c:pt>
                <c:pt idx="1652">
                  <c:v>2.6010937999999579</c:v>
                </c:pt>
                <c:pt idx="1653">
                  <c:v>2.587185599999958</c:v>
                </c:pt>
                <c:pt idx="1654">
                  <c:v>2.6538430999999574</c:v>
                </c:pt>
                <c:pt idx="1655">
                  <c:v>2.6805175999999569</c:v>
                </c:pt>
                <c:pt idx="1656">
                  <c:v>2.6839769999999565</c:v>
                </c:pt>
                <c:pt idx="1657">
                  <c:v>2.6554373999999563</c:v>
                </c:pt>
                <c:pt idx="1658">
                  <c:v>2.6813425999999563</c:v>
                </c:pt>
                <c:pt idx="1659">
                  <c:v>2.6641657999999566</c:v>
                </c:pt>
                <c:pt idx="1660">
                  <c:v>2.6516877999999569</c:v>
                </c:pt>
                <c:pt idx="1661">
                  <c:v>2.658242199999957</c:v>
                </c:pt>
                <c:pt idx="1662">
                  <c:v>2.649257999999957</c:v>
                </c:pt>
                <c:pt idx="1663">
                  <c:v>2.6290392999999574</c:v>
                </c:pt>
                <c:pt idx="1664">
                  <c:v>2.6230867999999572</c:v>
                </c:pt>
                <c:pt idx="1665">
                  <c:v>2.5983567999999577</c:v>
                </c:pt>
                <c:pt idx="1666">
                  <c:v>2.6317297999999574</c:v>
                </c:pt>
                <c:pt idx="1667">
                  <c:v>2.6489441999999568</c:v>
                </c:pt>
                <c:pt idx="1668">
                  <c:v>2.6808573999999568</c:v>
                </c:pt>
                <c:pt idx="1669">
                  <c:v>2.6940160999999563</c:v>
                </c:pt>
                <c:pt idx="1670">
                  <c:v>2.6789130999999569</c:v>
                </c:pt>
                <c:pt idx="1671">
                  <c:v>2.7069777999999571</c:v>
                </c:pt>
                <c:pt idx="1672">
                  <c:v>2.656772799999958</c:v>
                </c:pt>
                <c:pt idx="1673">
                  <c:v>2.6843526999999567</c:v>
                </c:pt>
                <c:pt idx="1674">
                  <c:v>2.6890886999999575</c:v>
                </c:pt>
                <c:pt idx="1675">
                  <c:v>2.6708676999999579</c:v>
                </c:pt>
                <c:pt idx="1676">
                  <c:v>2.6829161999999576</c:v>
                </c:pt>
                <c:pt idx="1677">
                  <c:v>2.6745279999999574</c:v>
                </c:pt>
                <c:pt idx="1678">
                  <c:v>2.6890485999999569</c:v>
                </c:pt>
                <c:pt idx="1679">
                  <c:v>2.6464921999999573</c:v>
                </c:pt>
                <c:pt idx="1680">
                  <c:v>2.6158001999999576</c:v>
                </c:pt>
                <c:pt idx="1681">
                  <c:v>2.626945499999958</c:v>
                </c:pt>
                <c:pt idx="1682">
                  <c:v>2.6080355999999583</c:v>
                </c:pt>
                <c:pt idx="1683">
                  <c:v>2.5770154999999586</c:v>
                </c:pt>
                <c:pt idx="1684">
                  <c:v>2.5658891999999587</c:v>
                </c:pt>
                <c:pt idx="1685">
                  <c:v>2.5684501999999587</c:v>
                </c:pt>
                <c:pt idx="1686">
                  <c:v>2.5855154999999588</c:v>
                </c:pt>
                <c:pt idx="1687">
                  <c:v>2.5657187999999587</c:v>
                </c:pt>
                <c:pt idx="1688">
                  <c:v>2.5985424999999585</c:v>
                </c:pt>
                <c:pt idx="1689">
                  <c:v>2.5977009999999581</c:v>
                </c:pt>
                <c:pt idx="1690">
                  <c:v>2.6613635999999579</c:v>
                </c:pt>
                <c:pt idx="1691">
                  <c:v>2.657423199999958</c:v>
                </c:pt>
                <c:pt idx="1692">
                  <c:v>2.6527028999999578</c:v>
                </c:pt>
                <c:pt idx="1693">
                  <c:v>2.6810932999999575</c:v>
                </c:pt>
                <c:pt idx="1694">
                  <c:v>2.6985575999999569</c:v>
                </c:pt>
                <c:pt idx="1695">
                  <c:v>2.6771055999999573</c:v>
                </c:pt>
                <c:pt idx="1696">
                  <c:v>2.6608056999999574</c:v>
                </c:pt>
                <c:pt idx="1697">
                  <c:v>2.6366168999999577</c:v>
                </c:pt>
                <c:pt idx="1698">
                  <c:v>2.6019444999999584</c:v>
                </c:pt>
                <c:pt idx="1699">
                  <c:v>2.5549158999999593</c:v>
                </c:pt>
                <c:pt idx="1700">
                  <c:v>2.5364916999999592</c:v>
                </c:pt>
                <c:pt idx="1701">
                  <c:v>2.5890442999999586</c:v>
                </c:pt>
                <c:pt idx="1702">
                  <c:v>2.5421307999999589</c:v>
                </c:pt>
                <c:pt idx="1703">
                  <c:v>2.5194598999999598</c:v>
                </c:pt>
                <c:pt idx="1704">
                  <c:v>2.4814445999999601</c:v>
                </c:pt>
                <c:pt idx="1705">
                  <c:v>2.4732029999999599</c:v>
                </c:pt>
                <c:pt idx="1706">
                  <c:v>2.47580029999996</c:v>
                </c:pt>
                <c:pt idx="1707">
                  <c:v>2.5250517999999595</c:v>
                </c:pt>
                <c:pt idx="1708">
                  <c:v>2.5328714999999598</c:v>
                </c:pt>
                <c:pt idx="1709">
                  <c:v>2.5040802999999596</c:v>
                </c:pt>
                <c:pt idx="1710">
                  <c:v>2.49212239999996</c:v>
                </c:pt>
                <c:pt idx="1711">
                  <c:v>2.430778799999961</c:v>
                </c:pt>
                <c:pt idx="1712">
                  <c:v>2.446605699999961</c:v>
                </c:pt>
                <c:pt idx="1713">
                  <c:v>2.4562884999999608</c:v>
                </c:pt>
                <c:pt idx="1714">
                  <c:v>2.4498308999999607</c:v>
                </c:pt>
                <c:pt idx="1715">
                  <c:v>2.369903899999962</c:v>
                </c:pt>
                <c:pt idx="1716">
                  <c:v>2.2846260999999628</c:v>
                </c:pt>
                <c:pt idx="1717">
                  <c:v>2.1195193999999646</c:v>
                </c:pt>
                <c:pt idx="1718">
                  <c:v>2.1379574999999642</c:v>
                </c:pt>
                <c:pt idx="1719">
                  <c:v>1.9251468999999664</c:v>
                </c:pt>
                <c:pt idx="1720">
                  <c:v>2.0361923999999645</c:v>
                </c:pt>
                <c:pt idx="1721">
                  <c:v>2.0503633999999642</c:v>
                </c:pt>
                <c:pt idx="1722">
                  <c:v>2.1484017999999629</c:v>
                </c:pt>
                <c:pt idx="1723">
                  <c:v>2.1525654999999628</c:v>
                </c:pt>
                <c:pt idx="1724">
                  <c:v>2.217380899999962</c:v>
                </c:pt>
                <c:pt idx="1725">
                  <c:v>2.1921498999999618</c:v>
                </c:pt>
                <c:pt idx="1726">
                  <c:v>2.2171086999999612</c:v>
                </c:pt>
                <c:pt idx="1727">
                  <c:v>2.1565193999999619</c:v>
                </c:pt>
                <c:pt idx="1728">
                  <c:v>2.1323914999999625</c:v>
                </c:pt>
                <c:pt idx="1729">
                  <c:v>2.1304948999999622</c:v>
                </c:pt>
                <c:pt idx="1730">
                  <c:v>2.1873815999999615</c:v>
                </c:pt>
                <c:pt idx="1731">
                  <c:v>2.1788249999999612</c:v>
                </c:pt>
                <c:pt idx="1732">
                  <c:v>2.1376867999999618</c:v>
                </c:pt>
                <c:pt idx="1733">
                  <c:v>2.1582402999999615</c:v>
                </c:pt>
                <c:pt idx="1734">
                  <c:v>2.2578567999999599</c:v>
                </c:pt>
                <c:pt idx="1735">
                  <c:v>2.2967099999999596</c:v>
                </c:pt>
                <c:pt idx="1736">
                  <c:v>2.3942747999999581</c:v>
                </c:pt>
                <c:pt idx="1737">
                  <c:v>2.4800888999999575</c:v>
                </c:pt>
                <c:pt idx="1738">
                  <c:v>2.404872199999958</c:v>
                </c:pt>
                <c:pt idx="1739">
                  <c:v>2.3216431999999592</c:v>
                </c:pt>
                <c:pt idx="1740">
                  <c:v>2.3865414999999586</c:v>
                </c:pt>
                <c:pt idx="1741">
                  <c:v>2.4534380999999579</c:v>
                </c:pt>
                <c:pt idx="1742">
                  <c:v>2.3610409999999589</c:v>
                </c:pt>
                <c:pt idx="1743">
                  <c:v>2.3332060999999591</c:v>
                </c:pt>
                <c:pt idx="1744">
                  <c:v>2.3003352999999596</c:v>
                </c:pt>
                <c:pt idx="1745">
                  <c:v>2.3252057999999591</c:v>
                </c:pt>
                <c:pt idx="1746">
                  <c:v>2.3349246999999598</c:v>
                </c:pt>
                <c:pt idx="1747">
                  <c:v>2.3738998999999592</c:v>
                </c:pt>
                <c:pt idx="1748">
                  <c:v>2.3637139999999595</c:v>
                </c:pt>
                <c:pt idx="1749">
                  <c:v>2.3286099999999599</c:v>
                </c:pt>
                <c:pt idx="1750">
                  <c:v>2.3000404999999606</c:v>
                </c:pt>
                <c:pt idx="1751">
                  <c:v>2.1468772999999621</c:v>
                </c:pt>
                <c:pt idx="1752">
                  <c:v>2.1639964999999619</c:v>
                </c:pt>
                <c:pt idx="1753">
                  <c:v>2.1912830999999615</c:v>
                </c:pt>
                <c:pt idx="1754">
                  <c:v>2.2325352999999604</c:v>
                </c:pt>
                <c:pt idx="1755">
                  <c:v>2.1867024999999609</c:v>
                </c:pt>
                <c:pt idx="1756">
                  <c:v>2.1993049999999603</c:v>
                </c:pt>
                <c:pt idx="1757">
                  <c:v>2.1927163999999606</c:v>
                </c:pt>
                <c:pt idx="1758">
                  <c:v>2.1252581999999616</c:v>
                </c:pt>
                <c:pt idx="1759">
                  <c:v>2.0773919999999619</c:v>
                </c:pt>
                <c:pt idx="1760">
                  <c:v>2.0797838999999616</c:v>
                </c:pt>
                <c:pt idx="1761">
                  <c:v>2.1565218999999605</c:v>
                </c:pt>
                <c:pt idx="1762">
                  <c:v>2.1389527999999607</c:v>
                </c:pt>
                <c:pt idx="1763">
                  <c:v>2.2241601999999596</c:v>
                </c:pt>
                <c:pt idx="1764">
                  <c:v>2.2221743999999597</c:v>
                </c:pt>
                <c:pt idx="1765">
                  <c:v>2.2571545999999594</c:v>
                </c:pt>
                <c:pt idx="1766">
                  <c:v>2.288479199999959</c:v>
                </c:pt>
                <c:pt idx="1767">
                  <c:v>2.2443259999999596</c:v>
                </c:pt>
                <c:pt idx="1768">
                  <c:v>2.2984593999999587</c:v>
                </c:pt>
                <c:pt idx="1769">
                  <c:v>2.3130463999999589</c:v>
                </c:pt>
                <c:pt idx="1770">
                  <c:v>2.272426799999959</c:v>
                </c:pt>
                <c:pt idx="1771">
                  <c:v>2.3191402999999582</c:v>
                </c:pt>
                <c:pt idx="1772">
                  <c:v>2.3352072999999582</c:v>
                </c:pt>
                <c:pt idx="1773">
                  <c:v>2.3248983999999582</c:v>
                </c:pt>
                <c:pt idx="1774">
                  <c:v>2.3388968999999582</c:v>
                </c:pt>
                <c:pt idx="1775">
                  <c:v>2.396132799999958</c:v>
                </c:pt>
                <c:pt idx="1776">
                  <c:v>2.4097246999999578</c:v>
                </c:pt>
                <c:pt idx="1777">
                  <c:v>2.3743697999999585</c:v>
                </c:pt>
                <c:pt idx="1778">
                  <c:v>2.3275631999999593</c:v>
                </c:pt>
                <c:pt idx="1779">
                  <c:v>2.355957699999959</c:v>
                </c:pt>
                <c:pt idx="1780">
                  <c:v>2.3391110999999594</c:v>
                </c:pt>
                <c:pt idx="1781">
                  <c:v>2.357831899999959</c:v>
                </c:pt>
                <c:pt idx="1782">
                  <c:v>2.3337393999999594</c:v>
                </c:pt>
                <c:pt idx="1783">
                  <c:v>2.2865130999999606</c:v>
                </c:pt>
                <c:pt idx="1784">
                  <c:v>2.2825576999999604</c:v>
                </c:pt>
                <c:pt idx="1785">
                  <c:v>2.34257099999996</c:v>
                </c:pt>
                <c:pt idx="1786">
                  <c:v>2.3312714999999602</c:v>
                </c:pt>
                <c:pt idx="1787">
                  <c:v>2.3297146999999598</c:v>
                </c:pt>
                <c:pt idx="1788">
                  <c:v>2.2642194999999607</c:v>
                </c:pt>
                <c:pt idx="1789">
                  <c:v>2.2439994999999615</c:v>
                </c:pt>
                <c:pt idx="1790">
                  <c:v>2.2141047999999617</c:v>
                </c:pt>
                <c:pt idx="1791">
                  <c:v>2.1953456999999621</c:v>
                </c:pt>
                <c:pt idx="1792">
                  <c:v>2.1689245999999627</c:v>
                </c:pt>
                <c:pt idx="1793">
                  <c:v>2.1912259999999626</c:v>
                </c:pt>
                <c:pt idx="1794">
                  <c:v>2.1856022999999629</c:v>
                </c:pt>
                <c:pt idx="1795">
                  <c:v>2.2188576999999627</c:v>
                </c:pt>
                <c:pt idx="1796">
                  <c:v>2.1934837999999632</c:v>
                </c:pt>
                <c:pt idx="1797">
                  <c:v>2.2960548999999619</c:v>
                </c:pt>
                <c:pt idx="1798">
                  <c:v>2.326195099999961</c:v>
                </c:pt>
                <c:pt idx="1799">
                  <c:v>2.320561299999961</c:v>
                </c:pt>
                <c:pt idx="1800">
                  <c:v>2.3723017999999598</c:v>
                </c:pt>
                <c:pt idx="1801">
                  <c:v>2.3929741999999594</c:v>
                </c:pt>
                <c:pt idx="1802">
                  <c:v>2.3541396999999602</c:v>
                </c:pt>
                <c:pt idx="1803">
                  <c:v>2.3103158999999605</c:v>
                </c:pt>
                <c:pt idx="1804">
                  <c:v>2.3201419999999602</c:v>
                </c:pt>
                <c:pt idx="1805">
                  <c:v>2.30599869999996</c:v>
                </c:pt>
                <c:pt idx="1806">
                  <c:v>2.2968609999999599</c:v>
                </c:pt>
                <c:pt idx="1807">
                  <c:v>2.2560736999999604</c:v>
                </c:pt>
                <c:pt idx="1808">
                  <c:v>2.27930739999996</c:v>
                </c:pt>
                <c:pt idx="1809">
                  <c:v>2.3116432999999601</c:v>
                </c:pt>
                <c:pt idx="1810">
                  <c:v>2.2882445999999605</c:v>
                </c:pt>
                <c:pt idx="1811">
                  <c:v>2.3358699999999599</c:v>
                </c:pt>
                <c:pt idx="1812">
                  <c:v>2.3234119999999598</c:v>
                </c:pt>
                <c:pt idx="1813">
                  <c:v>2.3100938999999605</c:v>
                </c:pt>
                <c:pt idx="1814">
                  <c:v>2.3384936999999599</c:v>
                </c:pt>
                <c:pt idx="1815">
                  <c:v>2.34740049999996</c:v>
                </c:pt>
                <c:pt idx="1816">
                  <c:v>2.3729376999999601</c:v>
                </c:pt>
                <c:pt idx="1817">
                  <c:v>2.3386496999999604</c:v>
                </c:pt>
                <c:pt idx="1818">
                  <c:v>2.3633067999999606</c:v>
                </c:pt>
                <c:pt idx="1819">
                  <c:v>2.3631475999999605</c:v>
                </c:pt>
                <c:pt idx="1820">
                  <c:v>2.3917339999999601</c:v>
                </c:pt>
                <c:pt idx="1821">
                  <c:v>2.4159546999999599</c:v>
                </c:pt>
                <c:pt idx="1822">
                  <c:v>2.4062415999999605</c:v>
                </c:pt>
                <c:pt idx="1823">
                  <c:v>2.3871740999999607</c:v>
                </c:pt>
                <c:pt idx="1824">
                  <c:v>2.3876890999999607</c:v>
                </c:pt>
                <c:pt idx="1825">
                  <c:v>2.4024010999999605</c:v>
                </c:pt>
                <c:pt idx="1826">
                  <c:v>2.4322530999999601</c:v>
                </c:pt>
                <c:pt idx="1827">
                  <c:v>2.4343799999999596</c:v>
                </c:pt>
                <c:pt idx="1828">
                  <c:v>2.4375416999999593</c:v>
                </c:pt>
                <c:pt idx="1829">
                  <c:v>2.4167553999999596</c:v>
                </c:pt>
                <c:pt idx="1830">
                  <c:v>2.4528543999999592</c:v>
                </c:pt>
                <c:pt idx="1831">
                  <c:v>2.4677122999999588</c:v>
                </c:pt>
                <c:pt idx="1832">
                  <c:v>2.5118412999999578</c:v>
                </c:pt>
                <c:pt idx="1833">
                  <c:v>2.5377839999999572</c:v>
                </c:pt>
                <c:pt idx="1834">
                  <c:v>2.5645212999999565</c:v>
                </c:pt>
                <c:pt idx="1835">
                  <c:v>2.5648435999999566</c:v>
                </c:pt>
                <c:pt idx="1836">
                  <c:v>2.5618822999999566</c:v>
                </c:pt>
                <c:pt idx="1837">
                  <c:v>2.5616688999999564</c:v>
                </c:pt>
                <c:pt idx="1838">
                  <c:v>2.585271599999956</c:v>
                </c:pt>
                <c:pt idx="1839">
                  <c:v>2.5709241999999559</c:v>
                </c:pt>
                <c:pt idx="1840">
                  <c:v>2.5738447999999559</c:v>
                </c:pt>
                <c:pt idx="1841">
                  <c:v>2.6034588999999557</c:v>
                </c:pt>
                <c:pt idx="1842">
                  <c:v>2.6736844999999549</c:v>
                </c:pt>
                <c:pt idx="1843">
                  <c:v>2.675062099999955</c:v>
                </c:pt>
                <c:pt idx="1844">
                  <c:v>2.7222490999999547</c:v>
                </c:pt>
                <c:pt idx="1845">
                  <c:v>2.7147150999999545</c:v>
                </c:pt>
                <c:pt idx="1846">
                  <c:v>2.7317780999999548</c:v>
                </c:pt>
                <c:pt idx="1847">
                  <c:v>2.7312649999999548</c:v>
                </c:pt>
                <c:pt idx="1848">
                  <c:v>2.7299791999999545</c:v>
                </c:pt>
                <c:pt idx="1849">
                  <c:v>2.704071299999955</c:v>
                </c:pt>
                <c:pt idx="1850">
                  <c:v>2.7611677999999542</c:v>
                </c:pt>
                <c:pt idx="1851">
                  <c:v>2.7582016999999541</c:v>
                </c:pt>
                <c:pt idx="1852">
                  <c:v>2.8218296999999528</c:v>
                </c:pt>
                <c:pt idx="1853">
                  <c:v>2.8605735999999524</c:v>
                </c:pt>
                <c:pt idx="1854">
                  <c:v>2.8689309999999519</c:v>
                </c:pt>
                <c:pt idx="1855">
                  <c:v>2.8695863999999522</c:v>
                </c:pt>
                <c:pt idx="1856">
                  <c:v>2.8327964999999526</c:v>
                </c:pt>
                <c:pt idx="1857">
                  <c:v>2.8305693999999524</c:v>
                </c:pt>
                <c:pt idx="1858">
                  <c:v>2.8018542999999529</c:v>
                </c:pt>
                <c:pt idx="1859">
                  <c:v>2.8549910999999524</c:v>
                </c:pt>
                <c:pt idx="1860">
                  <c:v>2.8729742999999521</c:v>
                </c:pt>
                <c:pt idx="1861">
                  <c:v>2.9137597999999514</c:v>
                </c:pt>
                <c:pt idx="1862">
                  <c:v>2.932270599999951</c:v>
                </c:pt>
                <c:pt idx="1863">
                  <c:v>2.9053052999999518</c:v>
                </c:pt>
                <c:pt idx="1864">
                  <c:v>2.8483533999999526</c:v>
                </c:pt>
                <c:pt idx="1865">
                  <c:v>2.9058945999999515</c:v>
                </c:pt>
                <c:pt idx="1866">
                  <c:v>2.9733599999999503</c:v>
                </c:pt>
                <c:pt idx="1867">
                  <c:v>2.9576415999999508</c:v>
                </c:pt>
                <c:pt idx="1868">
                  <c:v>2.9470062999999507</c:v>
                </c:pt>
                <c:pt idx="1869">
                  <c:v>3.0215359999999496</c:v>
                </c:pt>
                <c:pt idx="1870">
                  <c:v>3.0361612999999483</c:v>
                </c:pt>
                <c:pt idx="1871">
                  <c:v>2.987687099999949</c:v>
                </c:pt>
                <c:pt idx="1872">
                  <c:v>2.9613340999999491</c:v>
                </c:pt>
                <c:pt idx="1873">
                  <c:v>2.968683199999949</c:v>
                </c:pt>
                <c:pt idx="1874">
                  <c:v>2.9604148999999489</c:v>
                </c:pt>
                <c:pt idx="1875">
                  <c:v>2.9757915999999489</c:v>
                </c:pt>
                <c:pt idx="1876">
                  <c:v>2.9346197999999495</c:v>
                </c:pt>
                <c:pt idx="1877">
                  <c:v>2.9631477999999496</c:v>
                </c:pt>
                <c:pt idx="1878">
                  <c:v>3.0398727999999489</c:v>
                </c:pt>
                <c:pt idx="1879">
                  <c:v>3.0065189999999484</c:v>
                </c:pt>
                <c:pt idx="1880">
                  <c:v>2.9552067999999494</c:v>
                </c:pt>
                <c:pt idx="1881">
                  <c:v>2.93961939999995</c:v>
                </c:pt>
                <c:pt idx="1882">
                  <c:v>2.9661178999999498</c:v>
                </c:pt>
                <c:pt idx="1883">
                  <c:v>3.0237670999999491</c:v>
                </c:pt>
                <c:pt idx="1884">
                  <c:v>3.0056574999999492</c:v>
                </c:pt>
                <c:pt idx="1885">
                  <c:v>3.0139486999999496</c:v>
                </c:pt>
                <c:pt idx="1886">
                  <c:v>3.024004599999949</c:v>
                </c:pt>
                <c:pt idx="1887">
                  <c:v>2.9864106999999498</c:v>
                </c:pt>
                <c:pt idx="1888">
                  <c:v>2.9507046999999504</c:v>
                </c:pt>
                <c:pt idx="1889">
                  <c:v>2.9331604999999503</c:v>
                </c:pt>
                <c:pt idx="1890">
                  <c:v>2.9916336999999498</c:v>
                </c:pt>
                <c:pt idx="1891">
                  <c:v>2.9704599999999499</c:v>
                </c:pt>
                <c:pt idx="1892">
                  <c:v>2.9826421999999497</c:v>
                </c:pt>
                <c:pt idx="1893">
                  <c:v>3.0089678999999494</c:v>
                </c:pt>
                <c:pt idx="1894">
                  <c:v>3.0554725999999484</c:v>
                </c:pt>
                <c:pt idx="1895">
                  <c:v>3.0578827999999483</c:v>
                </c:pt>
                <c:pt idx="1896">
                  <c:v>3.0624313999999488</c:v>
                </c:pt>
                <c:pt idx="1897">
                  <c:v>3.0144024999999495</c:v>
                </c:pt>
                <c:pt idx="1898">
                  <c:v>3.0339420999999493</c:v>
                </c:pt>
                <c:pt idx="1899">
                  <c:v>3.0437840999999493</c:v>
                </c:pt>
                <c:pt idx="1900">
                  <c:v>3.0640222999999498</c:v>
                </c:pt>
                <c:pt idx="1901">
                  <c:v>3.0609155999999498</c:v>
                </c:pt>
                <c:pt idx="1902">
                  <c:v>3.065686699999949</c:v>
                </c:pt>
                <c:pt idx="1903">
                  <c:v>3.0791477999999488</c:v>
                </c:pt>
                <c:pt idx="1904">
                  <c:v>3.0917837999999476</c:v>
                </c:pt>
                <c:pt idx="1905">
                  <c:v>3.0477444999999488</c:v>
                </c:pt>
                <c:pt idx="1906">
                  <c:v>3.0968705999999484</c:v>
                </c:pt>
                <c:pt idx="1907">
                  <c:v>3.0648910999999481</c:v>
                </c:pt>
                <c:pt idx="1908">
                  <c:v>3.0447797999999482</c:v>
                </c:pt>
                <c:pt idx="1909">
                  <c:v>3.0603270999999488</c:v>
                </c:pt>
                <c:pt idx="1910">
                  <c:v>3.0622149999999486</c:v>
                </c:pt>
                <c:pt idx="1911">
                  <c:v>2.9523660999999497</c:v>
                </c:pt>
                <c:pt idx="1912">
                  <c:v>2.8810336999999508</c:v>
                </c:pt>
                <c:pt idx="1913">
                  <c:v>2.8770947999999508</c:v>
                </c:pt>
                <c:pt idx="1914">
                  <c:v>2.770795899999952</c:v>
                </c:pt>
                <c:pt idx="1915">
                  <c:v>2.7766607999999517</c:v>
                </c:pt>
                <c:pt idx="1916">
                  <c:v>2.8498889999999508</c:v>
                </c:pt>
                <c:pt idx="1917">
                  <c:v>2.7958826999999515</c:v>
                </c:pt>
                <c:pt idx="1918">
                  <c:v>2.7391065999999524</c:v>
                </c:pt>
                <c:pt idx="1919">
                  <c:v>2.7088972999999528</c:v>
                </c:pt>
                <c:pt idx="1920">
                  <c:v>2.7459026999999523</c:v>
                </c:pt>
                <c:pt idx="1921">
                  <c:v>2.8122100999999522</c:v>
                </c:pt>
                <c:pt idx="1922">
                  <c:v>2.7800711999999526</c:v>
                </c:pt>
                <c:pt idx="1923">
                  <c:v>2.7552162999999523</c:v>
                </c:pt>
                <c:pt idx="1924">
                  <c:v>2.8010032999999521</c:v>
                </c:pt>
                <c:pt idx="1925">
                  <c:v>2.7313582999999531</c:v>
                </c:pt>
                <c:pt idx="1926">
                  <c:v>2.7277899999999531</c:v>
                </c:pt>
                <c:pt idx="1927">
                  <c:v>2.7011927999999532</c:v>
                </c:pt>
                <c:pt idx="1928">
                  <c:v>2.7735527999999525</c:v>
                </c:pt>
                <c:pt idx="1929">
                  <c:v>2.7770405999999528</c:v>
                </c:pt>
                <c:pt idx="1930">
                  <c:v>2.7680911999999531</c:v>
                </c:pt>
                <c:pt idx="1931">
                  <c:v>2.8340503999999522</c:v>
                </c:pt>
                <c:pt idx="1932">
                  <c:v>2.8530775999999523</c:v>
                </c:pt>
                <c:pt idx="1933">
                  <c:v>2.842020699999952</c:v>
                </c:pt>
                <c:pt idx="1934">
                  <c:v>2.8850291999999516</c:v>
                </c:pt>
                <c:pt idx="1935">
                  <c:v>2.8931113999999516</c:v>
                </c:pt>
                <c:pt idx="1936">
                  <c:v>2.9306667999999516</c:v>
                </c:pt>
                <c:pt idx="1937">
                  <c:v>2.9177850999999517</c:v>
                </c:pt>
                <c:pt idx="1938">
                  <c:v>2.8488673999999525</c:v>
                </c:pt>
                <c:pt idx="1939">
                  <c:v>2.8404876999999527</c:v>
                </c:pt>
                <c:pt idx="1940">
                  <c:v>2.7931673999999536</c:v>
                </c:pt>
                <c:pt idx="1941">
                  <c:v>2.7946323999999536</c:v>
                </c:pt>
                <c:pt idx="1942">
                  <c:v>2.7986065999999536</c:v>
                </c:pt>
                <c:pt idx="1943">
                  <c:v>2.7871978999999536</c:v>
                </c:pt>
                <c:pt idx="1944">
                  <c:v>2.8727964999999531</c:v>
                </c:pt>
                <c:pt idx="1945">
                  <c:v>2.8637482999999531</c:v>
                </c:pt>
                <c:pt idx="1946">
                  <c:v>2.9202163999999522</c:v>
                </c:pt>
                <c:pt idx="1947">
                  <c:v>2.940541899999952</c:v>
                </c:pt>
                <c:pt idx="1948">
                  <c:v>2.9317311999999522</c:v>
                </c:pt>
                <c:pt idx="1949">
                  <c:v>2.8840054999999527</c:v>
                </c:pt>
                <c:pt idx="1950">
                  <c:v>2.8837752999999524</c:v>
                </c:pt>
                <c:pt idx="1951">
                  <c:v>2.822778799999953</c:v>
                </c:pt>
                <c:pt idx="1952">
                  <c:v>2.8109836999999529</c:v>
                </c:pt>
                <c:pt idx="1953">
                  <c:v>2.7772064999999535</c:v>
                </c:pt>
                <c:pt idx="1954">
                  <c:v>2.7893230999999528</c:v>
                </c:pt>
                <c:pt idx="1955">
                  <c:v>2.7829179999999529</c:v>
                </c:pt>
                <c:pt idx="1956">
                  <c:v>2.8077847999999528</c:v>
                </c:pt>
                <c:pt idx="1957">
                  <c:v>2.8177664999999523</c:v>
                </c:pt>
                <c:pt idx="1958">
                  <c:v>2.8380778999999525</c:v>
                </c:pt>
                <c:pt idx="1959">
                  <c:v>2.8090241999999526</c:v>
                </c:pt>
                <c:pt idx="1960">
                  <c:v>2.7680072999999528</c:v>
                </c:pt>
                <c:pt idx="1961">
                  <c:v>2.763745599999953</c:v>
                </c:pt>
                <c:pt idx="1962">
                  <c:v>2.7930580999999521</c:v>
                </c:pt>
                <c:pt idx="1963">
                  <c:v>2.8759597999999507</c:v>
                </c:pt>
                <c:pt idx="1964">
                  <c:v>2.9874092999999493</c:v>
                </c:pt>
                <c:pt idx="1965">
                  <c:v>3.0056211999999487</c:v>
                </c:pt>
                <c:pt idx="1966">
                  <c:v>2.9632410999999488</c:v>
                </c:pt>
                <c:pt idx="1967">
                  <c:v>2.9877525999999484</c:v>
                </c:pt>
                <c:pt idx="1968">
                  <c:v>2.9744766999999488</c:v>
                </c:pt>
                <c:pt idx="1969">
                  <c:v>3.0385774999999482</c:v>
                </c:pt>
                <c:pt idx="1970">
                  <c:v>3.0892633999999477</c:v>
                </c:pt>
                <c:pt idx="1971">
                  <c:v>3.0370733999999482</c:v>
                </c:pt>
                <c:pt idx="1972">
                  <c:v>3.0875681999999474</c:v>
                </c:pt>
                <c:pt idx="1973">
                  <c:v>3.0480885999999483</c:v>
                </c:pt>
                <c:pt idx="1974">
                  <c:v>3.0630035999999476</c:v>
                </c:pt>
                <c:pt idx="1975">
                  <c:v>3.0506880999999479</c:v>
                </c:pt>
                <c:pt idx="1976">
                  <c:v>3.0228211999999477</c:v>
                </c:pt>
                <c:pt idx="1977">
                  <c:v>3.0159977999999477</c:v>
                </c:pt>
                <c:pt idx="1978">
                  <c:v>3.0498434999999473</c:v>
                </c:pt>
                <c:pt idx="1979">
                  <c:v>3.0398139999999474</c:v>
                </c:pt>
                <c:pt idx="1980">
                  <c:v>3.0338797999999478</c:v>
                </c:pt>
                <c:pt idx="1981">
                  <c:v>3.0310090999999479</c:v>
                </c:pt>
                <c:pt idx="1982">
                  <c:v>3.0607332999999475</c:v>
                </c:pt>
                <c:pt idx="1983">
                  <c:v>2.999235599999948</c:v>
                </c:pt>
                <c:pt idx="1984">
                  <c:v>3.017838999999948</c:v>
                </c:pt>
                <c:pt idx="1985">
                  <c:v>3.0141068999999474</c:v>
                </c:pt>
                <c:pt idx="1986">
                  <c:v>3.0409347999999472</c:v>
                </c:pt>
                <c:pt idx="1987">
                  <c:v>3.0126985999999478</c:v>
                </c:pt>
                <c:pt idx="1988">
                  <c:v>3.0389180999999477</c:v>
                </c:pt>
                <c:pt idx="1989">
                  <c:v>3.0223570999999474</c:v>
                </c:pt>
                <c:pt idx="1990">
                  <c:v>3.0352687999999475</c:v>
                </c:pt>
                <c:pt idx="1991">
                  <c:v>2.9924027999999478</c:v>
                </c:pt>
                <c:pt idx="1992">
                  <c:v>3.0111843999999479</c:v>
                </c:pt>
                <c:pt idx="1993">
                  <c:v>3.0705806999999465</c:v>
                </c:pt>
                <c:pt idx="1994">
                  <c:v>3.0513140999999466</c:v>
                </c:pt>
                <c:pt idx="1995">
                  <c:v>3.0905078999999471</c:v>
                </c:pt>
                <c:pt idx="1996">
                  <c:v>3.0946398999999465</c:v>
                </c:pt>
                <c:pt idx="1997">
                  <c:v>3.1671297999999455</c:v>
                </c:pt>
                <c:pt idx="1998">
                  <c:v>3.1043153999999467</c:v>
                </c:pt>
                <c:pt idx="1999">
                  <c:v>3.1090108999999471</c:v>
                </c:pt>
                <c:pt idx="2000">
                  <c:v>3.108958299999947</c:v>
                </c:pt>
                <c:pt idx="2001">
                  <c:v>3.1150558999999465</c:v>
                </c:pt>
                <c:pt idx="2002">
                  <c:v>3.1536754999999461</c:v>
                </c:pt>
                <c:pt idx="2003">
                  <c:v>3.1646649999999461</c:v>
                </c:pt>
                <c:pt idx="2004">
                  <c:v>3.1908645999999452</c:v>
                </c:pt>
                <c:pt idx="2005">
                  <c:v>3.1628489999999445</c:v>
                </c:pt>
                <c:pt idx="2006">
                  <c:v>3.1649605999999446</c:v>
                </c:pt>
                <c:pt idx="2007">
                  <c:v>3.1545876999999454</c:v>
                </c:pt>
                <c:pt idx="2008">
                  <c:v>3.1754125999999445</c:v>
                </c:pt>
                <c:pt idx="2009">
                  <c:v>3.1955079999999443</c:v>
                </c:pt>
                <c:pt idx="2010">
                  <c:v>3.2067723999999433</c:v>
                </c:pt>
                <c:pt idx="2011">
                  <c:v>3.1871621999999435</c:v>
                </c:pt>
                <c:pt idx="2012">
                  <c:v>3.1753812999999429</c:v>
                </c:pt>
                <c:pt idx="2013">
                  <c:v>3.2190150999999432</c:v>
                </c:pt>
                <c:pt idx="2014">
                  <c:v>3.2774006999999425</c:v>
                </c:pt>
                <c:pt idx="2015">
                  <c:v>3.2543507999999424</c:v>
                </c:pt>
                <c:pt idx="2016">
                  <c:v>3.2595795999999426</c:v>
                </c:pt>
                <c:pt idx="2017">
                  <c:v>3.2768130999999423</c:v>
                </c:pt>
                <c:pt idx="2018">
                  <c:v>3.2913339999999423</c:v>
                </c:pt>
                <c:pt idx="2019">
                  <c:v>3.3055674999999427</c:v>
                </c:pt>
                <c:pt idx="2020">
                  <c:v>3.332158299999942</c:v>
                </c:pt>
                <c:pt idx="2021">
                  <c:v>3.3224163999999421</c:v>
                </c:pt>
                <c:pt idx="2022">
                  <c:v>3.2840655999999422</c:v>
                </c:pt>
                <c:pt idx="2023">
                  <c:v>3.2899976999999421</c:v>
                </c:pt>
                <c:pt idx="2024">
                  <c:v>3.2489054999999425</c:v>
                </c:pt>
                <c:pt idx="2025">
                  <c:v>3.2241374999999426</c:v>
                </c:pt>
                <c:pt idx="2026">
                  <c:v>3.2084011999999422</c:v>
                </c:pt>
                <c:pt idx="2027">
                  <c:v>3.2015150999999422</c:v>
                </c:pt>
                <c:pt idx="2028">
                  <c:v>3.2136311999999423</c:v>
                </c:pt>
                <c:pt idx="2029">
                  <c:v>3.2352965999999421</c:v>
                </c:pt>
                <c:pt idx="2030">
                  <c:v>3.2481854999999422</c:v>
                </c:pt>
                <c:pt idx="2031">
                  <c:v>3.3138914999999418</c:v>
                </c:pt>
                <c:pt idx="2032">
                  <c:v>3.3166881999999411</c:v>
                </c:pt>
                <c:pt idx="2033">
                  <c:v>3.3337802999999413</c:v>
                </c:pt>
                <c:pt idx="2034">
                  <c:v>3.3034867999999413</c:v>
                </c:pt>
                <c:pt idx="2035">
                  <c:v>3.2708832999999418</c:v>
                </c:pt>
                <c:pt idx="2036">
                  <c:v>3.2324377999999419</c:v>
                </c:pt>
                <c:pt idx="2037">
                  <c:v>3.1992076999999428</c:v>
                </c:pt>
                <c:pt idx="2038">
                  <c:v>3.2204026999999424</c:v>
                </c:pt>
                <c:pt idx="2039">
                  <c:v>3.1779762999999432</c:v>
                </c:pt>
                <c:pt idx="2040">
                  <c:v>3.1772766999999433</c:v>
                </c:pt>
                <c:pt idx="2041">
                  <c:v>3.2249079999999424</c:v>
                </c:pt>
                <c:pt idx="2042">
                  <c:v>3.2246685999999425</c:v>
                </c:pt>
                <c:pt idx="2043">
                  <c:v>3.2095391999999423</c:v>
                </c:pt>
                <c:pt idx="2044">
                  <c:v>3.2126391999999422</c:v>
                </c:pt>
                <c:pt idx="2045">
                  <c:v>3.2572005999999414</c:v>
                </c:pt>
                <c:pt idx="2046">
                  <c:v>3.2229331999999422</c:v>
                </c:pt>
                <c:pt idx="2047">
                  <c:v>3.2054065999999422</c:v>
                </c:pt>
                <c:pt idx="2048">
                  <c:v>3.2178312999999417</c:v>
                </c:pt>
                <c:pt idx="2049">
                  <c:v>3.2668889999999404</c:v>
                </c:pt>
                <c:pt idx="2050">
                  <c:v>3.2548437999999402</c:v>
                </c:pt>
                <c:pt idx="2051">
                  <c:v>3.2599987999999405</c:v>
                </c:pt>
                <c:pt idx="2052">
                  <c:v>3.2684215999999404</c:v>
                </c:pt>
                <c:pt idx="2053">
                  <c:v>3.2780990999999409</c:v>
                </c:pt>
                <c:pt idx="2054">
                  <c:v>3.3064923999999394</c:v>
                </c:pt>
                <c:pt idx="2055">
                  <c:v>3.3175437999999398</c:v>
                </c:pt>
                <c:pt idx="2056">
                  <c:v>3.3219764999999395</c:v>
                </c:pt>
                <c:pt idx="2057">
                  <c:v>3.3145941999999398</c:v>
                </c:pt>
                <c:pt idx="2058">
                  <c:v>3.3108540999999398</c:v>
                </c:pt>
                <c:pt idx="2059">
                  <c:v>3.2930658999999407</c:v>
                </c:pt>
                <c:pt idx="2060">
                  <c:v>3.3059112999999396</c:v>
                </c:pt>
                <c:pt idx="2061">
                  <c:v>3.341874499999939</c:v>
                </c:pt>
                <c:pt idx="2062">
                  <c:v>3.3758749999999376</c:v>
                </c:pt>
                <c:pt idx="2063">
                  <c:v>3.3695456999999376</c:v>
                </c:pt>
                <c:pt idx="2064">
                  <c:v>3.3860318999999368</c:v>
                </c:pt>
                <c:pt idx="2065">
                  <c:v>3.380800099999937</c:v>
                </c:pt>
                <c:pt idx="2066">
                  <c:v>3.3805518999999373</c:v>
                </c:pt>
                <c:pt idx="2067">
                  <c:v>3.3823890999999371</c:v>
                </c:pt>
                <c:pt idx="2068">
                  <c:v>3.3894628999999368</c:v>
                </c:pt>
                <c:pt idx="2069">
                  <c:v>3.4241307999999373</c:v>
                </c:pt>
                <c:pt idx="2070">
                  <c:v>3.423882699999937</c:v>
                </c:pt>
                <c:pt idx="2071">
                  <c:v>3.4797586999999357</c:v>
                </c:pt>
                <c:pt idx="2072">
                  <c:v>3.4841613999999357</c:v>
                </c:pt>
                <c:pt idx="2073">
                  <c:v>3.4506712999999358</c:v>
                </c:pt>
                <c:pt idx="2074">
                  <c:v>3.4180690999999364</c:v>
                </c:pt>
                <c:pt idx="2075">
                  <c:v>3.3724588999999368</c:v>
                </c:pt>
                <c:pt idx="2076">
                  <c:v>3.3984109999999372</c:v>
                </c:pt>
                <c:pt idx="2077">
                  <c:v>3.3870641999999371</c:v>
                </c:pt>
                <c:pt idx="2078">
                  <c:v>3.3717135999999366</c:v>
                </c:pt>
                <c:pt idx="2079">
                  <c:v>3.3840485999999359</c:v>
                </c:pt>
                <c:pt idx="2080">
                  <c:v>3.3393372999999373</c:v>
                </c:pt>
                <c:pt idx="2081">
                  <c:v>3.3352717999999371</c:v>
                </c:pt>
                <c:pt idx="2082">
                  <c:v>3.3648698999999365</c:v>
                </c:pt>
                <c:pt idx="2083">
                  <c:v>3.3539462999999357</c:v>
                </c:pt>
                <c:pt idx="2084">
                  <c:v>3.3862539999999361</c:v>
                </c:pt>
                <c:pt idx="2085">
                  <c:v>3.3616344999999361</c:v>
                </c:pt>
                <c:pt idx="2086">
                  <c:v>3.3719009999999363</c:v>
                </c:pt>
                <c:pt idx="2087">
                  <c:v>3.3383627999999366</c:v>
                </c:pt>
                <c:pt idx="2088">
                  <c:v>3.3381260999999371</c:v>
                </c:pt>
                <c:pt idx="2089">
                  <c:v>3.2992562999999375</c:v>
                </c:pt>
                <c:pt idx="2090">
                  <c:v>3.3177710999999377</c:v>
                </c:pt>
                <c:pt idx="2091">
                  <c:v>3.2958819999999376</c:v>
                </c:pt>
                <c:pt idx="2092">
                  <c:v>3.3649347999999373</c:v>
                </c:pt>
                <c:pt idx="2093">
                  <c:v>3.403844499999936</c:v>
                </c:pt>
                <c:pt idx="2094">
                  <c:v>3.3798965999999364</c:v>
                </c:pt>
                <c:pt idx="2095">
                  <c:v>3.4019554999999357</c:v>
                </c:pt>
                <c:pt idx="2096">
                  <c:v>3.3919419999999363</c:v>
                </c:pt>
                <c:pt idx="2097">
                  <c:v>3.3578592999999373</c:v>
                </c:pt>
                <c:pt idx="2098">
                  <c:v>3.3584805999999379</c:v>
                </c:pt>
                <c:pt idx="2099">
                  <c:v>3.3639290999999378</c:v>
                </c:pt>
                <c:pt idx="2100">
                  <c:v>3.3696486999999378</c:v>
                </c:pt>
                <c:pt idx="2101">
                  <c:v>3.3511627999999378</c:v>
                </c:pt>
                <c:pt idx="2102">
                  <c:v>3.3161742999999388</c:v>
                </c:pt>
                <c:pt idx="2103">
                  <c:v>3.2918831999999387</c:v>
                </c:pt>
                <c:pt idx="2104">
                  <c:v>3.2565490999999396</c:v>
                </c:pt>
                <c:pt idx="2105">
                  <c:v>3.2408165999999392</c:v>
                </c:pt>
                <c:pt idx="2106">
                  <c:v>3.278313499999939</c:v>
                </c:pt>
                <c:pt idx="2107">
                  <c:v>3.293741499999939</c:v>
                </c:pt>
                <c:pt idx="2108">
                  <c:v>3.3244713999999389</c:v>
                </c:pt>
                <c:pt idx="2109">
                  <c:v>3.3427719999999379</c:v>
                </c:pt>
                <c:pt idx="2110">
                  <c:v>3.3652476999999381</c:v>
                </c:pt>
                <c:pt idx="2111">
                  <c:v>3.3330207999999386</c:v>
                </c:pt>
                <c:pt idx="2112">
                  <c:v>3.3324445999999384</c:v>
                </c:pt>
                <c:pt idx="2113">
                  <c:v>3.3071799999999385</c:v>
                </c:pt>
                <c:pt idx="2114">
                  <c:v>3.356725099999939</c:v>
                </c:pt>
                <c:pt idx="2115">
                  <c:v>3.3119926999999398</c:v>
                </c:pt>
                <c:pt idx="2116">
                  <c:v>3.3142989999999397</c:v>
                </c:pt>
                <c:pt idx="2117">
                  <c:v>3.3255266999999398</c:v>
                </c:pt>
                <c:pt idx="2118">
                  <c:v>3.3124660999999396</c:v>
                </c:pt>
                <c:pt idx="2119">
                  <c:v>3.2991466999999393</c:v>
                </c:pt>
                <c:pt idx="2120">
                  <c:v>3.2855447999999399</c:v>
                </c:pt>
                <c:pt idx="2121">
                  <c:v>3.2399587999999406</c:v>
                </c:pt>
                <c:pt idx="2122">
                  <c:v>3.2360603999999409</c:v>
                </c:pt>
                <c:pt idx="2123">
                  <c:v>3.2256272999999407</c:v>
                </c:pt>
                <c:pt idx="2124">
                  <c:v>3.2173078999999403</c:v>
                </c:pt>
                <c:pt idx="2125">
                  <c:v>3.2011157999999407</c:v>
                </c:pt>
                <c:pt idx="2126">
                  <c:v>3.1689210999999409</c:v>
                </c:pt>
                <c:pt idx="2127">
                  <c:v>3.1603414999999409</c:v>
                </c:pt>
                <c:pt idx="2128">
                  <c:v>3.1971649999999405</c:v>
                </c:pt>
                <c:pt idx="2129">
                  <c:v>3.2511990999999396</c:v>
                </c:pt>
                <c:pt idx="2130">
                  <c:v>3.2675668999999399</c:v>
                </c:pt>
                <c:pt idx="2131">
                  <c:v>3.2362843999999402</c:v>
                </c:pt>
                <c:pt idx="2132">
                  <c:v>3.1927285999999411</c:v>
                </c:pt>
                <c:pt idx="2133">
                  <c:v>3.2254442999999409</c:v>
                </c:pt>
                <c:pt idx="2134">
                  <c:v>3.1783073999999409</c:v>
                </c:pt>
                <c:pt idx="2135">
                  <c:v>3.193494099999941</c:v>
                </c:pt>
                <c:pt idx="2136">
                  <c:v>3.2093060999999405</c:v>
                </c:pt>
                <c:pt idx="2137">
                  <c:v>3.2339857999999406</c:v>
                </c:pt>
                <c:pt idx="2138">
                  <c:v>3.2722329999999396</c:v>
                </c:pt>
                <c:pt idx="2139">
                  <c:v>3.2326748999999406</c:v>
                </c:pt>
                <c:pt idx="2140">
                  <c:v>3.2072213999999404</c:v>
                </c:pt>
                <c:pt idx="2141">
                  <c:v>3.0925769999999426</c:v>
                </c:pt>
                <c:pt idx="2142">
                  <c:v>3.1578372999999411</c:v>
                </c:pt>
                <c:pt idx="2143">
                  <c:v>3.0992214999999419</c:v>
                </c:pt>
                <c:pt idx="2144">
                  <c:v>3.1279869999999423</c:v>
                </c:pt>
                <c:pt idx="2145">
                  <c:v>3.1728388999999426</c:v>
                </c:pt>
                <c:pt idx="2146">
                  <c:v>3.1858891999999424</c:v>
                </c:pt>
                <c:pt idx="2147">
                  <c:v>3.2315836999999412</c:v>
                </c:pt>
                <c:pt idx="2148">
                  <c:v>3.2313009999999416</c:v>
                </c:pt>
                <c:pt idx="2149">
                  <c:v>3.2204712999999412</c:v>
                </c:pt>
                <c:pt idx="2150">
                  <c:v>3.1639157999999421</c:v>
                </c:pt>
                <c:pt idx="2151">
                  <c:v>3.1781914999999419</c:v>
                </c:pt>
                <c:pt idx="2152">
                  <c:v>3.2674792999999411</c:v>
                </c:pt>
                <c:pt idx="2153">
                  <c:v>3.2420418999999416</c:v>
                </c:pt>
                <c:pt idx="2154">
                  <c:v>3.2676238999999407</c:v>
                </c:pt>
                <c:pt idx="2155">
                  <c:v>3.2630466999999408</c:v>
                </c:pt>
                <c:pt idx="2156">
                  <c:v>3.3045228999999408</c:v>
                </c:pt>
                <c:pt idx="2157">
                  <c:v>3.2875161999999403</c:v>
                </c:pt>
                <c:pt idx="2158">
                  <c:v>3.2870221999999405</c:v>
                </c:pt>
                <c:pt idx="2159">
                  <c:v>3.2779738999999406</c:v>
                </c:pt>
                <c:pt idx="2160">
                  <c:v>3.2417186999999412</c:v>
                </c:pt>
                <c:pt idx="2161">
                  <c:v>3.2610993999999405</c:v>
                </c:pt>
                <c:pt idx="2162">
                  <c:v>3.2662939999999399</c:v>
                </c:pt>
                <c:pt idx="2163">
                  <c:v>3.26876729999994</c:v>
                </c:pt>
                <c:pt idx="2164">
                  <c:v>3.3053728999999388</c:v>
                </c:pt>
                <c:pt idx="2165">
                  <c:v>3.3209031999999388</c:v>
                </c:pt>
                <c:pt idx="2166">
                  <c:v>3.3510094999999387</c:v>
                </c:pt>
                <c:pt idx="2167">
                  <c:v>3.3818171999999391</c:v>
                </c:pt>
                <c:pt idx="2168">
                  <c:v>3.360920699999939</c:v>
                </c:pt>
                <c:pt idx="2169">
                  <c:v>3.3683971999999391</c:v>
                </c:pt>
                <c:pt idx="2170">
                  <c:v>3.3725103999999391</c:v>
                </c:pt>
                <c:pt idx="2171">
                  <c:v>3.3692217999999388</c:v>
                </c:pt>
                <c:pt idx="2172">
                  <c:v>3.3094982999999392</c:v>
                </c:pt>
                <c:pt idx="2173">
                  <c:v>3.2372019999999404</c:v>
                </c:pt>
                <c:pt idx="2174">
                  <c:v>3.2067045999999415</c:v>
                </c:pt>
                <c:pt idx="2175">
                  <c:v>3.2021532999999414</c:v>
                </c:pt>
                <c:pt idx="2176">
                  <c:v>3.1552797999999411</c:v>
                </c:pt>
                <c:pt idx="2177">
                  <c:v>3.1422461999999411</c:v>
                </c:pt>
                <c:pt idx="2178">
                  <c:v>3.1051338999999425</c:v>
                </c:pt>
                <c:pt idx="2179">
                  <c:v>3.0761814999999419</c:v>
                </c:pt>
                <c:pt idx="2180">
                  <c:v>2.9930017999999432</c:v>
                </c:pt>
                <c:pt idx="2181">
                  <c:v>2.9582894999999434</c:v>
                </c:pt>
                <c:pt idx="2182">
                  <c:v>2.9842869999999433</c:v>
                </c:pt>
                <c:pt idx="2183">
                  <c:v>2.9434420999999436</c:v>
                </c:pt>
                <c:pt idx="2184">
                  <c:v>2.955254099999943</c:v>
                </c:pt>
                <c:pt idx="2185">
                  <c:v>2.9628118999999429</c:v>
                </c:pt>
                <c:pt idx="2186">
                  <c:v>2.8903375999999437</c:v>
                </c:pt>
                <c:pt idx="2187">
                  <c:v>2.8407715999999446</c:v>
                </c:pt>
                <c:pt idx="2188">
                  <c:v>2.7874785999999454</c:v>
                </c:pt>
                <c:pt idx="2189">
                  <c:v>2.7269037999999464</c:v>
                </c:pt>
                <c:pt idx="2190">
                  <c:v>2.7887844999999456</c:v>
                </c:pt>
                <c:pt idx="2191">
                  <c:v>2.8438126999999445</c:v>
                </c:pt>
                <c:pt idx="2192">
                  <c:v>2.9005839999999439</c:v>
                </c:pt>
                <c:pt idx="2193">
                  <c:v>2.8998321999999441</c:v>
                </c:pt>
                <c:pt idx="2194">
                  <c:v>2.9066899999999443</c:v>
                </c:pt>
                <c:pt idx="2195">
                  <c:v>2.7740610999999462</c:v>
                </c:pt>
                <c:pt idx="2196">
                  <c:v>2.7614839999999465</c:v>
                </c:pt>
                <c:pt idx="2197">
                  <c:v>2.7928974999999459</c:v>
                </c:pt>
                <c:pt idx="2198">
                  <c:v>2.778474199999946</c:v>
                </c:pt>
                <c:pt idx="2199">
                  <c:v>2.7823678999999459</c:v>
                </c:pt>
                <c:pt idx="2200">
                  <c:v>2.7821527999999458</c:v>
                </c:pt>
                <c:pt idx="2201">
                  <c:v>2.8064107999999459</c:v>
                </c:pt>
                <c:pt idx="2202">
                  <c:v>2.8930838999999451</c:v>
                </c:pt>
                <c:pt idx="2203">
                  <c:v>2.8454876999999459</c:v>
                </c:pt>
                <c:pt idx="2204">
                  <c:v>2.902039899999945</c:v>
                </c:pt>
                <c:pt idx="2205">
                  <c:v>2.9022581999999444</c:v>
                </c:pt>
                <c:pt idx="2206">
                  <c:v>2.9248971999999447</c:v>
                </c:pt>
                <c:pt idx="2207">
                  <c:v>2.9406184999999438</c:v>
                </c:pt>
                <c:pt idx="2208">
                  <c:v>2.9138683999999446</c:v>
                </c:pt>
                <c:pt idx="2209">
                  <c:v>2.9698416999999435</c:v>
                </c:pt>
                <c:pt idx="2210">
                  <c:v>2.971623899999944</c:v>
                </c:pt>
                <c:pt idx="2211">
                  <c:v>2.9562586999999438</c:v>
                </c:pt>
                <c:pt idx="2212">
                  <c:v>2.977996899999944</c:v>
                </c:pt>
                <c:pt idx="2213">
                  <c:v>3.000613099999943</c:v>
                </c:pt>
                <c:pt idx="2214">
                  <c:v>2.9940361999999432</c:v>
                </c:pt>
                <c:pt idx="2215">
                  <c:v>2.9776628999999435</c:v>
                </c:pt>
                <c:pt idx="2216">
                  <c:v>2.9686876999999439</c:v>
                </c:pt>
                <c:pt idx="2217">
                  <c:v>3.0002271999999435</c:v>
                </c:pt>
                <c:pt idx="2218">
                  <c:v>2.9851995999999437</c:v>
                </c:pt>
                <c:pt idx="2219">
                  <c:v>2.9869986999999436</c:v>
                </c:pt>
                <c:pt idx="2220">
                  <c:v>2.936567099999944</c:v>
                </c:pt>
                <c:pt idx="2221">
                  <c:v>2.9224015999999442</c:v>
                </c:pt>
                <c:pt idx="2222">
                  <c:v>2.9873488999999434</c:v>
                </c:pt>
                <c:pt idx="2223">
                  <c:v>3.0138844999999428</c:v>
                </c:pt>
                <c:pt idx="2224">
                  <c:v>3.0064978999999434</c:v>
                </c:pt>
                <c:pt idx="2225">
                  <c:v>3.0174711999999433</c:v>
                </c:pt>
                <c:pt idx="2226">
                  <c:v>2.9873426999999437</c:v>
                </c:pt>
                <c:pt idx="2227">
                  <c:v>2.954947999999944</c:v>
                </c:pt>
                <c:pt idx="2228">
                  <c:v>2.971525399999944</c:v>
                </c:pt>
                <c:pt idx="2229">
                  <c:v>2.9548318999999439</c:v>
                </c:pt>
                <c:pt idx="2230">
                  <c:v>2.9097527999999451</c:v>
                </c:pt>
                <c:pt idx="2231">
                  <c:v>2.8845131999999456</c:v>
                </c:pt>
                <c:pt idx="2232">
                  <c:v>2.8998804999999455</c:v>
                </c:pt>
                <c:pt idx="2233">
                  <c:v>2.9578731999999439</c:v>
                </c:pt>
                <c:pt idx="2234">
                  <c:v>2.9274878999999445</c:v>
                </c:pt>
                <c:pt idx="2235">
                  <c:v>2.8786273999999454</c:v>
                </c:pt>
                <c:pt idx="2236">
                  <c:v>2.8703090999999459</c:v>
                </c:pt>
                <c:pt idx="2237">
                  <c:v>2.9123551999999453</c:v>
                </c:pt>
                <c:pt idx="2238">
                  <c:v>2.9698639999999448</c:v>
                </c:pt>
                <c:pt idx="2239">
                  <c:v>3.0220573999999436</c:v>
                </c:pt>
                <c:pt idx="2240">
                  <c:v>2.9729429999999448</c:v>
                </c:pt>
                <c:pt idx="2241">
                  <c:v>3.0029501999999439</c:v>
                </c:pt>
                <c:pt idx="2242">
                  <c:v>3.0294523999999443</c:v>
                </c:pt>
                <c:pt idx="2243">
                  <c:v>3.0605446999999435</c:v>
                </c:pt>
                <c:pt idx="2244">
                  <c:v>3.131249999999941</c:v>
                </c:pt>
                <c:pt idx="2245">
                  <c:v>3.1490676999999412</c:v>
                </c:pt>
                <c:pt idx="2246">
                  <c:v>3.1146668999999418</c:v>
                </c:pt>
                <c:pt idx="2247">
                  <c:v>3.1168847999999425</c:v>
                </c:pt>
                <c:pt idx="2248">
                  <c:v>3.1433749999999421</c:v>
                </c:pt>
                <c:pt idx="2249">
                  <c:v>3.1531214999999424</c:v>
                </c:pt>
                <c:pt idx="2250">
                  <c:v>3.1492216999999423</c:v>
                </c:pt>
                <c:pt idx="2251">
                  <c:v>3.2211338999999413</c:v>
                </c:pt>
                <c:pt idx="2252">
                  <c:v>3.1820379999999426</c:v>
                </c:pt>
                <c:pt idx="2253">
                  <c:v>3.1300706999999433</c:v>
                </c:pt>
                <c:pt idx="2254">
                  <c:v>3.1663175999999424</c:v>
                </c:pt>
                <c:pt idx="2255">
                  <c:v>3.2090416999999416</c:v>
                </c:pt>
                <c:pt idx="2256">
                  <c:v>3.2008819999999414</c:v>
                </c:pt>
                <c:pt idx="2257">
                  <c:v>3.177605899999941</c:v>
                </c:pt>
                <c:pt idx="2258">
                  <c:v>3.1689668999999414</c:v>
                </c:pt>
                <c:pt idx="2259">
                  <c:v>3.1214299999999424</c:v>
                </c:pt>
                <c:pt idx="2260">
                  <c:v>3.1548229999999418</c:v>
                </c:pt>
                <c:pt idx="2261">
                  <c:v>3.138799599999941</c:v>
                </c:pt>
                <c:pt idx="2262">
                  <c:v>3.0861884999999418</c:v>
                </c:pt>
                <c:pt idx="2263">
                  <c:v>3.113330099999942</c:v>
                </c:pt>
                <c:pt idx="2264">
                  <c:v>3.132179899999942</c:v>
                </c:pt>
                <c:pt idx="2265">
                  <c:v>3.1478759999999424</c:v>
                </c:pt>
                <c:pt idx="2266">
                  <c:v>3.2112171999999415</c:v>
                </c:pt>
                <c:pt idx="2267">
                  <c:v>3.2394211999999412</c:v>
                </c:pt>
                <c:pt idx="2268">
                  <c:v>3.2743765999999406</c:v>
                </c:pt>
                <c:pt idx="2269">
                  <c:v>3.3083221999999397</c:v>
                </c:pt>
                <c:pt idx="2270">
                  <c:v>3.29303049999994</c:v>
                </c:pt>
                <c:pt idx="2271">
                  <c:v>3.2793155999999399</c:v>
                </c:pt>
                <c:pt idx="2272">
                  <c:v>3.2524791999999394</c:v>
                </c:pt>
                <c:pt idx="2273">
                  <c:v>3.2678334999999397</c:v>
                </c:pt>
                <c:pt idx="2274">
                  <c:v>3.29585909999994</c:v>
                </c:pt>
                <c:pt idx="2275">
                  <c:v>3.3152689999999394</c:v>
                </c:pt>
                <c:pt idx="2276">
                  <c:v>3.2597171999999404</c:v>
                </c:pt>
                <c:pt idx="2277">
                  <c:v>3.2404487999999407</c:v>
                </c:pt>
                <c:pt idx="2278">
                  <c:v>3.2405075999999404</c:v>
                </c:pt>
                <c:pt idx="2279">
                  <c:v>3.2565985999999407</c:v>
                </c:pt>
                <c:pt idx="2280">
                  <c:v>3.2412918999999407</c:v>
                </c:pt>
                <c:pt idx="2281">
                  <c:v>3.2497361999999397</c:v>
                </c:pt>
                <c:pt idx="2282">
                  <c:v>3.2922273999999385</c:v>
                </c:pt>
                <c:pt idx="2283">
                  <c:v>3.2766456999999392</c:v>
                </c:pt>
                <c:pt idx="2284">
                  <c:v>3.2935079999999388</c:v>
                </c:pt>
                <c:pt idx="2285">
                  <c:v>3.2652586999999391</c:v>
                </c:pt>
                <c:pt idx="2286">
                  <c:v>3.2151760999999395</c:v>
                </c:pt>
                <c:pt idx="2287">
                  <c:v>3.2097369999999392</c:v>
                </c:pt>
                <c:pt idx="2288">
                  <c:v>3.1926199999999403</c:v>
                </c:pt>
                <c:pt idx="2289">
                  <c:v>3.2155424999999394</c:v>
                </c:pt>
                <c:pt idx="2290">
                  <c:v>3.1657972999999409</c:v>
                </c:pt>
                <c:pt idx="2291">
                  <c:v>3.1917904999999402</c:v>
                </c:pt>
                <c:pt idx="2292">
                  <c:v>3.2766976999999393</c:v>
                </c:pt>
                <c:pt idx="2293">
                  <c:v>3.3005633999999384</c:v>
                </c:pt>
                <c:pt idx="2294">
                  <c:v>3.2331641999999396</c:v>
                </c:pt>
                <c:pt idx="2295">
                  <c:v>3.23291949999994</c:v>
                </c:pt>
                <c:pt idx="2296">
                  <c:v>3.2453231999999392</c:v>
                </c:pt>
                <c:pt idx="2297">
                  <c:v>3.2746562999999398</c:v>
                </c:pt>
                <c:pt idx="2298">
                  <c:v>3.2371081999999403</c:v>
                </c:pt>
                <c:pt idx="2299">
                  <c:v>3.2664054999999399</c:v>
                </c:pt>
                <c:pt idx="2300">
                  <c:v>3.2732208999999397</c:v>
                </c:pt>
                <c:pt idx="2301">
                  <c:v>3.2867137999999398</c:v>
                </c:pt>
                <c:pt idx="2302">
                  <c:v>3.3196070999999385</c:v>
                </c:pt>
                <c:pt idx="2303">
                  <c:v>3.2769206999999394</c:v>
                </c:pt>
                <c:pt idx="2304">
                  <c:v>3.2077236999999403</c:v>
                </c:pt>
                <c:pt idx="2305">
                  <c:v>3.1873614999999402</c:v>
                </c:pt>
                <c:pt idx="2306">
                  <c:v>3.2303046999999392</c:v>
                </c:pt>
                <c:pt idx="2307">
                  <c:v>3.2313600999999395</c:v>
                </c:pt>
                <c:pt idx="2308">
                  <c:v>3.2243424999999393</c:v>
                </c:pt>
                <c:pt idx="2309">
                  <c:v>3.2269866999999399</c:v>
                </c:pt>
                <c:pt idx="2310">
                  <c:v>3.1802406999999402</c:v>
                </c:pt>
                <c:pt idx="2311">
                  <c:v>3.1523555999999404</c:v>
                </c:pt>
                <c:pt idx="2312">
                  <c:v>3.1465329999999403</c:v>
                </c:pt>
                <c:pt idx="2313">
                  <c:v>3.1554781999999406</c:v>
                </c:pt>
                <c:pt idx="2314">
                  <c:v>3.1423542999999405</c:v>
                </c:pt>
                <c:pt idx="2315">
                  <c:v>3.1615639999999399</c:v>
                </c:pt>
                <c:pt idx="2316">
                  <c:v>3.2019854999999389</c:v>
                </c:pt>
                <c:pt idx="2317">
                  <c:v>3.201719499999939</c:v>
                </c:pt>
                <c:pt idx="2318">
                  <c:v>3.2074288999999387</c:v>
                </c:pt>
                <c:pt idx="2319">
                  <c:v>3.2071898999999391</c:v>
                </c:pt>
                <c:pt idx="2320">
                  <c:v>3.1878277999999387</c:v>
                </c:pt>
                <c:pt idx="2321">
                  <c:v>3.2018301999999386</c:v>
                </c:pt>
                <c:pt idx="2322">
                  <c:v>3.2411006999999383</c:v>
                </c:pt>
                <c:pt idx="2323">
                  <c:v>3.2408575999999387</c:v>
                </c:pt>
                <c:pt idx="2324">
                  <c:v>3.1688204999999394</c:v>
                </c:pt>
                <c:pt idx="2325">
                  <c:v>3.1721500999999392</c:v>
                </c:pt>
                <c:pt idx="2326">
                  <c:v>3.1406102999999401</c:v>
                </c:pt>
                <c:pt idx="2327">
                  <c:v>3.1213511999999408</c:v>
                </c:pt>
                <c:pt idx="2328">
                  <c:v>3.1137667999999401</c:v>
                </c:pt>
                <c:pt idx="2329">
                  <c:v>3.0365532999999409</c:v>
                </c:pt>
                <c:pt idx="2330">
                  <c:v>3.0781930999999405</c:v>
                </c:pt>
                <c:pt idx="2331">
                  <c:v>3.0580520999999408</c:v>
                </c:pt>
                <c:pt idx="2332">
                  <c:v>3.0682597999999404</c:v>
                </c:pt>
                <c:pt idx="2333">
                  <c:v>3.0838782999999408</c:v>
                </c:pt>
                <c:pt idx="2334">
                  <c:v>3.0540452999999417</c:v>
                </c:pt>
                <c:pt idx="2335">
                  <c:v>2.9976182999999419</c:v>
                </c:pt>
                <c:pt idx="2336">
                  <c:v>2.9760893999999425</c:v>
                </c:pt>
                <c:pt idx="2337">
                  <c:v>2.9404788999999427</c:v>
                </c:pt>
                <c:pt idx="2338">
                  <c:v>2.9754241999999422</c:v>
                </c:pt>
                <c:pt idx="2339">
                  <c:v>2.9401942999999426</c:v>
                </c:pt>
                <c:pt idx="2340">
                  <c:v>2.8997564999999437</c:v>
                </c:pt>
                <c:pt idx="2341">
                  <c:v>2.8902072999999437</c:v>
                </c:pt>
                <c:pt idx="2342">
                  <c:v>2.9042168999999438</c:v>
                </c:pt>
                <c:pt idx="2343">
                  <c:v>2.8973454999999437</c:v>
                </c:pt>
                <c:pt idx="2344">
                  <c:v>2.8538150999999443</c:v>
                </c:pt>
                <c:pt idx="2345">
                  <c:v>2.8606259999999448</c:v>
                </c:pt>
                <c:pt idx="2346">
                  <c:v>2.7670383999999464</c:v>
                </c:pt>
                <c:pt idx="2347">
                  <c:v>2.7967613999999457</c:v>
                </c:pt>
                <c:pt idx="2348">
                  <c:v>2.777872099999946</c:v>
                </c:pt>
                <c:pt idx="2349">
                  <c:v>2.8542477999999445</c:v>
                </c:pt>
                <c:pt idx="2350">
                  <c:v>2.8935510999999434</c:v>
                </c:pt>
                <c:pt idx="2351">
                  <c:v>2.8517233999999441</c:v>
                </c:pt>
                <c:pt idx="2352">
                  <c:v>2.9044264999999432</c:v>
                </c:pt>
                <c:pt idx="2353">
                  <c:v>2.8756379999999431</c:v>
                </c:pt>
                <c:pt idx="2354">
                  <c:v>2.8499543999999437</c:v>
                </c:pt>
                <c:pt idx="2355">
                  <c:v>2.8797657999999431</c:v>
                </c:pt>
                <c:pt idx="2356">
                  <c:v>2.8423522999999435</c:v>
                </c:pt>
                <c:pt idx="2357">
                  <c:v>2.7546163999999451</c:v>
                </c:pt>
                <c:pt idx="2358">
                  <c:v>2.7596753999999444</c:v>
                </c:pt>
                <c:pt idx="2359">
                  <c:v>2.7784707999999441</c:v>
                </c:pt>
                <c:pt idx="2360">
                  <c:v>2.8084074999999435</c:v>
                </c:pt>
                <c:pt idx="2361">
                  <c:v>2.8117764999999437</c:v>
                </c:pt>
                <c:pt idx="2362">
                  <c:v>2.7912747999999437</c:v>
                </c:pt>
                <c:pt idx="2363">
                  <c:v>2.8083390999999436</c:v>
                </c:pt>
                <c:pt idx="2364">
                  <c:v>2.8334027999999436</c:v>
                </c:pt>
                <c:pt idx="2365">
                  <c:v>2.8082436999999438</c:v>
                </c:pt>
                <c:pt idx="2366">
                  <c:v>2.7852819999999445</c:v>
                </c:pt>
                <c:pt idx="2367">
                  <c:v>2.8092752999999444</c:v>
                </c:pt>
                <c:pt idx="2368">
                  <c:v>2.7658590999999455</c:v>
                </c:pt>
                <c:pt idx="2369">
                  <c:v>2.7122792999999463</c:v>
                </c:pt>
                <c:pt idx="2370">
                  <c:v>2.7445600999999464</c:v>
                </c:pt>
                <c:pt idx="2371">
                  <c:v>2.7424986999999468</c:v>
                </c:pt>
                <c:pt idx="2372">
                  <c:v>2.7367065999999469</c:v>
                </c:pt>
                <c:pt idx="2373">
                  <c:v>2.6879240999999472</c:v>
                </c:pt>
                <c:pt idx="2374">
                  <c:v>2.6970241999999471</c:v>
                </c:pt>
                <c:pt idx="2375">
                  <c:v>2.7803246999999462</c:v>
                </c:pt>
                <c:pt idx="2376">
                  <c:v>2.8010886999999465</c:v>
                </c:pt>
                <c:pt idx="2377">
                  <c:v>2.842424899999946</c:v>
                </c:pt>
                <c:pt idx="2378">
                  <c:v>2.8418925999999458</c:v>
                </c:pt>
                <c:pt idx="2379">
                  <c:v>2.8541568999999458</c:v>
                </c:pt>
                <c:pt idx="2380">
                  <c:v>2.8484103999999459</c:v>
                </c:pt>
                <c:pt idx="2381">
                  <c:v>2.8149353999999462</c:v>
                </c:pt>
                <c:pt idx="2382">
                  <c:v>2.8913420999999455</c:v>
                </c:pt>
                <c:pt idx="2383">
                  <c:v>2.9047149999999453</c:v>
                </c:pt>
                <c:pt idx="2384">
                  <c:v>2.957830999999945</c:v>
                </c:pt>
                <c:pt idx="2385">
                  <c:v>2.9448171999999451</c:v>
                </c:pt>
                <c:pt idx="2386">
                  <c:v>3.0075310999999436</c:v>
                </c:pt>
                <c:pt idx="2387">
                  <c:v>2.9740910999999444</c:v>
                </c:pt>
                <c:pt idx="2388">
                  <c:v>2.974412599999944</c:v>
                </c:pt>
                <c:pt idx="2389">
                  <c:v>2.980851799999944</c:v>
                </c:pt>
                <c:pt idx="2390">
                  <c:v>2.9628183999999442</c:v>
                </c:pt>
                <c:pt idx="2391">
                  <c:v>2.9390637999999445</c:v>
                </c:pt>
                <c:pt idx="2392">
                  <c:v>2.9239803999999445</c:v>
                </c:pt>
                <c:pt idx="2393">
                  <c:v>2.9700784999999441</c:v>
                </c:pt>
                <c:pt idx="2394">
                  <c:v>2.9763292999999442</c:v>
                </c:pt>
                <c:pt idx="2395">
                  <c:v>2.9373234999999447</c:v>
                </c:pt>
                <c:pt idx="2396">
                  <c:v>2.9971770999999436</c:v>
                </c:pt>
                <c:pt idx="2397">
                  <c:v>3.0164425999999436</c:v>
                </c:pt>
                <c:pt idx="2398">
                  <c:v>3.0041843999999429</c:v>
                </c:pt>
                <c:pt idx="2399">
                  <c:v>2.9512654999999439</c:v>
                </c:pt>
                <c:pt idx="2400">
                  <c:v>2.9398090999999442</c:v>
                </c:pt>
                <c:pt idx="2401">
                  <c:v>2.9047619999999443</c:v>
                </c:pt>
                <c:pt idx="2402">
                  <c:v>2.895073799999945</c:v>
                </c:pt>
                <c:pt idx="2403">
                  <c:v>2.9177899999999446</c:v>
                </c:pt>
                <c:pt idx="2404">
                  <c:v>2.9392849999999444</c:v>
                </c:pt>
                <c:pt idx="2405">
                  <c:v>3.003239399999944</c:v>
                </c:pt>
                <c:pt idx="2406">
                  <c:v>3.0176367999999432</c:v>
                </c:pt>
                <c:pt idx="2407">
                  <c:v>3.0170247999999429</c:v>
                </c:pt>
                <c:pt idx="2408">
                  <c:v>3.0361106999999432</c:v>
                </c:pt>
                <c:pt idx="2409">
                  <c:v>3.0443700999999423</c:v>
                </c:pt>
                <c:pt idx="2410">
                  <c:v>3.0574044999999419</c:v>
                </c:pt>
                <c:pt idx="2411">
                  <c:v>3.1131267999999412</c:v>
                </c:pt>
                <c:pt idx="2412">
                  <c:v>3.1458242999999406</c:v>
                </c:pt>
                <c:pt idx="2413">
                  <c:v>3.1442350999999409</c:v>
                </c:pt>
                <c:pt idx="2414">
                  <c:v>3.1239867999999404</c:v>
                </c:pt>
                <c:pt idx="2415">
                  <c:v>3.1396009999999404</c:v>
                </c:pt>
                <c:pt idx="2416">
                  <c:v>3.1195010999999404</c:v>
                </c:pt>
                <c:pt idx="2417">
                  <c:v>3.0721332999999413</c:v>
                </c:pt>
                <c:pt idx="2418">
                  <c:v>3.0889747999999413</c:v>
                </c:pt>
                <c:pt idx="2419">
                  <c:v>3.1139955999999414</c:v>
                </c:pt>
                <c:pt idx="2420">
                  <c:v>3.1212288999999416</c:v>
                </c:pt>
                <c:pt idx="2421">
                  <c:v>3.1263400999999416</c:v>
                </c:pt>
                <c:pt idx="2422">
                  <c:v>3.0879308999999422</c:v>
                </c:pt>
                <c:pt idx="2423">
                  <c:v>3.1053810999999421</c:v>
                </c:pt>
                <c:pt idx="2424">
                  <c:v>3.1227647999999411</c:v>
                </c:pt>
                <c:pt idx="2425">
                  <c:v>3.1085625999999413</c:v>
                </c:pt>
                <c:pt idx="2426">
                  <c:v>3.1296482999999418</c:v>
                </c:pt>
                <c:pt idx="2427">
                  <c:v>3.1623440999999408</c:v>
                </c:pt>
                <c:pt idx="2428">
                  <c:v>3.1768931999999399</c:v>
                </c:pt>
                <c:pt idx="2429">
                  <c:v>3.1762390999999397</c:v>
                </c:pt>
                <c:pt idx="2430">
                  <c:v>3.2259877999999391</c:v>
                </c:pt>
                <c:pt idx="2431">
                  <c:v>3.2841905999999375</c:v>
                </c:pt>
                <c:pt idx="2432">
                  <c:v>3.3167605999999381</c:v>
                </c:pt>
                <c:pt idx="2433">
                  <c:v>3.3305375999999383</c:v>
                </c:pt>
                <c:pt idx="2434">
                  <c:v>3.3302906999999378</c:v>
                </c:pt>
                <c:pt idx="2435">
                  <c:v>3.325110199999938</c:v>
                </c:pt>
                <c:pt idx="2436">
                  <c:v>3.3316045999999382</c:v>
                </c:pt>
                <c:pt idx="2437">
                  <c:v>3.329881899999938</c:v>
                </c:pt>
                <c:pt idx="2438">
                  <c:v>3.3555044999999382</c:v>
                </c:pt>
                <c:pt idx="2439">
                  <c:v>3.328104499999939</c:v>
                </c:pt>
                <c:pt idx="2440">
                  <c:v>3.3035119999999383</c:v>
                </c:pt>
                <c:pt idx="2441">
                  <c:v>3.3290490999999385</c:v>
                </c:pt>
                <c:pt idx="2442">
                  <c:v>3.2927503999999388</c:v>
                </c:pt>
                <c:pt idx="2443">
                  <c:v>3.2994979999999385</c:v>
                </c:pt>
                <c:pt idx="2444">
                  <c:v>3.2849101999999384</c:v>
                </c:pt>
                <c:pt idx="2445">
                  <c:v>3.2947941999999388</c:v>
                </c:pt>
                <c:pt idx="2446">
                  <c:v>3.2799954999999388</c:v>
                </c:pt>
                <c:pt idx="2447">
                  <c:v>3.255952199999939</c:v>
                </c:pt>
                <c:pt idx="2448">
                  <c:v>3.2757941999999378</c:v>
                </c:pt>
                <c:pt idx="2449">
                  <c:v>3.295044699999937</c:v>
                </c:pt>
                <c:pt idx="2450">
                  <c:v>3.2792681999999367</c:v>
                </c:pt>
                <c:pt idx="2451">
                  <c:v>3.2580988999999381</c:v>
                </c:pt>
                <c:pt idx="2452">
                  <c:v>3.2578550999999374</c:v>
                </c:pt>
                <c:pt idx="2453">
                  <c:v>3.268289899999937</c:v>
                </c:pt>
                <c:pt idx="2454">
                  <c:v>3.2751408999999363</c:v>
                </c:pt>
                <c:pt idx="2455">
                  <c:v>3.2792448999999362</c:v>
                </c:pt>
                <c:pt idx="2456">
                  <c:v>3.2722818999999363</c:v>
                </c:pt>
                <c:pt idx="2457">
                  <c:v>3.2406291999999359</c:v>
                </c:pt>
                <c:pt idx="2458">
                  <c:v>3.1983822999999365</c:v>
                </c:pt>
                <c:pt idx="2459">
                  <c:v>3.2295217999999366</c:v>
                </c:pt>
                <c:pt idx="2460">
                  <c:v>3.2598928999999366</c:v>
                </c:pt>
                <c:pt idx="2461">
                  <c:v>3.3006989999999368</c:v>
                </c:pt>
                <c:pt idx="2462">
                  <c:v>3.2847637999999373</c:v>
                </c:pt>
                <c:pt idx="2463">
                  <c:v>3.3050387999999362</c:v>
                </c:pt>
                <c:pt idx="2464">
                  <c:v>3.2884462999999364</c:v>
                </c:pt>
                <c:pt idx="2465">
                  <c:v>3.2897336999999363</c:v>
                </c:pt>
                <c:pt idx="2466">
                  <c:v>3.2491621999999367</c:v>
                </c:pt>
                <c:pt idx="2467">
                  <c:v>3.2222500999999371</c:v>
                </c:pt>
                <c:pt idx="2468">
                  <c:v>3.1835475999999376</c:v>
                </c:pt>
                <c:pt idx="2469">
                  <c:v>3.2189956999999367</c:v>
                </c:pt>
                <c:pt idx="2470">
                  <c:v>3.2433676999999363</c:v>
                </c:pt>
                <c:pt idx="2471">
                  <c:v>3.2306052999999357</c:v>
                </c:pt>
                <c:pt idx="2472">
                  <c:v>3.2172801999999363</c:v>
                </c:pt>
                <c:pt idx="2473">
                  <c:v>3.2087984999999364</c:v>
                </c:pt>
                <c:pt idx="2474">
                  <c:v>3.1665859999999366</c:v>
                </c:pt>
                <c:pt idx="2475">
                  <c:v>3.2149598999999371</c:v>
                </c:pt>
                <c:pt idx="2476">
                  <c:v>3.205748399999937</c:v>
                </c:pt>
                <c:pt idx="2477">
                  <c:v>3.2133320999999366</c:v>
                </c:pt>
                <c:pt idx="2478">
                  <c:v>3.2068273999999368</c:v>
                </c:pt>
                <c:pt idx="2479">
                  <c:v>3.2591213999999358</c:v>
                </c:pt>
                <c:pt idx="2480">
                  <c:v>3.268347499999936</c:v>
                </c:pt>
                <c:pt idx="2481">
                  <c:v>3.2881754999999355</c:v>
                </c:pt>
                <c:pt idx="2482">
                  <c:v>3.3145011999999348</c:v>
                </c:pt>
                <c:pt idx="2483">
                  <c:v>3.3203856999999353</c:v>
                </c:pt>
                <c:pt idx="2484">
                  <c:v>3.2922206999999348</c:v>
                </c:pt>
                <c:pt idx="2485">
                  <c:v>3.3491124999999347</c:v>
                </c:pt>
                <c:pt idx="2486">
                  <c:v>3.3818003999999338</c:v>
                </c:pt>
                <c:pt idx="2487">
                  <c:v>3.4652558999999314</c:v>
                </c:pt>
                <c:pt idx="2488">
                  <c:v>3.4659186999999303</c:v>
                </c:pt>
                <c:pt idx="2489">
                  <c:v>3.5162653999999298</c:v>
                </c:pt>
                <c:pt idx="2490">
                  <c:v>3.5213470999999297</c:v>
                </c:pt>
                <c:pt idx="2491">
                  <c:v>3.5073919999999301</c:v>
                </c:pt>
                <c:pt idx="2492">
                  <c:v>3.49446379999993</c:v>
                </c:pt>
                <c:pt idx="2493">
                  <c:v>3.47720769999993</c:v>
                </c:pt>
                <c:pt idx="2494">
                  <c:v>3.4812671999999294</c:v>
                </c:pt>
                <c:pt idx="2495">
                  <c:v>3.4061847999999317</c:v>
                </c:pt>
                <c:pt idx="2496">
                  <c:v>3.3719461999999325</c:v>
                </c:pt>
                <c:pt idx="2497">
                  <c:v>3.3360238999999332</c:v>
                </c:pt>
                <c:pt idx="2498">
                  <c:v>3.3840565999999326</c:v>
                </c:pt>
                <c:pt idx="2499">
                  <c:v>3.3054429999999337</c:v>
                </c:pt>
                <c:pt idx="2500">
                  <c:v>3.3101939999999326</c:v>
                </c:pt>
                <c:pt idx="2501">
                  <c:v>3.3480188999999312</c:v>
                </c:pt>
                <c:pt idx="2502">
                  <c:v>3.3372218999999319</c:v>
                </c:pt>
                <c:pt idx="2503">
                  <c:v>3.2768283999999328</c:v>
                </c:pt>
                <c:pt idx="2504">
                  <c:v>3.2770768999999325</c:v>
                </c:pt>
                <c:pt idx="2505">
                  <c:v>3.1912507999999331</c:v>
                </c:pt>
                <c:pt idx="2506">
                  <c:v>3.1923651999999336</c:v>
                </c:pt>
                <c:pt idx="2507">
                  <c:v>3.2129536999999333</c:v>
                </c:pt>
                <c:pt idx="2508">
                  <c:v>3.1702341999999346</c:v>
                </c:pt>
                <c:pt idx="2509">
                  <c:v>3.225680299999933</c:v>
                </c:pt>
                <c:pt idx="2510">
                  <c:v>3.1422642999999342</c:v>
                </c:pt>
                <c:pt idx="2511">
                  <c:v>3.1635180999999344</c:v>
                </c:pt>
                <c:pt idx="2512">
                  <c:v>3.0757458999999354</c:v>
                </c:pt>
                <c:pt idx="2513">
                  <c:v>3.0897891999999354</c:v>
                </c:pt>
                <c:pt idx="2514">
                  <c:v>3.157574999999933</c:v>
                </c:pt>
                <c:pt idx="2515">
                  <c:v>3.2532416999999318</c:v>
                </c:pt>
                <c:pt idx="2516">
                  <c:v>3.2688345999999315</c:v>
                </c:pt>
                <c:pt idx="2517">
                  <c:v>3.2581656999999318</c:v>
                </c:pt>
                <c:pt idx="2518">
                  <c:v>3.2609327999999316</c:v>
                </c:pt>
                <c:pt idx="2519">
                  <c:v>3.1852173999999334</c:v>
                </c:pt>
                <c:pt idx="2520">
                  <c:v>3.247818899999932</c:v>
                </c:pt>
                <c:pt idx="2521">
                  <c:v>3.2372778999999312</c:v>
                </c:pt>
                <c:pt idx="2522">
                  <c:v>3.1666179999999322</c:v>
                </c:pt>
                <c:pt idx="2523">
                  <c:v>3.1098471999999333</c:v>
                </c:pt>
                <c:pt idx="2524">
                  <c:v>3.1552983999999338</c:v>
                </c:pt>
                <c:pt idx="2525">
                  <c:v>3.096381499999934</c:v>
                </c:pt>
                <c:pt idx="2526">
                  <c:v>3.0065527999999357</c:v>
                </c:pt>
                <c:pt idx="2527">
                  <c:v>2.9672842999999367</c:v>
                </c:pt>
                <c:pt idx="2528">
                  <c:v>2.8822772999999384</c:v>
                </c:pt>
                <c:pt idx="2529">
                  <c:v>2.9590884999999369</c:v>
                </c:pt>
                <c:pt idx="2530">
                  <c:v>2.9759705999999371</c:v>
                </c:pt>
                <c:pt idx="2531">
                  <c:v>3.0900062999999349</c:v>
                </c:pt>
                <c:pt idx="2532">
                  <c:v>3.0506663999999359</c:v>
                </c:pt>
                <c:pt idx="2533">
                  <c:v>3.0568065999999359</c:v>
                </c:pt>
                <c:pt idx="2534">
                  <c:v>3.2198698999999333</c:v>
                </c:pt>
                <c:pt idx="2535">
                  <c:v>3.1960428999999335</c:v>
                </c:pt>
                <c:pt idx="2536">
                  <c:v>3.2060467999999336</c:v>
                </c:pt>
                <c:pt idx="2537">
                  <c:v>3.1846575999999338</c:v>
                </c:pt>
                <c:pt idx="2538">
                  <c:v>3.1269613999999342</c:v>
                </c:pt>
                <c:pt idx="2539">
                  <c:v>3.1420956999999339</c:v>
                </c:pt>
                <c:pt idx="2540">
                  <c:v>3.1381083999999344</c:v>
                </c:pt>
                <c:pt idx="2541">
                  <c:v>3.1358618999999344</c:v>
                </c:pt>
                <c:pt idx="2542">
                  <c:v>3.1605852999999344</c:v>
                </c:pt>
                <c:pt idx="2543">
                  <c:v>3.111116899999935</c:v>
                </c:pt>
                <c:pt idx="2544">
                  <c:v>3.096321999999935</c:v>
                </c:pt>
                <c:pt idx="2545">
                  <c:v>3.0753148999999365</c:v>
                </c:pt>
                <c:pt idx="2546">
                  <c:v>3.1233508999999353</c:v>
                </c:pt>
                <c:pt idx="2547">
                  <c:v>3.1583378999999345</c:v>
                </c:pt>
                <c:pt idx="2548">
                  <c:v>3.1581205999999344</c:v>
                </c:pt>
                <c:pt idx="2549">
                  <c:v>3.2593224999999322</c:v>
                </c:pt>
                <c:pt idx="2550">
                  <c:v>3.2571328999999327</c:v>
                </c:pt>
                <c:pt idx="2551">
                  <c:v>3.2456643999999324</c:v>
                </c:pt>
                <c:pt idx="2552">
                  <c:v>3.2524948999999319</c:v>
                </c:pt>
                <c:pt idx="2553">
                  <c:v>3.2729202999999307</c:v>
                </c:pt>
                <c:pt idx="2554">
                  <c:v>3.2962542999999309</c:v>
                </c:pt>
                <c:pt idx="2555">
                  <c:v>3.1680098999999329</c:v>
                </c:pt>
                <c:pt idx="2556">
                  <c:v>3.1606085999999323</c:v>
                </c:pt>
                <c:pt idx="2557">
                  <c:v>3.2124484999999314</c:v>
                </c:pt>
                <c:pt idx="2558">
                  <c:v>3.1696381999999321</c:v>
                </c:pt>
                <c:pt idx="2559">
                  <c:v>3.1937957999999318</c:v>
                </c:pt>
                <c:pt idx="2560">
                  <c:v>3.1262570999999326</c:v>
                </c:pt>
                <c:pt idx="2561">
                  <c:v>3.1015739999999337</c:v>
                </c:pt>
                <c:pt idx="2562">
                  <c:v>3.0897536999999335</c:v>
                </c:pt>
                <c:pt idx="2563">
                  <c:v>3.1037708999999332</c:v>
                </c:pt>
                <c:pt idx="2564">
                  <c:v>3.0030990999999352</c:v>
                </c:pt>
                <c:pt idx="2565">
                  <c:v>2.9522598999999361</c:v>
                </c:pt>
                <c:pt idx="2566">
                  <c:v>2.891957299999937</c:v>
                </c:pt>
                <c:pt idx="2567">
                  <c:v>2.9923107999999354</c:v>
                </c:pt>
                <c:pt idx="2568">
                  <c:v>3.007955599999935</c:v>
                </c:pt>
                <c:pt idx="2569">
                  <c:v>3.0653455999999339</c:v>
                </c:pt>
                <c:pt idx="2570">
                  <c:v>3.0833564999999341</c:v>
                </c:pt>
                <c:pt idx="2571">
                  <c:v>3.117288699999933</c:v>
                </c:pt>
                <c:pt idx="2572">
                  <c:v>3.1170519999999335</c:v>
                </c:pt>
                <c:pt idx="2573">
                  <c:v>3.1194709999999333</c:v>
                </c:pt>
                <c:pt idx="2574">
                  <c:v>3.1640672999999326</c:v>
                </c:pt>
                <c:pt idx="2575">
                  <c:v>3.1235276999999337</c:v>
                </c:pt>
                <c:pt idx="2576">
                  <c:v>3.1232997999999332</c:v>
                </c:pt>
                <c:pt idx="2577">
                  <c:v>3.0174021999999354</c:v>
                </c:pt>
                <c:pt idx="2578">
                  <c:v>2.9300742999999367</c:v>
                </c:pt>
                <c:pt idx="2579">
                  <c:v>2.870888099999938</c:v>
                </c:pt>
                <c:pt idx="2580">
                  <c:v>2.9022182999999373</c:v>
                </c:pt>
                <c:pt idx="2581">
                  <c:v>2.9037719999999374</c:v>
                </c:pt>
                <c:pt idx="2582">
                  <c:v>2.8382820999999381</c:v>
                </c:pt>
                <c:pt idx="2583">
                  <c:v>2.8126335999999386</c:v>
                </c:pt>
                <c:pt idx="2584">
                  <c:v>2.7951336999999388</c:v>
                </c:pt>
                <c:pt idx="2585">
                  <c:v>2.8081357999999383</c:v>
                </c:pt>
                <c:pt idx="2586">
                  <c:v>2.7946916999999387</c:v>
                </c:pt>
                <c:pt idx="2587">
                  <c:v>2.8785722999999375</c:v>
                </c:pt>
                <c:pt idx="2588">
                  <c:v>2.8050297999999385</c:v>
                </c:pt>
                <c:pt idx="2589">
                  <c:v>2.8101807999999386</c:v>
                </c:pt>
                <c:pt idx="2590">
                  <c:v>2.8764287999999372</c:v>
                </c:pt>
                <c:pt idx="2591">
                  <c:v>2.8468537999999377</c:v>
                </c:pt>
                <c:pt idx="2592">
                  <c:v>2.8131908999999382</c:v>
                </c:pt>
                <c:pt idx="2593">
                  <c:v>2.7874520999999386</c:v>
                </c:pt>
                <c:pt idx="2594">
                  <c:v>2.783085799999939</c:v>
                </c:pt>
                <c:pt idx="2595">
                  <c:v>2.7520143999999398</c:v>
                </c:pt>
                <c:pt idx="2596">
                  <c:v>2.7630166999999397</c:v>
                </c:pt>
                <c:pt idx="2597">
                  <c:v>2.687304299999941</c:v>
                </c:pt>
                <c:pt idx="2598">
                  <c:v>2.7183012999999399</c:v>
                </c:pt>
                <c:pt idx="2599">
                  <c:v>2.747925899999939</c:v>
                </c:pt>
                <c:pt idx="2600">
                  <c:v>2.7250416999999394</c:v>
                </c:pt>
                <c:pt idx="2601">
                  <c:v>2.7563539999999387</c:v>
                </c:pt>
                <c:pt idx="2602">
                  <c:v>2.6901519999999399</c:v>
                </c:pt>
                <c:pt idx="2603">
                  <c:v>2.6861417999999402</c:v>
                </c:pt>
                <c:pt idx="2604">
                  <c:v>2.6559279999999403</c:v>
                </c:pt>
                <c:pt idx="2605">
                  <c:v>2.6115907999999415</c:v>
                </c:pt>
                <c:pt idx="2606">
                  <c:v>2.6540511999999405</c:v>
                </c:pt>
                <c:pt idx="2607">
                  <c:v>2.7057443999999395</c:v>
                </c:pt>
                <c:pt idx="2608">
                  <c:v>2.7601975999999389</c:v>
                </c:pt>
                <c:pt idx="2609">
                  <c:v>2.7630327999999387</c:v>
                </c:pt>
                <c:pt idx="2610">
                  <c:v>2.7635122999999386</c:v>
                </c:pt>
                <c:pt idx="2611">
                  <c:v>2.7704586999999385</c:v>
                </c:pt>
                <c:pt idx="2612">
                  <c:v>2.7937414999999377</c:v>
                </c:pt>
                <c:pt idx="2613">
                  <c:v>2.8284190999999375</c:v>
                </c:pt>
                <c:pt idx="2614">
                  <c:v>2.8256921999999376</c:v>
                </c:pt>
                <c:pt idx="2615">
                  <c:v>2.7766495999999381</c:v>
                </c:pt>
                <c:pt idx="2616">
                  <c:v>2.7734140999999384</c:v>
                </c:pt>
                <c:pt idx="2617">
                  <c:v>2.7745372999999378</c:v>
                </c:pt>
                <c:pt idx="2618">
                  <c:v>2.7641827999999378</c:v>
                </c:pt>
                <c:pt idx="2619">
                  <c:v>2.7798945999999378</c:v>
                </c:pt>
                <c:pt idx="2620">
                  <c:v>2.7618675999999378</c:v>
                </c:pt>
                <c:pt idx="2621">
                  <c:v>2.7051722999999388</c:v>
                </c:pt>
                <c:pt idx="2622">
                  <c:v>2.7046500999999386</c:v>
                </c:pt>
                <c:pt idx="2623">
                  <c:v>2.7240765999999383</c:v>
                </c:pt>
                <c:pt idx="2624">
                  <c:v>2.750478299999938</c:v>
                </c:pt>
                <c:pt idx="2625">
                  <c:v>2.7252215999999381</c:v>
                </c:pt>
                <c:pt idx="2626">
                  <c:v>2.7273214999999378</c:v>
                </c:pt>
                <c:pt idx="2627">
                  <c:v>2.7653171999999375</c:v>
                </c:pt>
                <c:pt idx="2628">
                  <c:v>2.8159501999999366</c:v>
                </c:pt>
                <c:pt idx="2629">
                  <c:v>2.8269586999999365</c:v>
                </c:pt>
                <c:pt idx="2630">
                  <c:v>2.8744618999999356</c:v>
                </c:pt>
                <c:pt idx="2631">
                  <c:v>2.8714171999999354</c:v>
                </c:pt>
                <c:pt idx="2632">
                  <c:v>2.8659434999999358</c:v>
                </c:pt>
                <c:pt idx="2633">
                  <c:v>2.895071999999935</c:v>
                </c:pt>
                <c:pt idx="2634">
                  <c:v>2.8723518999999356</c:v>
                </c:pt>
                <c:pt idx="2635">
                  <c:v>2.8625646999999357</c:v>
                </c:pt>
                <c:pt idx="2636">
                  <c:v>2.9341592999999344</c:v>
                </c:pt>
                <c:pt idx="2637">
                  <c:v>2.9413500999999349</c:v>
                </c:pt>
                <c:pt idx="2638">
                  <c:v>2.9878163999999336</c:v>
                </c:pt>
                <c:pt idx="2639">
                  <c:v>3.0483766999999329</c:v>
                </c:pt>
                <c:pt idx="2640">
                  <c:v>3.1016310999999313</c:v>
                </c:pt>
                <c:pt idx="2641">
                  <c:v>3.0838630999999319</c:v>
                </c:pt>
                <c:pt idx="2642">
                  <c:v>3.0967448999999316</c:v>
                </c:pt>
                <c:pt idx="2643">
                  <c:v>3.1002972999999319</c:v>
                </c:pt>
                <c:pt idx="2644">
                  <c:v>3.1076588999999313</c:v>
                </c:pt>
                <c:pt idx="2645">
                  <c:v>3.0905048999999316</c:v>
                </c:pt>
                <c:pt idx="2646">
                  <c:v>3.0897972999999315</c:v>
                </c:pt>
                <c:pt idx="2647">
                  <c:v>3.1000657999999319</c:v>
                </c:pt>
                <c:pt idx="2648">
                  <c:v>3.0956224999999318</c:v>
                </c:pt>
                <c:pt idx="2649">
                  <c:v>3.0731993999999316</c:v>
                </c:pt>
                <c:pt idx="2650">
                  <c:v>3.0662030999999317</c:v>
                </c:pt>
                <c:pt idx="2651">
                  <c:v>3.060616299999932</c:v>
                </c:pt>
                <c:pt idx="2652">
                  <c:v>3.1010538999999309</c:v>
                </c:pt>
                <c:pt idx="2653">
                  <c:v>3.1115446999999303</c:v>
                </c:pt>
                <c:pt idx="2654">
                  <c:v>3.0567266999999312</c:v>
                </c:pt>
                <c:pt idx="2655">
                  <c:v>3.0310978999999323</c:v>
                </c:pt>
                <c:pt idx="2656">
                  <c:v>3.0031538999999334</c:v>
                </c:pt>
                <c:pt idx="2657">
                  <c:v>3.0272117999999333</c:v>
                </c:pt>
                <c:pt idx="2658">
                  <c:v>3.0993600999999327</c:v>
                </c:pt>
                <c:pt idx="2659">
                  <c:v>3.1209744999999325</c:v>
                </c:pt>
                <c:pt idx="2660">
                  <c:v>3.1266744999999316</c:v>
                </c:pt>
                <c:pt idx="2661">
                  <c:v>3.1257187999999312</c:v>
                </c:pt>
                <c:pt idx="2662">
                  <c:v>3.148376799999931</c:v>
                </c:pt>
                <c:pt idx="2663">
                  <c:v>3.1275760999999305</c:v>
                </c:pt>
                <c:pt idx="2664">
                  <c:v>3.1120906999999312</c:v>
                </c:pt>
                <c:pt idx="2665">
                  <c:v>3.0915255999999305</c:v>
                </c:pt>
                <c:pt idx="2666">
                  <c:v>3.12672489999993</c:v>
                </c:pt>
                <c:pt idx="2667">
                  <c:v>3.1544396999999291</c:v>
                </c:pt>
                <c:pt idx="2668">
                  <c:v>3.1358708999999294</c:v>
                </c:pt>
                <c:pt idx="2669">
                  <c:v>3.1136630999999309</c:v>
                </c:pt>
                <c:pt idx="2670">
                  <c:v>3.112400699999931</c:v>
                </c:pt>
                <c:pt idx="2671">
                  <c:v>3.1348319999999301</c:v>
                </c:pt>
                <c:pt idx="2672">
                  <c:v>3.1028673999999308</c:v>
                </c:pt>
                <c:pt idx="2673">
                  <c:v>3.11553649999993</c:v>
                </c:pt>
                <c:pt idx="2674">
                  <c:v>3.0705164999999308</c:v>
                </c:pt>
                <c:pt idx="2675">
                  <c:v>3.1127194999999297</c:v>
                </c:pt>
                <c:pt idx="2676">
                  <c:v>3.0972990999999297</c:v>
                </c:pt>
                <c:pt idx="2677">
                  <c:v>3.0642824999999299</c:v>
                </c:pt>
                <c:pt idx="2678">
                  <c:v>3.0837780999999298</c:v>
                </c:pt>
                <c:pt idx="2679">
                  <c:v>3.1096534999999301</c:v>
                </c:pt>
                <c:pt idx="2680">
                  <c:v>3.0935579999999296</c:v>
                </c:pt>
                <c:pt idx="2681">
                  <c:v>3.0986624999999295</c:v>
                </c:pt>
                <c:pt idx="2682">
                  <c:v>3.0869813999999298</c:v>
                </c:pt>
                <c:pt idx="2683">
                  <c:v>3.093969199999929</c:v>
                </c:pt>
                <c:pt idx="2684">
                  <c:v>3.1188332999999293</c:v>
                </c:pt>
                <c:pt idx="2685">
                  <c:v>3.1182867999999289</c:v>
                </c:pt>
                <c:pt idx="2686">
                  <c:v>3.1046369999999293</c:v>
                </c:pt>
                <c:pt idx="2687">
                  <c:v>3.0910397999999288</c:v>
                </c:pt>
                <c:pt idx="2688">
                  <c:v>3.104495599999928</c:v>
                </c:pt>
                <c:pt idx="2689">
                  <c:v>3.085562499999928</c:v>
                </c:pt>
                <c:pt idx="2690">
                  <c:v>3.1296125999999269</c:v>
                </c:pt>
                <c:pt idx="2691">
                  <c:v>3.1242089999999267</c:v>
                </c:pt>
                <c:pt idx="2692">
                  <c:v>3.1348151999999274</c:v>
                </c:pt>
                <c:pt idx="2693">
                  <c:v>3.1349133999999275</c:v>
                </c:pt>
                <c:pt idx="2694">
                  <c:v>3.1190730999999277</c:v>
                </c:pt>
                <c:pt idx="2695">
                  <c:v>3.0937498999999287</c:v>
                </c:pt>
                <c:pt idx="2696">
                  <c:v>3.1382231999999277</c:v>
                </c:pt>
                <c:pt idx="2697">
                  <c:v>3.0784308999999288</c:v>
                </c:pt>
                <c:pt idx="2698">
                  <c:v>3.1337269999999284</c:v>
                </c:pt>
                <c:pt idx="2699">
                  <c:v>3.1659376999999269</c:v>
                </c:pt>
                <c:pt idx="2700">
                  <c:v>3.1784587999999259</c:v>
                </c:pt>
                <c:pt idx="2701">
                  <c:v>3.1801732999999253</c:v>
                </c:pt>
                <c:pt idx="2702">
                  <c:v>3.1585337999999252</c:v>
                </c:pt>
                <c:pt idx="2703">
                  <c:v>3.1688098999999257</c:v>
                </c:pt>
                <c:pt idx="2704">
                  <c:v>3.1140079999999264</c:v>
                </c:pt>
                <c:pt idx="2705">
                  <c:v>3.1137799999999265</c:v>
                </c:pt>
                <c:pt idx="2706">
                  <c:v>3.131967999999925</c:v>
                </c:pt>
                <c:pt idx="2707">
                  <c:v>3.1348525999999257</c:v>
                </c:pt>
                <c:pt idx="2708">
                  <c:v>3.152086599999925</c:v>
                </c:pt>
                <c:pt idx="2709">
                  <c:v>3.1594235999999256</c:v>
                </c:pt>
                <c:pt idx="2710">
                  <c:v>3.1810850999999252</c:v>
                </c:pt>
                <c:pt idx="2711">
                  <c:v>3.1074766999999275</c:v>
                </c:pt>
                <c:pt idx="2712">
                  <c:v>3.0930847999999269</c:v>
                </c:pt>
                <c:pt idx="2713">
                  <c:v>3.0934589999999274</c:v>
                </c:pt>
                <c:pt idx="2714">
                  <c:v>3.0770669999999276</c:v>
                </c:pt>
                <c:pt idx="2715">
                  <c:v>2.9947088999999285</c:v>
                </c:pt>
                <c:pt idx="2716">
                  <c:v>2.9784232999999292</c:v>
                </c:pt>
                <c:pt idx="2717">
                  <c:v>2.9616641999999289</c:v>
                </c:pt>
                <c:pt idx="2718">
                  <c:v>2.9424313999999292</c:v>
                </c:pt>
                <c:pt idx="2719">
                  <c:v>2.9615999999999283</c:v>
                </c:pt>
                <c:pt idx="2720">
                  <c:v>2.9701096999999281</c:v>
                </c:pt>
                <c:pt idx="2721">
                  <c:v>3.0246867999999267</c:v>
                </c:pt>
                <c:pt idx="2722">
                  <c:v>2.9747743999999279</c:v>
                </c:pt>
                <c:pt idx="2723">
                  <c:v>2.9925492999999275</c:v>
                </c:pt>
                <c:pt idx="2724">
                  <c:v>2.978050899999928</c:v>
                </c:pt>
                <c:pt idx="2725">
                  <c:v>2.9448530999999285</c:v>
                </c:pt>
                <c:pt idx="2726">
                  <c:v>2.8945110999999293</c:v>
                </c:pt>
                <c:pt idx="2727">
                  <c:v>2.8931287999999293</c:v>
                </c:pt>
                <c:pt idx="2728">
                  <c:v>2.8674577999999298</c:v>
                </c:pt>
                <c:pt idx="2729">
                  <c:v>2.8174778999999308</c:v>
                </c:pt>
                <c:pt idx="2730">
                  <c:v>2.8368716999999304</c:v>
                </c:pt>
                <c:pt idx="2731">
                  <c:v>2.799902299999931</c:v>
                </c:pt>
                <c:pt idx="2732">
                  <c:v>2.8036513999999308</c:v>
                </c:pt>
                <c:pt idx="2733">
                  <c:v>2.8133951999999307</c:v>
                </c:pt>
                <c:pt idx="2734">
                  <c:v>2.7700493999999312</c:v>
                </c:pt>
                <c:pt idx="2735">
                  <c:v>2.7230559999999322</c:v>
                </c:pt>
                <c:pt idx="2736">
                  <c:v>2.6575230999999331</c:v>
                </c:pt>
                <c:pt idx="2737">
                  <c:v>2.5513441999999347</c:v>
                </c:pt>
                <c:pt idx="2738">
                  <c:v>2.5472280999999346</c:v>
                </c:pt>
                <c:pt idx="2739">
                  <c:v>2.6302209999999331</c:v>
                </c:pt>
                <c:pt idx="2740">
                  <c:v>2.6682120999999319</c:v>
                </c:pt>
                <c:pt idx="2741">
                  <c:v>2.6895634999999323</c:v>
                </c:pt>
                <c:pt idx="2742">
                  <c:v>2.6464460999999329</c:v>
                </c:pt>
                <c:pt idx="2743">
                  <c:v>2.5590227999999349</c:v>
                </c:pt>
                <c:pt idx="2744">
                  <c:v>2.5665668999999349</c:v>
                </c:pt>
                <c:pt idx="2745">
                  <c:v>2.6444488999999334</c:v>
                </c:pt>
                <c:pt idx="2746">
                  <c:v>2.6327427999999338</c:v>
                </c:pt>
                <c:pt idx="2747">
                  <c:v>2.6427818999999335</c:v>
                </c:pt>
                <c:pt idx="2748">
                  <c:v>2.6173278999999336</c:v>
                </c:pt>
                <c:pt idx="2749">
                  <c:v>2.596673199999934</c:v>
                </c:pt>
                <c:pt idx="2750">
                  <c:v>2.5986824999999332</c:v>
                </c:pt>
                <c:pt idx="2751">
                  <c:v>2.6442747999999323</c:v>
                </c:pt>
                <c:pt idx="2752">
                  <c:v>2.6401856999999325</c:v>
                </c:pt>
                <c:pt idx="2753">
                  <c:v>2.6710725999999321</c:v>
                </c:pt>
                <c:pt idx="2754">
                  <c:v>2.6896951999999321</c:v>
                </c:pt>
                <c:pt idx="2755">
                  <c:v>2.6322101999999328</c:v>
                </c:pt>
                <c:pt idx="2756">
                  <c:v>2.587659399999934</c:v>
                </c:pt>
                <c:pt idx="2757">
                  <c:v>2.5647071999999342</c:v>
                </c:pt>
                <c:pt idx="2758">
                  <c:v>2.5518702999999343</c:v>
                </c:pt>
                <c:pt idx="2759">
                  <c:v>2.5377597999999346</c:v>
                </c:pt>
                <c:pt idx="2760">
                  <c:v>2.5401461999999349</c:v>
                </c:pt>
                <c:pt idx="2761">
                  <c:v>2.5087121999999358</c:v>
                </c:pt>
                <c:pt idx="2762">
                  <c:v>2.5218712999999355</c:v>
                </c:pt>
                <c:pt idx="2763">
                  <c:v>2.5971027999999348</c:v>
                </c:pt>
                <c:pt idx="2764">
                  <c:v>2.6198191999999341</c:v>
                </c:pt>
                <c:pt idx="2765">
                  <c:v>2.6887377999999336</c:v>
                </c:pt>
                <c:pt idx="2766">
                  <c:v>2.6987230999999334</c:v>
                </c:pt>
                <c:pt idx="2767">
                  <c:v>2.6727104999999338</c:v>
                </c:pt>
                <c:pt idx="2768">
                  <c:v>2.7117511999999331</c:v>
                </c:pt>
                <c:pt idx="2769">
                  <c:v>2.7188455999999324</c:v>
                </c:pt>
                <c:pt idx="2770">
                  <c:v>2.7177247999999326</c:v>
                </c:pt>
                <c:pt idx="2771">
                  <c:v>2.7052621999999324</c:v>
                </c:pt>
                <c:pt idx="2772">
                  <c:v>2.6682825999999329</c:v>
                </c:pt>
                <c:pt idx="2773">
                  <c:v>2.6918102999999332</c:v>
                </c:pt>
                <c:pt idx="2774">
                  <c:v>2.7313703999999319</c:v>
                </c:pt>
                <c:pt idx="2775">
                  <c:v>2.7696270999999317</c:v>
                </c:pt>
                <c:pt idx="2776">
                  <c:v>2.7560326999999321</c:v>
                </c:pt>
                <c:pt idx="2777">
                  <c:v>2.7337772999999324</c:v>
                </c:pt>
                <c:pt idx="2778">
                  <c:v>2.7717617999999318</c:v>
                </c:pt>
                <c:pt idx="2779">
                  <c:v>2.7884254999999309</c:v>
                </c:pt>
                <c:pt idx="2780">
                  <c:v>2.7676092999999318</c:v>
                </c:pt>
                <c:pt idx="2781">
                  <c:v>2.7767101999999317</c:v>
                </c:pt>
                <c:pt idx="2782">
                  <c:v>2.7677549999999322</c:v>
                </c:pt>
                <c:pt idx="2783">
                  <c:v>2.6885502999999336</c:v>
                </c:pt>
                <c:pt idx="2784">
                  <c:v>2.6779845999999337</c:v>
                </c:pt>
                <c:pt idx="2785">
                  <c:v>2.8203879999999311</c:v>
                </c:pt>
                <c:pt idx="2786">
                  <c:v>2.8479669999999304</c:v>
                </c:pt>
                <c:pt idx="2787">
                  <c:v>2.8637291999999301</c:v>
                </c:pt>
                <c:pt idx="2788">
                  <c:v>2.8534373999999305</c:v>
                </c:pt>
                <c:pt idx="2789">
                  <c:v>2.8164097999999318</c:v>
                </c:pt>
                <c:pt idx="2790">
                  <c:v>2.8156550999999315</c:v>
                </c:pt>
                <c:pt idx="2791">
                  <c:v>2.8705492999999311</c:v>
                </c:pt>
                <c:pt idx="2792">
                  <c:v>2.8773888999999309</c:v>
                </c:pt>
                <c:pt idx="2793">
                  <c:v>2.8659368999999306</c:v>
                </c:pt>
                <c:pt idx="2794">
                  <c:v>2.8653098999999314</c:v>
                </c:pt>
                <c:pt idx="2795">
                  <c:v>2.9273603999999298</c:v>
                </c:pt>
                <c:pt idx="2796">
                  <c:v>2.9294094999999305</c:v>
                </c:pt>
                <c:pt idx="2797">
                  <c:v>2.9591448999999304</c:v>
                </c:pt>
                <c:pt idx="2798">
                  <c:v>2.9589172999999303</c:v>
                </c:pt>
                <c:pt idx="2799">
                  <c:v>2.98348949999993</c:v>
                </c:pt>
                <c:pt idx="2800">
                  <c:v>2.9639677999999297</c:v>
                </c:pt>
                <c:pt idx="2801">
                  <c:v>2.9355963999999304</c:v>
                </c:pt>
                <c:pt idx="2802">
                  <c:v>2.9488711999999304</c:v>
                </c:pt>
                <c:pt idx="2803">
                  <c:v>2.8874407999999314</c:v>
                </c:pt>
                <c:pt idx="2804">
                  <c:v>2.8435590999999323</c:v>
                </c:pt>
                <c:pt idx="2805">
                  <c:v>2.8122624999999331</c:v>
                </c:pt>
                <c:pt idx="2806">
                  <c:v>2.8223774999999329</c:v>
                </c:pt>
                <c:pt idx="2807">
                  <c:v>2.8934714999999316</c:v>
                </c:pt>
                <c:pt idx="2808">
                  <c:v>2.8443438999999326</c:v>
                </c:pt>
                <c:pt idx="2809">
                  <c:v>2.8773647999999317</c:v>
                </c:pt>
                <c:pt idx="2810">
                  <c:v>2.8207548999999328</c:v>
                </c:pt>
                <c:pt idx="2811">
                  <c:v>2.8660130999999316</c:v>
                </c:pt>
                <c:pt idx="2812">
                  <c:v>2.8218821999999326</c:v>
                </c:pt>
                <c:pt idx="2813">
                  <c:v>2.8167009999999326</c:v>
                </c:pt>
                <c:pt idx="2814">
                  <c:v>2.7497379999999332</c:v>
                </c:pt>
                <c:pt idx="2815">
                  <c:v>2.7490560999999332</c:v>
                </c:pt>
                <c:pt idx="2816">
                  <c:v>2.7430365999999333</c:v>
                </c:pt>
                <c:pt idx="2817">
                  <c:v>2.8053386999999326</c:v>
                </c:pt>
                <c:pt idx="2818">
                  <c:v>2.7173847999999339</c:v>
                </c:pt>
                <c:pt idx="2819">
                  <c:v>2.7022192999999342</c:v>
                </c:pt>
                <c:pt idx="2820">
                  <c:v>2.6982633999999344</c:v>
                </c:pt>
                <c:pt idx="2821">
                  <c:v>2.7314809999999339</c:v>
                </c:pt>
                <c:pt idx="2822">
                  <c:v>2.731270099999934</c:v>
                </c:pt>
                <c:pt idx="2823">
                  <c:v>2.7547707999999336</c:v>
                </c:pt>
                <c:pt idx="2824">
                  <c:v>2.7390623999999333</c:v>
                </c:pt>
                <c:pt idx="2825">
                  <c:v>2.7171264999999338</c:v>
                </c:pt>
                <c:pt idx="2826">
                  <c:v>2.7169357999999337</c:v>
                </c:pt>
                <c:pt idx="2827">
                  <c:v>2.6130959999999357</c:v>
                </c:pt>
                <c:pt idx="2828">
                  <c:v>2.6394744999999347</c:v>
                </c:pt>
                <c:pt idx="2829">
                  <c:v>2.6715219999999338</c:v>
                </c:pt>
                <c:pt idx="2830">
                  <c:v>2.6032497999999351</c:v>
                </c:pt>
                <c:pt idx="2831">
                  <c:v>2.5930923999999353</c:v>
                </c:pt>
                <c:pt idx="2832">
                  <c:v>2.581497199999935</c:v>
                </c:pt>
                <c:pt idx="2833">
                  <c:v>2.5758374999999352</c:v>
                </c:pt>
                <c:pt idx="2834">
                  <c:v>2.564722199999935</c:v>
                </c:pt>
                <c:pt idx="2835">
                  <c:v>2.565992699999935</c:v>
                </c:pt>
                <c:pt idx="2836">
                  <c:v>2.5372641999999357</c:v>
                </c:pt>
                <c:pt idx="2837">
                  <c:v>2.5005529999999361</c:v>
                </c:pt>
                <c:pt idx="2838">
                  <c:v>2.4855646999999359</c:v>
                </c:pt>
                <c:pt idx="2839">
                  <c:v>2.454246199999937</c:v>
                </c:pt>
                <c:pt idx="2840">
                  <c:v>2.4767238999999361</c:v>
                </c:pt>
                <c:pt idx="2841">
                  <c:v>2.5121626999999358</c:v>
                </c:pt>
                <c:pt idx="2842">
                  <c:v>2.5119519999999356</c:v>
                </c:pt>
                <c:pt idx="2843">
                  <c:v>2.4740116999999366</c:v>
                </c:pt>
                <c:pt idx="2844">
                  <c:v>2.547470199999935</c:v>
                </c:pt>
                <c:pt idx="2845">
                  <c:v>2.5769638999999347</c:v>
                </c:pt>
                <c:pt idx="2846">
                  <c:v>2.6819835999999331</c:v>
                </c:pt>
                <c:pt idx="2847">
                  <c:v>2.7166429999999324</c:v>
                </c:pt>
                <c:pt idx="2848">
                  <c:v>2.6497661999999336</c:v>
                </c:pt>
                <c:pt idx="2849">
                  <c:v>2.6637244999999332</c:v>
                </c:pt>
                <c:pt idx="2850">
                  <c:v>2.683636199999933</c:v>
                </c:pt>
                <c:pt idx="2851">
                  <c:v>2.6700985999999332</c:v>
                </c:pt>
                <c:pt idx="2852">
                  <c:v>2.659646999999933</c:v>
                </c:pt>
                <c:pt idx="2853">
                  <c:v>2.5889387999999345</c:v>
                </c:pt>
                <c:pt idx="2854">
                  <c:v>2.5817325999999343</c:v>
                </c:pt>
                <c:pt idx="2855">
                  <c:v>2.5999802999999337</c:v>
                </c:pt>
                <c:pt idx="2856">
                  <c:v>2.6353778999999333</c:v>
                </c:pt>
                <c:pt idx="2857">
                  <c:v>2.6566459999999328</c:v>
                </c:pt>
                <c:pt idx="2858">
                  <c:v>2.7045378999999321</c:v>
                </c:pt>
                <c:pt idx="2859">
                  <c:v>2.7153566999999321</c:v>
                </c:pt>
                <c:pt idx="2860">
                  <c:v>2.782569699999931</c:v>
                </c:pt>
                <c:pt idx="2861">
                  <c:v>2.764421399999931</c:v>
                </c:pt>
                <c:pt idx="2862">
                  <c:v>2.7267687999999319</c:v>
                </c:pt>
                <c:pt idx="2863">
                  <c:v>2.753823399999932</c:v>
                </c:pt>
                <c:pt idx="2864">
                  <c:v>2.7555235999999321</c:v>
                </c:pt>
                <c:pt idx="2865">
                  <c:v>2.8271423999999308</c:v>
                </c:pt>
                <c:pt idx="2866">
                  <c:v>2.8609050999999308</c:v>
                </c:pt>
                <c:pt idx="2867">
                  <c:v>2.8625198999999308</c:v>
                </c:pt>
                <c:pt idx="2868">
                  <c:v>2.8337944999999314</c:v>
                </c:pt>
                <c:pt idx="2869">
                  <c:v>2.8543904999999308</c:v>
                </c:pt>
                <c:pt idx="2870">
                  <c:v>2.8592110999999307</c:v>
                </c:pt>
                <c:pt idx="2871">
                  <c:v>2.8577060999999309</c:v>
                </c:pt>
                <c:pt idx="2872">
                  <c:v>2.87599739999993</c:v>
                </c:pt>
                <c:pt idx="2873">
                  <c:v>2.9348677999999291</c:v>
                </c:pt>
                <c:pt idx="2874">
                  <c:v>2.9272842999999296</c:v>
                </c:pt>
                <c:pt idx="2875">
                  <c:v>2.8515626999999308</c:v>
                </c:pt>
                <c:pt idx="2876">
                  <c:v>2.7627542999999322</c:v>
                </c:pt>
                <c:pt idx="2877">
                  <c:v>2.8167674999999317</c:v>
                </c:pt>
                <c:pt idx="2878">
                  <c:v>2.9565517999999291</c:v>
                </c:pt>
                <c:pt idx="2879">
                  <c:v>2.9841700999999285</c:v>
                </c:pt>
                <c:pt idx="2880">
                  <c:v>3.0076413999999279</c:v>
                </c:pt>
                <c:pt idx="2881">
                  <c:v>3.0027598999999281</c:v>
                </c:pt>
                <c:pt idx="2882">
                  <c:v>2.9313358999999295</c:v>
                </c:pt>
                <c:pt idx="2883">
                  <c:v>2.9027101999999299</c:v>
                </c:pt>
                <c:pt idx="2884">
                  <c:v>2.9738032999999287</c:v>
                </c:pt>
                <c:pt idx="2885">
                  <c:v>2.9983210999999281</c:v>
                </c:pt>
                <c:pt idx="2886">
                  <c:v>2.9957106999999281</c:v>
                </c:pt>
                <c:pt idx="2887">
                  <c:v>2.9045033999999297</c:v>
                </c:pt>
                <c:pt idx="2888">
                  <c:v>2.9578871999999286</c:v>
                </c:pt>
                <c:pt idx="2889">
                  <c:v>2.8237540999999311</c:v>
                </c:pt>
                <c:pt idx="2890">
                  <c:v>2.8451009999999304</c:v>
                </c:pt>
                <c:pt idx="2891">
                  <c:v>2.7965715999999312</c:v>
                </c:pt>
                <c:pt idx="2892">
                  <c:v>2.8297143999999301</c:v>
                </c:pt>
                <c:pt idx="2893">
                  <c:v>2.8956776999999287</c:v>
                </c:pt>
                <c:pt idx="2894">
                  <c:v>2.8775365999999289</c:v>
                </c:pt>
                <c:pt idx="2895">
                  <c:v>2.9251621999999275</c:v>
                </c:pt>
                <c:pt idx="2896">
                  <c:v>2.9826210999999261</c:v>
                </c:pt>
                <c:pt idx="2897">
                  <c:v>2.9451831999999265</c:v>
                </c:pt>
                <c:pt idx="2898">
                  <c:v>2.9960182999999252</c:v>
                </c:pt>
                <c:pt idx="2899">
                  <c:v>3.0055715999999242</c:v>
                </c:pt>
                <c:pt idx="2900">
                  <c:v>3.0681517999999226</c:v>
                </c:pt>
                <c:pt idx="2901">
                  <c:v>3.0289368999999233</c:v>
                </c:pt>
                <c:pt idx="2902">
                  <c:v>2.9687632999999245</c:v>
                </c:pt>
                <c:pt idx="2903">
                  <c:v>2.9242577999999253</c:v>
                </c:pt>
                <c:pt idx="2904">
                  <c:v>2.9523294999999252</c:v>
                </c:pt>
                <c:pt idx="2905">
                  <c:v>3.046089999999924</c:v>
                </c:pt>
                <c:pt idx="2906">
                  <c:v>3.0423280999999234</c:v>
                </c:pt>
                <c:pt idx="2907">
                  <c:v>3.0156476999999233</c:v>
                </c:pt>
                <c:pt idx="2908">
                  <c:v>3.0445820999999231</c:v>
                </c:pt>
                <c:pt idx="2909">
                  <c:v>2.9726456999999242</c:v>
                </c:pt>
                <c:pt idx="2910">
                  <c:v>2.9935735999999236</c:v>
                </c:pt>
                <c:pt idx="2911">
                  <c:v>2.9420342999999245</c:v>
                </c:pt>
                <c:pt idx="2912">
                  <c:v>2.9652513999999246</c:v>
                </c:pt>
                <c:pt idx="2913">
                  <c:v>2.9280923999999251</c:v>
                </c:pt>
                <c:pt idx="2914">
                  <c:v>3.0539347999999231</c:v>
                </c:pt>
                <c:pt idx="2915">
                  <c:v>3.0741363999999223</c:v>
                </c:pt>
                <c:pt idx="2916">
                  <c:v>3.15764449999992</c:v>
                </c:pt>
                <c:pt idx="2917">
                  <c:v>3.0912364999999218</c:v>
                </c:pt>
                <c:pt idx="2918">
                  <c:v>3.0806384999999219</c:v>
                </c:pt>
                <c:pt idx="2919">
                  <c:v>3.0318066999999225</c:v>
                </c:pt>
                <c:pt idx="2920">
                  <c:v>3.0062818999999239</c:v>
                </c:pt>
                <c:pt idx="2921">
                  <c:v>2.9837407999999241</c:v>
                </c:pt>
                <c:pt idx="2922">
                  <c:v>2.9917449999999239</c:v>
                </c:pt>
                <c:pt idx="2923">
                  <c:v>2.9572755999999245</c:v>
                </c:pt>
                <c:pt idx="2924">
                  <c:v>2.9682381999999241</c:v>
                </c:pt>
                <c:pt idx="2925">
                  <c:v>2.9520929999999246</c:v>
                </c:pt>
                <c:pt idx="2926">
                  <c:v>2.9440375999999251</c:v>
                </c:pt>
                <c:pt idx="2927">
                  <c:v>2.9364337999999255</c:v>
                </c:pt>
                <c:pt idx="2928">
                  <c:v>2.9667651999999247</c:v>
                </c:pt>
                <c:pt idx="2929">
                  <c:v>2.9756433999999246</c:v>
                </c:pt>
                <c:pt idx="2930">
                  <c:v>3.0206718999999236</c:v>
                </c:pt>
                <c:pt idx="2931">
                  <c:v>3.0838737999999228</c:v>
                </c:pt>
                <c:pt idx="2932">
                  <c:v>3.0918769999999229</c:v>
                </c:pt>
                <c:pt idx="2933">
                  <c:v>3.0758663999999225</c:v>
                </c:pt>
                <c:pt idx="2934">
                  <c:v>3.1604625999999207</c:v>
                </c:pt>
                <c:pt idx="2935">
                  <c:v>3.1594134999999213</c:v>
                </c:pt>
                <c:pt idx="2936">
                  <c:v>3.0753193999999224</c:v>
                </c:pt>
                <c:pt idx="2937">
                  <c:v>3.0829742999999228</c:v>
                </c:pt>
                <c:pt idx="2938">
                  <c:v>3.0119252999999242</c:v>
                </c:pt>
                <c:pt idx="2939">
                  <c:v>3.0395487999999249</c:v>
                </c:pt>
                <c:pt idx="2940">
                  <c:v>3.0781157999999245</c:v>
                </c:pt>
                <c:pt idx="2941">
                  <c:v>3.0713591999999243</c:v>
                </c:pt>
                <c:pt idx="2942">
                  <c:v>3.1226393999999233</c:v>
                </c:pt>
                <c:pt idx="2943">
                  <c:v>3.1779763999999231</c:v>
                </c:pt>
                <c:pt idx="2944">
                  <c:v>3.1284098999999239</c:v>
                </c:pt>
                <c:pt idx="2945">
                  <c:v>3.1910152999999228</c:v>
                </c:pt>
                <c:pt idx="2946">
                  <c:v>3.0877930999999244</c:v>
                </c:pt>
                <c:pt idx="2947">
                  <c:v>3.0789940999999246</c:v>
                </c:pt>
                <c:pt idx="2948">
                  <c:v>3.1228360999999234</c:v>
                </c:pt>
                <c:pt idx="2949">
                  <c:v>3.1694090999999229</c:v>
                </c:pt>
                <c:pt idx="2950">
                  <c:v>3.1973374999999224</c:v>
                </c:pt>
                <c:pt idx="2951">
                  <c:v>3.2084930999999228</c:v>
                </c:pt>
                <c:pt idx="2952">
                  <c:v>3.2660503999999211</c:v>
                </c:pt>
                <c:pt idx="2953">
                  <c:v>3.2273524999999221</c:v>
                </c:pt>
                <c:pt idx="2954">
                  <c:v>3.2100664999999218</c:v>
                </c:pt>
                <c:pt idx="2955">
                  <c:v>3.2300551999999216</c:v>
                </c:pt>
                <c:pt idx="2956">
                  <c:v>3.2701441999999217</c:v>
                </c:pt>
                <c:pt idx="2957">
                  <c:v>3.3136904999999208</c:v>
                </c:pt>
                <c:pt idx="2958">
                  <c:v>3.33631879999992</c:v>
                </c:pt>
                <c:pt idx="2959">
                  <c:v>3.3764659999999189</c:v>
                </c:pt>
                <c:pt idx="2960">
                  <c:v>3.4287561999999179</c:v>
                </c:pt>
                <c:pt idx="2961">
                  <c:v>3.4362702999999186</c:v>
                </c:pt>
                <c:pt idx="2962">
                  <c:v>3.4976870999999177</c:v>
                </c:pt>
                <c:pt idx="2963">
                  <c:v>3.5296741999999162</c:v>
                </c:pt>
                <c:pt idx="2964">
                  <c:v>3.5252580999999168</c:v>
                </c:pt>
                <c:pt idx="2965">
                  <c:v>3.5310823999999155</c:v>
                </c:pt>
                <c:pt idx="2966">
                  <c:v>3.5717191999999161</c:v>
                </c:pt>
                <c:pt idx="2967">
                  <c:v>3.5505784999999168</c:v>
                </c:pt>
                <c:pt idx="2968">
                  <c:v>3.5503153999999162</c:v>
                </c:pt>
                <c:pt idx="2969">
                  <c:v>3.5895787999999156</c:v>
                </c:pt>
                <c:pt idx="2970">
                  <c:v>3.5424707999999168</c:v>
                </c:pt>
                <c:pt idx="2971">
                  <c:v>3.604574299999916</c:v>
                </c:pt>
                <c:pt idx="2972">
                  <c:v>3.585923999999916</c:v>
                </c:pt>
                <c:pt idx="2973">
                  <c:v>3.5631753999999161</c:v>
                </c:pt>
                <c:pt idx="2974">
                  <c:v>3.6035382999999159</c:v>
                </c:pt>
                <c:pt idx="2975">
                  <c:v>3.6665952999999147</c:v>
                </c:pt>
                <c:pt idx="2976">
                  <c:v>3.7059282999999139</c:v>
                </c:pt>
                <c:pt idx="2977">
                  <c:v>3.6342294999999156</c:v>
                </c:pt>
                <c:pt idx="2978">
                  <c:v>3.6477078999999151</c:v>
                </c:pt>
                <c:pt idx="2979">
                  <c:v>3.6190158999999147</c:v>
                </c:pt>
                <c:pt idx="2980">
                  <c:v>3.682439799999913</c:v>
                </c:pt>
                <c:pt idx="2981">
                  <c:v>3.6701247999999129</c:v>
                </c:pt>
                <c:pt idx="2982">
                  <c:v>3.6861116999999126</c:v>
                </c:pt>
                <c:pt idx="2983">
                  <c:v>3.6720632999999125</c:v>
                </c:pt>
                <c:pt idx="2984">
                  <c:v>3.699808299999912</c:v>
                </c:pt>
                <c:pt idx="2985">
                  <c:v>3.6908388999999122</c:v>
                </c:pt>
                <c:pt idx="2986">
                  <c:v>3.7019120999999124</c:v>
                </c:pt>
                <c:pt idx="2987">
                  <c:v>3.6000892999999135</c:v>
                </c:pt>
                <c:pt idx="2988">
                  <c:v>3.592773299999914</c:v>
                </c:pt>
                <c:pt idx="2989">
                  <c:v>3.5619030999999151</c:v>
                </c:pt>
                <c:pt idx="2990">
                  <c:v>3.5670167999999149</c:v>
                </c:pt>
                <c:pt idx="2991">
                  <c:v>3.5649687999999147</c:v>
                </c:pt>
                <c:pt idx="2992">
                  <c:v>3.6140160999999136</c:v>
                </c:pt>
                <c:pt idx="2993">
                  <c:v>3.6388841999999126</c:v>
                </c:pt>
                <c:pt idx="2994">
                  <c:v>3.6069798999999136</c:v>
                </c:pt>
                <c:pt idx="2995">
                  <c:v>3.6316249999999126</c:v>
                </c:pt>
                <c:pt idx="2996">
                  <c:v>3.727963599999911</c:v>
                </c:pt>
                <c:pt idx="2997">
                  <c:v>3.7487175999999103</c:v>
                </c:pt>
                <c:pt idx="2998">
                  <c:v>3.7978698999999096</c:v>
                </c:pt>
                <c:pt idx="2999">
                  <c:v>3.7828950999999096</c:v>
                </c:pt>
                <c:pt idx="3000">
                  <c:v>3.6523958999999122</c:v>
                </c:pt>
                <c:pt idx="3001">
                  <c:v>3.6750121999999124</c:v>
                </c:pt>
                <c:pt idx="3002">
                  <c:v>3.5695683999999135</c:v>
                </c:pt>
                <c:pt idx="3003">
                  <c:v>3.5762743999999138</c:v>
                </c:pt>
                <c:pt idx="3004">
                  <c:v>3.6184388999999131</c:v>
                </c:pt>
                <c:pt idx="3005">
                  <c:v>3.5805904999999134</c:v>
                </c:pt>
                <c:pt idx="3006">
                  <c:v>3.6068052999999134</c:v>
                </c:pt>
                <c:pt idx="3007">
                  <c:v>3.6199792999999119</c:v>
                </c:pt>
                <c:pt idx="3008">
                  <c:v>3.6873982999999102</c:v>
                </c:pt>
                <c:pt idx="3009">
                  <c:v>3.7282032999999091</c:v>
                </c:pt>
                <c:pt idx="3010">
                  <c:v>3.6925983999999099</c:v>
                </c:pt>
                <c:pt idx="3011">
                  <c:v>3.641688799999911</c:v>
                </c:pt>
                <c:pt idx="3012">
                  <c:v>3.6597770999999115</c:v>
                </c:pt>
                <c:pt idx="3013">
                  <c:v>3.7127914999999101</c:v>
                </c:pt>
                <c:pt idx="3014">
                  <c:v>3.6695423999999113</c:v>
                </c:pt>
                <c:pt idx="3015">
                  <c:v>3.6714211999999113</c:v>
                </c:pt>
                <c:pt idx="3016">
                  <c:v>3.7576955999999093</c:v>
                </c:pt>
                <c:pt idx="3017">
                  <c:v>3.7321917999999092</c:v>
                </c:pt>
                <c:pt idx="3018">
                  <c:v>3.7977059999999074</c:v>
                </c:pt>
                <c:pt idx="3019">
                  <c:v>3.8120778999999079</c:v>
                </c:pt>
                <c:pt idx="3020">
                  <c:v>3.8390001999999068</c:v>
                </c:pt>
                <c:pt idx="3021">
                  <c:v>3.8386761999999068</c:v>
                </c:pt>
                <c:pt idx="3022">
                  <c:v>3.8002695999999077</c:v>
                </c:pt>
                <c:pt idx="3023">
                  <c:v>3.8143989999999066</c:v>
                </c:pt>
                <c:pt idx="3024">
                  <c:v>3.8334038999999072</c:v>
                </c:pt>
                <c:pt idx="3025">
                  <c:v>3.8582585999999068</c:v>
                </c:pt>
                <c:pt idx="3026">
                  <c:v>3.9524418999999051</c:v>
                </c:pt>
                <c:pt idx="3027">
                  <c:v>3.9192449999999059</c:v>
                </c:pt>
                <c:pt idx="3028">
                  <c:v>3.9215064999999054</c:v>
                </c:pt>
                <c:pt idx="3029">
                  <c:v>3.9540063999999058</c:v>
                </c:pt>
                <c:pt idx="3030">
                  <c:v>3.9649067999999046</c:v>
                </c:pt>
                <c:pt idx="3031">
                  <c:v>3.9548813999999046</c:v>
                </c:pt>
                <c:pt idx="3032">
                  <c:v>3.9279405999999062</c:v>
                </c:pt>
                <c:pt idx="3033">
                  <c:v>3.962314599999905</c:v>
                </c:pt>
                <c:pt idx="3034">
                  <c:v>3.9866183999999052</c:v>
                </c:pt>
                <c:pt idx="3035">
                  <c:v>4.0295143999999041</c:v>
                </c:pt>
                <c:pt idx="3036">
                  <c:v>3.9151024999999056</c:v>
                </c:pt>
                <c:pt idx="3037">
                  <c:v>3.825305699999908</c:v>
                </c:pt>
                <c:pt idx="3038">
                  <c:v>3.7985566999999074</c:v>
                </c:pt>
                <c:pt idx="3039">
                  <c:v>3.9503007999999049</c:v>
                </c:pt>
                <c:pt idx="3040">
                  <c:v>3.9833388999999038</c:v>
                </c:pt>
                <c:pt idx="3041">
                  <c:v>3.9562204999999038</c:v>
                </c:pt>
                <c:pt idx="3042">
                  <c:v>3.8090399999999072</c:v>
                </c:pt>
                <c:pt idx="3043">
                  <c:v>3.6101052999999101</c:v>
                </c:pt>
                <c:pt idx="3044">
                  <c:v>3.6501424999999097</c:v>
                </c:pt>
                <c:pt idx="3045">
                  <c:v>3.628217399999909</c:v>
                </c:pt>
                <c:pt idx="3046">
                  <c:v>3.5859932999999105</c:v>
                </c:pt>
                <c:pt idx="3047">
                  <c:v>3.60027999999991</c:v>
                </c:pt>
                <c:pt idx="3048">
                  <c:v>3.6658860999999083</c:v>
                </c:pt>
                <c:pt idx="3049">
                  <c:v>3.6994156999999079</c:v>
                </c:pt>
                <c:pt idx="3050">
                  <c:v>3.6924606999999074</c:v>
                </c:pt>
                <c:pt idx="3051">
                  <c:v>3.6732223999999079</c:v>
                </c:pt>
                <c:pt idx="3052">
                  <c:v>3.6861348999999075</c:v>
                </c:pt>
                <c:pt idx="3053">
                  <c:v>3.7308908999999071</c:v>
                </c:pt>
                <c:pt idx="3054">
                  <c:v>3.6408940999999082</c:v>
                </c:pt>
                <c:pt idx="3055">
                  <c:v>3.6875787999999075</c:v>
                </c:pt>
                <c:pt idx="3056">
                  <c:v>3.4963778999999109</c:v>
                </c:pt>
                <c:pt idx="3057">
                  <c:v>3.5073228999999104</c:v>
                </c:pt>
                <c:pt idx="3058">
                  <c:v>3.5046350999999101</c:v>
                </c:pt>
                <c:pt idx="3059">
                  <c:v>3.5902334999999086</c:v>
                </c:pt>
                <c:pt idx="3060">
                  <c:v>3.6166005999999085</c:v>
                </c:pt>
                <c:pt idx="3061">
                  <c:v>3.6140378999999081</c:v>
                </c:pt>
                <c:pt idx="3062">
                  <c:v>3.6006092999999089</c:v>
                </c:pt>
                <c:pt idx="3063">
                  <c:v>3.5219955999999106</c:v>
                </c:pt>
                <c:pt idx="3064">
                  <c:v>3.5168922999999106</c:v>
                </c:pt>
                <c:pt idx="3065">
                  <c:v>3.4340796999999119</c:v>
                </c:pt>
                <c:pt idx="3066">
                  <c:v>3.4524850999999117</c:v>
                </c:pt>
                <c:pt idx="3067">
                  <c:v>3.4709880999999108</c:v>
                </c:pt>
                <c:pt idx="3068">
                  <c:v>3.4206683999999123</c:v>
                </c:pt>
                <c:pt idx="3069">
                  <c:v>3.4134433999999123</c:v>
                </c:pt>
                <c:pt idx="3070">
                  <c:v>3.4545369999999114</c:v>
                </c:pt>
                <c:pt idx="3071">
                  <c:v>3.4499204999999113</c:v>
                </c:pt>
                <c:pt idx="3072">
                  <c:v>3.4809234999999115</c:v>
                </c:pt>
                <c:pt idx="3073">
                  <c:v>3.501327299999911</c:v>
                </c:pt>
                <c:pt idx="3074">
                  <c:v>3.5296064999999102</c:v>
                </c:pt>
                <c:pt idx="3075">
                  <c:v>3.5874671999999093</c:v>
                </c:pt>
                <c:pt idx="3076">
                  <c:v>3.6374663999999086</c:v>
                </c:pt>
                <c:pt idx="3077">
                  <c:v>3.6372141999999084</c:v>
                </c:pt>
                <c:pt idx="3078">
                  <c:v>3.5975840999999091</c:v>
                </c:pt>
                <c:pt idx="3079">
                  <c:v>3.707015399999908</c:v>
                </c:pt>
                <c:pt idx="3080">
                  <c:v>3.719904899999908</c:v>
                </c:pt>
                <c:pt idx="3081">
                  <c:v>3.7638755999999072</c:v>
                </c:pt>
                <c:pt idx="3082">
                  <c:v>3.7322122999999072</c:v>
                </c:pt>
                <c:pt idx="3083">
                  <c:v>3.750370699999908</c:v>
                </c:pt>
                <c:pt idx="3084">
                  <c:v>3.7394971999999074</c:v>
                </c:pt>
                <c:pt idx="3085">
                  <c:v>3.7677477999999081</c:v>
                </c:pt>
                <c:pt idx="3086">
                  <c:v>3.8879799999999047</c:v>
                </c:pt>
                <c:pt idx="3087">
                  <c:v>3.8907794999999048</c:v>
                </c:pt>
                <c:pt idx="3088">
                  <c:v>3.924983599999905</c:v>
                </c:pt>
                <c:pt idx="3089">
                  <c:v>3.9645656999999037</c:v>
                </c:pt>
                <c:pt idx="3090">
                  <c:v>3.9653399999999044</c:v>
                </c:pt>
                <c:pt idx="3091">
                  <c:v>3.9295144999999048</c:v>
                </c:pt>
                <c:pt idx="3092">
                  <c:v>3.9990936999999036</c:v>
                </c:pt>
                <c:pt idx="3093">
                  <c:v>4.0508375999999027</c:v>
                </c:pt>
                <c:pt idx="3094">
                  <c:v>4.1224200999999008</c:v>
                </c:pt>
                <c:pt idx="3095">
                  <c:v>4.1221581999999009</c:v>
                </c:pt>
                <c:pt idx="3096">
                  <c:v>4.1565390999998995</c:v>
                </c:pt>
                <c:pt idx="3097">
                  <c:v>4.1314390999999002</c:v>
                </c:pt>
                <c:pt idx="3098">
                  <c:v>4.0454518999999021</c:v>
                </c:pt>
                <c:pt idx="3099">
                  <c:v>4.0975096999999012</c:v>
                </c:pt>
                <c:pt idx="3100">
                  <c:v>4.1054365999999014</c:v>
                </c:pt>
                <c:pt idx="3101">
                  <c:v>4.1288121999999001</c:v>
                </c:pt>
                <c:pt idx="3102">
                  <c:v>4.1458003999998994</c:v>
                </c:pt>
                <c:pt idx="3103">
                  <c:v>4.0967384999999004</c:v>
                </c:pt>
                <c:pt idx="3104">
                  <c:v>4.1028324999998995</c:v>
                </c:pt>
                <c:pt idx="3105">
                  <c:v>4.1397814999998985</c:v>
                </c:pt>
                <c:pt idx="3106">
                  <c:v>4.1799686999998977</c:v>
                </c:pt>
                <c:pt idx="3107">
                  <c:v>4.2415871999998966</c:v>
                </c:pt>
                <c:pt idx="3108">
                  <c:v>4.2840848999998968</c:v>
                </c:pt>
                <c:pt idx="3109">
                  <c:v>4.2681381999998971</c:v>
                </c:pt>
                <c:pt idx="3110">
                  <c:v>4.350663599999895</c:v>
                </c:pt>
                <c:pt idx="3111">
                  <c:v>4.341885399999895</c:v>
                </c:pt>
                <c:pt idx="3112">
                  <c:v>4.3377244999998954</c:v>
                </c:pt>
                <c:pt idx="3113">
                  <c:v>4.4300006999998924</c:v>
                </c:pt>
                <c:pt idx="3114">
                  <c:v>4.4638695999998914</c:v>
                </c:pt>
                <c:pt idx="3115">
                  <c:v>4.377264699999893</c:v>
                </c:pt>
                <c:pt idx="3116">
                  <c:v>4.3467180999998947</c:v>
                </c:pt>
                <c:pt idx="3117">
                  <c:v>4.3289524999998941</c:v>
                </c:pt>
                <c:pt idx="3118">
                  <c:v>4.349787499999894</c:v>
                </c:pt>
                <c:pt idx="3119">
                  <c:v>4.3317479999998945</c:v>
                </c:pt>
                <c:pt idx="3120">
                  <c:v>4.3629026999998946</c:v>
                </c:pt>
                <c:pt idx="3121">
                  <c:v>4.3819366999998941</c:v>
                </c:pt>
                <c:pt idx="3122">
                  <c:v>4.3650974999998944</c:v>
                </c:pt>
                <c:pt idx="3123">
                  <c:v>4.2679429999998959</c:v>
                </c:pt>
                <c:pt idx="3124">
                  <c:v>4.2233932999998967</c:v>
                </c:pt>
                <c:pt idx="3125">
                  <c:v>4.2586752999998971</c:v>
                </c:pt>
                <c:pt idx="3126">
                  <c:v>4.3209660999998949</c:v>
                </c:pt>
                <c:pt idx="3127">
                  <c:v>4.2821080999998964</c:v>
                </c:pt>
                <c:pt idx="3128">
                  <c:v>4.3620666999998949</c:v>
                </c:pt>
                <c:pt idx="3129">
                  <c:v>4.3745931999998948</c:v>
                </c:pt>
                <c:pt idx="3130">
                  <c:v>4.2901966999998971</c:v>
                </c:pt>
                <c:pt idx="3131">
                  <c:v>4.2835413999998968</c:v>
                </c:pt>
                <c:pt idx="3132">
                  <c:v>4.1716523999998998</c:v>
                </c:pt>
                <c:pt idx="3133">
                  <c:v>4.2045178999998987</c:v>
                </c:pt>
                <c:pt idx="3134">
                  <c:v>4.2032855999998988</c:v>
                </c:pt>
                <c:pt idx="3135">
                  <c:v>4.2060406999998978</c:v>
                </c:pt>
                <c:pt idx="3136">
                  <c:v>4.2241951999998975</c:v>
                </c:pt>
                <c:pt idx="3137">
                  <c:v>4.2477191999998967</c:v>
                </c:pt>
                <c:pt idx="3138">
                  <c:v>4.2828226999998957</c:v>
                </c:pt>
                <c:pt idx="3139">
                  <c:v>4.2566758999998964</c:v>
                </c:pt>
                <c:pt idx="3140">
                  <c:v>4.2796984999998964</c:v>
                </c:pt>
                <c:pt idx="3141">
                  <c:v>4.2785424999998964</c:v>
                </c:pt>
                <c:pt idx="3142">
                  <c:v>4.304741599999895</c:v>
                </c:pt>
                <c:pt idx="3143">
                  <c:v>4.2902240999998957</c:v>
                </c:pt>
                <c:pt idx="3144">
                  <c:v>4.2575003999998966</c:v>
                </c:pt>
                <c:pt idx="3145">
                  <c:v>4.2743635999998961</c:v>
                </c:pt>
                <c:pt idx="3146">
                  <c:v>4.2624001999998962</c:v>
                </c:pt>
                <c:pt idx="3147">
                  <c:v>4.2589793999998964</c:v>
                </c:pt>
                <c:pt idx="3148">
                  <c:v>4.2082268999998966</c:v>
                </c:pt>
                <c:pt idx="3149">
                  <c:v>4.1827684999998977</c:v>
                </c:pt>
                <c:pt idx="3150">
                  <c:v>4.2909090999998964</c:v>
                </c:pt>
                <c:pt idx="3151">
                  <c:v>4.2663838999998962</c:v>
                </c:pt>
                <c:pt idx="3152">
                  <c:v>4.2250991999998968</c:v>
                </c:pt>
                <c:pt idx="3153">
                  <c:v>4.2755483999998969</c:v>
                </c:pt>
                <c:pt idx="3154">
                  <c:v>4.2928344999998957</c:v>
                </c:pt>
                <c:pt idx="3155">
                  <c:v>4.347041899999895</c:v>
                </c:pt>
                <c:pt idx="3156">
                  <c:v>4.3207394999998954</c:v>
                </c:pt>
                <c:pt idx="3157">
                  <c:v>4.3217558999998946</c:v>
                </c:pt>
                <c:pt idx="3158">
                  <c:v>4.501161799999891</c:v>
                </c:pt>
                <c:pt idx="3159">
                  <c:v>4.5962653999998881</c:v>
                </c:pt>
                <c:pt idx="3160">
                  <c:v>4.5829312999998884</c:v>
                </c:pt>
                <c:pt idx="3161">
                  <c:v>4.4840510999998902</c:v>
                </c:pt>
                <c:pt idx="3162">
                  <c:v>4.5384473999998889</c:v>
                </c:pt>
                <c:pt idx="3163">
                  <c:v>4.5305213999998886</c:v>
                </c:pt>
                <c:pt idx="3164">
                  <c:v>4.5905505999998883</c:v>
                </c:pt>
                <c:pt idx="3165">
                  <c:v>4.6684392999998865</c:v>
                </c:pt>
                <c:pt idx="3166">
                  <c:v>4.6739414999998852</c:v>
                </c:pt>
                <c:pt idx="3167">
                  <c:v>4.6739827999998855</c:v>
                </c:pt>
                <c:pt idx="3168">
                  <c:v>4.6969893999998842</c:v>
                </c:pt>
                <c:pt idx="3169">
                  <c:v>4.7488766999998839</c:v>
                </c:pt>
                <c:pt idx="3170">
                  <c:v>4.6582462999998855</c:v>
                </c:pt>
                <c:pt idx="3171">
                  <c:v>4.1645274999998954</c:v>
                </c:pt>
                <c:pt idx="3172">
                  <c:v>4.2969787999998923</c:v>
                </c:pt>
                <c:pt idx="3173">
                  <c:v>4.1766616999998956</c:v>
                </c:pt>
                <c:pt idx="3174">
                  <c:v>4.2887416999998935</c:v>
                </c:pt>
                <c:pt idx="3175">
                  <c:v>4.3316638999998931</c:v>
                </c:pt>
                <c:pt idx="3176">
                  <c:v>4.3458903999998926</c:v>
                </c:pt>
                <c:pt idx="3177">
                  <c:v>4.4199077999998915</c:v>
                </c:pt>
                <c:pt idx="3178">
                  <c:v>4.4226566999998917</c:v>
                </c:pt>
                <c:pt idx="3179">
                  <c:v>4.4261563999998916</c:v>
                </c:pt>
                <c:pt idx="3180">
                  <c:v>4.3529752999998932</c:v>
                </c:pt>
                <c:pt idx="3181">
                  <c:v>4.3038497999998944</c:v>
                </c:pt>
                <c:pt idx="3182">
                  <c:v>4.3277860999998943</c:v>
                </c:pt>
                <c:pt idx="3183">
                  <c:v>4.3153069999998941</c:v>
                </c:pt>
                <c:pt idx="3184">
                  <c:v>4.3505666999998933</c:v>
                </c:pt>
                <c:pt idx="3185">
                  <c:v>4.3736584999998929</c:v>
                </c:pt>
                <c:pt idx="3186">
                  <c:v>4.3655269999998927</c:v>
                </c:pt>
                <c:pt idx="3187">
                  <c:v>4.3462304999998924</c:v>
                </c:pt>
                <c:pt idx="3188">
                  <c:v>4.2833779999998933</c:v>
                </c:pt>
                <c:pt idx="3189">
                  <c:v>4.293011199999893</c:v>
                </c:pt>
                <c:pt idx="3190">
                  <c:v>4.3246176999998927</c:v>
                </c:pt>
                <c:pt idx="3191">
                  <c:v>4.3343857999998923</c:v>
                </c:pt>
                <c:pt idx="3192">
                  <c:v>4.3389717999998929</c:v>
                </c:pt>
                <c:pt idx="3193">
                  <c:v>4.2752587999998939</c:v>
                </c:pt>
                <c:pt idx="3194">
                  <c:v>4.2215178999998955</c:v>
                </c:pt>
                <c:pt idx="3195">
                  <c:v>4.2509853999998946</c:v>
                </c:pt>
                <c:pt idx="3196">
                  <c:v>4.2638587999998947</c:v>
                </c:pt>
                <c:pt idx="3197">
                  <c:v>4.3101676999998935</c:v>
                </c:pt>
                <c:pt idx="3198">
                  <c:v>4.2762805999998941</c:v>
                </c:pt>
                <c:pt idx="3199">
                  <c:v>4.3192866999998936</c:v>
                </c:pt>
                <c:pt idx="3200">
                  <c:v>4.3165913999998935</c:v>
                </c:pt>
                <c:pt idx="3201">
                  <c:v>4.3788650999998913</c:v>
                </c:pt>
                <c:pt idx="3202">
                  <c:v>4.3970354999998911</c:v>
                </c:pt>
                <c:pt idx="3203">
                  <c:v>4.3959119999998908</c:v>
                </c:pt>
                <c:pt idx="3204">
                  <c:v>4.4152963999998907</c:v>
                </c:pt>
                <c:pt idx="3205">
                  <c:v>4.4030181999998907</c:v>
                </c:pt>
                <c:pt idx="3206">
                  <c:v>4.4110316999998895</c:v>
                </c:pt>
                <c:pt idx="3207">
                  <c:v>4.4638135999998889</c:v>
                </c:pt>
                <c:pt idx="3208">
                  <c:v>4.4924784999998888</c:v>
                </c:pt>
                <c:pt idx="3209">
                  <c:v>4.5788877999998876</c:v>
                </c:pt>
                <c:pt idx="3210">
                  <c:v>4.6311845999998864</c:v>
                </c:pt>
                <c:pt idx="3211">
                  <c:v>4.6409931999998859</c:v>
                </c:pt>
                <c:pt idx="3212">
                  <c:v>4.6383792999998867</c:v>
                </c:pt>
                <c:pt idx="3213">
                  <c:v>4.6578310999998855</c:v>
                </c:pt>
                <c:pt idx="3214">
                  <c:v>4.6556068999998859</c:v>
                </c:pt>
                <c:pt idx="3215">
                  <c:v>4.6418396999998857</c:v>
                </c:pt>
                <c:pt idx="3216">
                  <c:v>4.6679193999998851</c:v>
                </c:pt>
                <c:pt idx="3217">
                  <c:v>4.7128548999998845</c:v>
                </c:pt>
                <c:pt idx="3218">
                  <c:v>4.7304277999998838</c:v>
                </c:pt>
                <c:pt idx="3219">
                  <c:v>4.6702555999998854</c:v>
                </c:pt>
                <c:pt idx="3220">
                  <c:v>4.6872015999998844</c:v>
                </c:pt>
                <c:pt idx="3221">
                  <c:v>4.7004925999998841</c:v>
                </c:pt>
                <c:pt idx="3222">
                  <c:v>4.7364372999998841</c:v>
                </c:pt>
                <c:pt idx="3223">
                  <c:v>4.7380129999998823</c:v>
                </c:pt>
                <c:pt idx="3224">
                  <c:v>4.802748899999882</c:v>
                </c:pt>
                <c:pt idx="3225">
                  <c:v>4.7752733999998824</c:v>
                </c:pt>
                <c:pt idx="3226">
                  <c:v>4.7757599999998828</c:v>
                </c:pt>
                <c:pt idx="3227">
                  <c:v>4.8486294999998822</c:v>
                </c:pt>
                <c:pt idx="3228">
                  <c:v>4.8339728999998828</c:v>
                </c:pt>
                <c:pt idx="3229">
                  <c:v>4.8024145999998824</c:v>
                </c:pt>
                <c:pt idx="3230">
                  <c:v>4.7473114999998849</c:v>
                </c:pt>
                <c:pt idx="3231">
                  <c:v>4.7962548999998837</c:v>
                </c:pt>
                <c:pt idx="3232">
                  <c:v>4.8464318999998826</c:v>
                </c:pt>
                <c:pt idx="3233">
                  <c:v>4.8311989999998834</c:v>
                </c:pt>
                <c:pt idx="3234">
                  <c:v>4.8594179999998834</c:v>
                </c:pt>
                <c:pt idx="3235">
                  <c:v>4.8267513999998846</c:v>
                </c:pt>
                <c:pt idx="3236">
                  <c:v>4.8508130999998835</c:v>
                </c:pt>
                <c:pt idx="3237">
                  <c:v>4.8241658999998842</c:v>
                </c:pt>
                <c:pt idx="3238">
                  <c:v>4.9161735999998832</c:v>
                </c:pt>
                <c:pt idx="3239">
                  <c:v>4.9619957999998823</c:v>
                </c:pt>
                <c:pt idx="3240">
                  <c:v>5.0228636999998812</c:v>
                </c:pt>
                <c:pt idx="3241">
                  <c:v>5.0356984999998806</c:v>
                </c:pt>
                <c:pt idx="3242">
                  <c:v>5.0573140999998811</c:v>
                </c:pt>
                <c:pt idx="3243">
                  <c:v>5.0638894999998811</c:v>
                </c:pt>
                <c:pt idx="3244">
                  <c:v>5.0896311999998813</c:v>
                </c:pt>
                <c:pt idx="3245">
                  <c:v>5.1091534999998807</c:v>
                </c:pt>
                <c:pt idx="3246">
                  <c:v>5.1606026999998802</c:v>
                </c:pt>
                <c:pt idx="3247">
                  <c:v>5.1937043999998789</c:v>
                </c:pt>
                <c:pt idx="3248">
                  <c:v>5.2426265999998778</c:v>
                </c:pt>
                <c:pt idx="3249">
                  <c:v>5.3189089999998762</c:v>
                </c:pt>
                <c:pt idx="3250">
                  <c:v>5.3507662999998757</c:v>
                </c:pt>
                <c:pt idx="3251">
                  <c:v>5.4307193999998749</c:v>
                </c:pt>
                <c:pt idx="3252">
                  <c:v>5.4324913999998747</c:v>
                </c:pt>
                <c:pt idx="3253">
                  <c:v>5.4292097999998745</c:v>
                </c:pt>
                <c:pt idx="3254">
                  <c:v>5.405480499999876</c:v>
                </c:pt>
                <c:pt idx="3255">
                  <c:v>5.4774416999998738</c:v>
                </c:pt>
                <c:pt idx="3256">
                  <c:v>5.5117439999998732</c:v>
                </c:pt>
                <c:pt idx="3257">
                  <c:v>5.5104189999998727</c:v>
                </c:pt>
                <c:pt idx="3258">
                  <c:v>5.4712082999998737</c:v>
                </c:pt>
                <c:pt idx="3259">
                  <c:v>5.4374703999998744</c:v>
                </c:pt>
                <c:pt idx="3260">
                  <c:v>5.415225899999875</c:v>
                </c:pt>
                <c:pt idx="3261">
                  <c:v>5.2696782999998772</c:v>
                </c:pt>
                <c:pt idx="3262">
                  <c:v>5.2613653999998773</c:v>
                </c:pt>
                <c:pt idx="3263">
                  <c:v>5.1874640999998789</c:v>
                </c:pt>
                <c:pt idx="3264">
                  <c:v>5.1896028999998789</c:v>
                </c:pt>
                <c:pt idx="3265">
                  <c:v>5.2703259999998773</c:v>
                </c:pt>
                <c:pt idx="3266">
                  <c:v>5.2776495999998767</c:v>
                </c:pt>
                <c:pt idx="3267">
                  <c:v>5.3988497999998737</c:v>
                </c:pt>
                <c:pt idx="3268">
                  <c:v>5.4478682999998718</c:v>
                </c:pt>
                <c:pt idx="3269">
                  <c:v>5.4239861999998729</c:v>
                </c:pt>
                <c:pt idx="3270">
                  <c:v>5.4100727999998739</c:v>
                </c:pt>
                <c:pt idx="3271">
                  <c:v>5.4180853999998737</c:v>
                </c:pt>
                <c:pt idx="3272">
                  <c:v>5.4881485999998727</c:v>
                </c:pt>
                <c:pt idx="3273">
                  <c:v>5.4907136999998727</c:v>
                </c:pt>
                <c:pt idx="3274">
                  <c:v>5.5232969999998733</c:v>
                </c:pt>
                <c:pt idx="3275">
                  <c:v>5.4799857999998736</c:v>
                </c:pt>
                <c:pt idx="3276">
                  <c:v>5.4008473999998747</c:v>
                </c:pt>
                <c:pt idx="3277">
                  <c:v>5.4969049999998738</c:v>
                </c:pt>
                <c:pt idx="3278">
                  <c:v>5.4684108999998742</c:v>
                </c:pt>
                <c:pt idx="3279">
                  <c:v>5.531193299999873</c:v>
                </c:pt>
                <c:pt idx="3280">
                  <c:v>5.4334223999998752</c:v>
                </c:pt>
                <c:pt idx="3281">
                  <c:v>5.4856106999998735</c:v>
                </c:pt>
                <c:pt idx="3282">
                  <c:v>5.4842741999998736</c:v>
                </c:pt>
                <c:pt idx="3283">
                  <c:v>5.3857898999998755</c:v>
                </c:pt>
                <c:pt idx="3284">
                  <c:v>5.3977595999998744</c:v>
                </c:pt>
                <c:pt idx="3285">
                  <c:v>5.2536971999998778</c:v>
                </c:pt>
                <c:pt idx="3286">
                  <c:v>5.2209799999998783</c:v>
                </c:pt>
                <c:pt idx="3287">
                  <c:v>5.2308088999998787</c:v>
                </c:pt>
                <c:pt idx="3288">
                  <c:v>5.1959173999998791</c:v>
                </c:pt>
                <c:pt idx="3289">
                  <c:v>5.1856530999998789</c:v>
                </c:pt>
                <c:pt idx="3290">
                  <c:v>5.0363656999998829</c:v>
                </c:pt>
                <c:pt idx="3291">
                  <c:v>5.2025370999998799</c:v>
                </c:pt>
                <c:pt idx="3292">
                  <c:v>5.089427799999882</c:v>
                </c:pt>
                <c:pt idx="3293">
                  <c:v>4.9888692999998838</c:v>
                </c:pt>
                <c:pt idx="3294">
                  <c:v>5.0104038999998828</c:v>
                </c:pt>
                <c:pt idx="3295">
                  <c:v>4.9445199999998835</c:v>
                </c:pt>
                <c:pt idx="3296">
                  <c:v>5.1048421999998812</c:v>
                </c:pt>
                <c:pt idx="3297">
                  <c:v>5.1940528999998792</c:v>
                </c:pt>
                <c:pt idx="3298">
                  <c:v>5.1937857999998789</c:v>
                </c:pt>
                <c:pt idx="3299">
                  <c:v>5.3353572999998766</c:v>
                </c:pt>
                <c:pt idx="3300">
                  <c:v>5.3211032999998764</c:v>
                </c:pt>
                <c:pt idx="3301">
                  <c:v>5.3258253999998768</c:v>
                </c:pt>
                <c:pt idx="3302">
                  <c:v>5.3196092999998763</c:v>
                </c:pt>
                <c:pt idx="3303">
                  <c:v>5.3153864999998763</c:v>
                </c:pt>
                <c:pt idx="3304">
                  <c:v>5.3165323999998764</c:v>
                </c:pt>
                <c:pt idx="3305">
                  <c:v>5.2121164999998788</c:v>
                </c:pt>
                <c:pt idx="3306">
                  <c:v>5.1012404999998813</c:v>
                </c:pt>
                <c:pt idx="3307">
                  <c:v>5.1293230999998798</c:v>
                </c:pt>
                <c:pt idx="3308">
                  <c:v>5.180031399999879</c:v>
                </c:pt>
                <c:pt idx="3309">
                  <c:v>5.1614509999998788</c:v>
                </c:pt>
                <c:pt idx="3310">
                  <c:v>5.2264352999998787</c:v>
                </c:pt>
                <c:pt idx="3311">
                  <c:v>5.1677576999998802</c:v>
                </c:pt>
                <c:pt idx="3312">
                  <c:v>5.2211909999998785</c:v>
                </c:pt>
                <c:pt idx="3313">
                  <c:v>5.2000764999998781</c:v>
                </c:pt>
                <c:pt idx="3314">
                  <c:v>5.2462847999998763</c:v>
                </c:pt>
                <c:pt idx="3315">
                  <c:v>5.2220662999998773</c:v>
                </c:pt>
                <c:pt idx="3316">
                  <c:v>5.1901577999998771</c:v>
                </c:pt>
                <c:pt idx="3317">
                  <c:v>5.2666336999998764</c:v>
                </c:pt>
                <c:pt idx="3318">
                  <c:v>5.3075955999998747</c:v>
                </c:pt>
                <c:pt idx="3319">
                  <c:v>5.258137899999876</c:v>
                </c:pt>
                <c:pt idx="3320">
                  <c:v>5.3135716999998746</c:v>
                </c:pt>
                <c:pt idx="3321">
                  <c:v>5.4050006999998734</c:v>
                </c:pt>
                <c:pt idx="3322">
                  <c:v>5.4105212999998731</c:v>
                </c:pt>
                <c:pt idx="3323">
                  <c:v>5.4573271999998711</c:v>
                </c:pt>
                <c:pt idx="3324">
                  <c:v>5.5217366999998703</c:v>
                </c:pt>
                <c:pt idx="3325">
                  <c:v>5.5812958999998683</c:v>
                </c:pt>
                <c:pt idx="3326">
                  <c:v>5.5809346999998688</c:v>
                </c:pt>
                <c:pt idx="3327">
                  <c:v>5.6623222999998672</c:v>
                </c:pt>
                <c:pt idx="3328">
                  <c:v>5.6570356999998683</c:v>
                </c:pt>
                <c:pt idx="3329">
                  <c:v>5.6883927999998676</c:v>
                </c:pt>
                <c:pt idx="3330">
                  <c:v>5.7028959999998676</c:v>
                </c:pt>
                <c:pt idx="3331">
                  <c:v>5.6786910999998685</c:v>
                </c:pt>
                <c:pt idx="3332">
                  <c:v>5.6497356999998685</c:v>
                </c:pt>
                <c:pt idx="3333">
                  <c:v>5.6164109999998697</c:v>
                </c:pt>
                <c:pt idx="3334">
                  <c:v>5.7001749999998674</c:v>
                </c:pt>
                <c:pt idx="3335">
                  <c:v>5.6901552999998675</c:v>
                </c:pt>
                <c:pt idx="3336">
                  <c:v>5.7592341999998666</c:v>
                </c:pt>
                <c:pt idx="3337">
                  <c:v>5.7236000999998673</c:v>
                </c:pt>
                <c:pt idx="3338">
                  <c:v>5.7887654999998661</c:v>
                </c:pt>
                <c:pt idx="3339">
                  <c:v>5.7883861999998656</c:v>
                </c:pt>
                <c:pt idx="3340">
                  <c:v>5.7944896999998656</c:v>
                </c:pt>
                <c:pt idx="3341">
                  <c:v>5.7664430999998659</c:v>
                </c:pt>
                <c:pt idx="3342">
                  <c:v>5.6475078999998685</c:v>
                </c:pt>
                <c:pt idx="3343">
                  <c:v>5.8334655999998661</c:v>
                </c:pt>
                <c:pt idx="3344">
                  <c:v>5.8332160999998655</c:v>
                </c:pt>
                <c:pt idx="3345">
                  <c:v>5.9623940999998641</c:v>
                </c:pt>
                <c:pt idx="3346">
                  <c:v>5.9152456999998648</c:v>
                </c:pt>
                <c:pt idx="3347">
                  <c:v>5.8987431999998652</c:v>
                </c:pt>
                <c:pt idx="3348">
                  <c:v>5.9628329999998639</c:v>
                </c:pt>
                <c:pt idx="3349">
                  <c:v>6.016628599999863</c:v>
                </c:pt>
                <c:pt idx="3350">
                  <c:v>5.9108316999998651</c:v>
                </c:pt>
                <c:pt idx="3351">
                  <c:v>5.7681630999998674</c:v>
                </c:pt>
                <c:pt idx="3352">
                  <c:v>5.8508607999998654</c:v>
                </c:pt>
                <c:pt idx="3353">
                  <c:v>5.8264060999998657</c:v>
                </c:pt>
                <c:pt idx="3354">
                  <c:v>5.7051993999998682</c:v>
                </c:pt>
                <c:pt idx="3355">
                  <c:v>5.63638339999987</c:v>
                </c:pt>
                <c:pt idx="3356">
                  <c:v>5.8582519999998661</c:v>
                </c:pt>
                <c:pt idx="3357">
                  <c:v>5.8867105999998648</c:v>
                </c:pt>
                <c:pt idx="3358">
                  <c:v>5.9083306999998637</c:v>
                </c:pt>
                <c:pt idx="3359">
                  <c:v>5.9577218999998642</c:v>
                </c:pt>
                <c:pt idx="3360">
                  <c:v>5.9723875999998643</c:v>
                </c:pt>
                <c:pt idx="3361">
                  <c:v>5.9738503999998631</c:v>
                </c:pt>
                <c:pt idx="3362">
                  <c:v>5.9939477999998632</c:v>
                </c:pt>
                <c:pt idx="3363">
                  <c:v>6.0723604999998626</c:v>
                </c:pt>
                <c:pt idx="3364">
                  <c:v>6.0902622999998623</c:v>
                </c:pt>
                <c:pt idx="3365">
                  <c:v>6.0253898999998645</c:v>
                </c:pt>
                <c:pt idx="3366">
                  <c:v>5.9713441999998649</c:v>
                </c:pt>
                <c:pt idx="3367">
                  <c:v>5.9406572999998657</c:v>
                </c:pt>
                <c:pt idx="3368">
                  <c:v>5.9549928999998656</c:v>
                </c:pt>
                <c:pt idx="3369">
                  <c:v>5.9374222999998656</c:v>
                </c:pt>
                <c:pt idx="3370">
                  <c:v>5.8977218999998664</c:v>
                </c:pt>
                <c:pt idx="3371">
                  <c:v>5.8823419999998672</c:v>
                </c:pt>
                <c:pt idx="3372">
                  <c:v>5.8737534999998671</c:v>
                </c:pt>
                <c:pt idx="3373">
                  <c:v>5.9615633999998652</c:v>
                </c:pt>
                <c:pt idx="3374">
                  <c:v>5.9971369999998645</c:v>
                </c:pt>
                <c:pt idx="3375">
                  <c:v>5.9866709999998644</c:v>
                </c:pt>
                <c:pt idx="3376">
                  <c:v>5.978167599999864</c:v>
                </c:pt>
                <c:pt idx="3377">
                  <c:v>5.9429717999998646</c:v>
                </c:pt>
                <c:pt idx="3378">
                  <c:v>6.028286099999864</c:v>
                </c:pt>
                <c:pt idx="3379">
                  <c:v>6.0013838999998645</c:v>
                </c:pt>
                <c:pt idx="3380">
                  <c:v>6.0109196999998646</c:v>
                </c:pt>
                <c:pt idx="3381">
                  <c:v>6.060016199999863</c:v>
                </c:pt>
                <c:pt idx="3382">
                  <c:v>6.113513499999863</c:v>
                </c:pt>
                <c:pt idx="3383">
                  <c:v>6.0604031999998638</c:v>
                </c:pt>
                <c:pt idx="3384">
                  <c:v>6.1080427999998639</c:v>
                </c:pt>
                <c:pt idx="3385">
                  <c:v>6.0058999999998655</c:v>
                </c:pt>
                <c:pt idx="3386">
                  <c:v>5.9845887999998659</c:v>
                </c:pt>
                <c:pt idx="3387">
                  <c:v>6.108961299999863</c:v>
                </c:pt>
                <c:pt idx="3388">
                  <c:v>6.0184370999998649</c:v>
                </c:pt>
                <c:pt idx="3389">
                  <c:v>6.021396899999865</c:v>
                </c:pt>
                <c:pt idx="3390">
                  <c:v>5.9844646999998661</c:v>
                </c:pt>
                <c:pt idx="3391">
                  <c:v>6.0891355999998638</c:v>
                </c:pt>
                <c:pt idx="3392">
                  <c:v>6.091263099999864</c:v>
                </c:pt>
                <c:pt idx="3393">
                  <c:v>6.0000464999998657</c:v>
                </c:pt>
                <c:pt idx="3394">
                  <c:v>6.0631908999998654</c:v>
                </c:pt>
                <c:pt idx="3395">
                  <c:v>6.0589343999998659</c:v>
                </c:pt>
                <c:pt idx="3396">
                  <c:v>6.1418402999998642</c:v>
                </c:pt>
                <c:pt idx="3397">
                  <c:v>6.1170161999998642</c:v>
                </c:pt>
                <c:pt idx="3398">
                  <c:v>6.0340067999998652</c:v>
                </c:pt>
                <c:pt idx="3399">
                  <c:v>6.1414711999998621</c:v>
                </c:pt>
                <c:pt idx="3400">
                  <c:v>6.2564807999998608</c:v>
                </c:pt>
                <c:pt idx="3401">
                  <c:v>6.2808627999998601</c:v>
                </c:pt>
                <c:pt idx="3402">
                  <c:v>6.3021218999998601</c:v>
                </c:pt>
                <c:pt idx="3403">
                  <c:v>6.3086718999998599</c:v>
                </c:pt>
                <c:pt idx="3404">
                  <c:v>6.2531421999998607</c:v>
                </c:pt>
                <c:pt idx="3405">
                  <c:v>6.2595928999998609</c:v>
                </c:pt>
                <c:pt idx="3406">
                  <c:v>6.3360373999998592</c:v>
                </c:pt>
                <c:pt idx="3407">
                  <c:v>6.3282918999998587</c:v>
                </c:pt>
                <c:pt idx="3408">
                  <c:v>6.3273084999998588</c:v>
                </c:pt>
                <c:pt idx="3409">
                  <c:v>6.2316124999998603</c:v>
                </c:pt>
                <c:pt idx="3410">
                  <c:v>6.1298602999998621</c:v>
                </c:pt>
                <c:pt idx="3411">
                  <c:v>6.1161596999998631</c:v>
                </c:pt>
                <c:pt idx="3412">
                  <c:v>6.039738999999865</c:v>
                </c:pt>
                <c:pt idx="3413">
                  <c:v>6.0581379999998646</c:v>
                </c:pt>
                <c:pt idx="3414">
                  <c:v>6.0928538999998638</c:v>
                </c:pt>
                <c:pt idx="3415">
                  <c:v>6.1662882999998621</c:v>
                </c:pt>
                <c:pt idx="3416">
                  <c:v>6.0982150999998641</c:v>
                </c:pt>
                <c:pt idx="3417">
                  <c:v>6.0019651999998658</c:v>
                </c:pt>
                <c:pt idx="3418">
                  <c:v>5.9985809999998656</c:v>
                </c:pt>
                <c:pt idx="3419">
                  <c:v>6.1423529999998632</c:v>
                </c:pt>
                <c:pt idx="3420">
                  <c:v>5.9344070999998673</c:v>
                </c:pt>
                <c:pt idx="3421">
                  <c:v>5.8908373999998682</c:v>
                </c:pt>
                <c:pt idx="3422">
                  <c:v>5.8997321999998675</c:v>
                </c:pt>
                <c:pt idx="3423">
                  <c:v>6.0060235999998657</c:v>
                </c:pt>
                <c:pt idx="3424">
                  <c:v>5.8901901999998678</c:v>
                </c:pt>
                <c:pt idx="3425">
                  <c:v>5.9473584999998659</c:v>
                </c:pt>
                <c:pt idx="3426">
                  <c:v>5.8394980999998687</c:v>
                </c:pt>
                <c:pt idx="3427">
                  <c:v>5.5525277999998748</c:v>
                </c:pt>
                <c:pt idx="3428">
                  <c:v>5.5812121999998752</c:v>
                </c:pt>
                <c:pt idx="3429">
                  <c:v>5.6909033999998728</c:v>
                </c:pt>
                <c:pt idx="3430">
                  <c:v>5.8648824999998697</c:v>
                </c:pt>
                <c:pt idx="3431">
                  <c:v>5.9954162999998664</c:v>
                </c:pt>
                <c:pt idx="3432">
                  <c:v>5.8412533999998697</c:v>
                </c:pt>
                <c:pt idx="3433">
                  <c:v>5.77871169999987</c:v>
                </c:pt>
                <c:pt idx="3434">
                  <c:v>5.543429499999875</c:v>
                </c:pt>
                <c:pt idx="3435">
                  <c:v>5.499450299999876</c:v>
                </c:pt>
                <c:pt idx="3436">
                  <c:v>5.4183327999998774</c:v>
                </c:pt>
                <c:pt idx="3437">
                  <c:v>5.4503988999998763</c:v>
                </c:pt>
                <c:pt idx="3438">
                  <c:v>5.4446263999998763</c:v>
                </c:pt>
                <c:pt idx="3439">
                  <c:v>5.4328374999998763</c:v>
                </c:pt>
                <c:pt idx="3440">
                  <c:v>5.348618499999878</c:v>
                </c:pt>
                <c:pt idx="3441">
                  <c:v>5.2610456999998805</c:v>
                </c:pt>
                <c:pt idx="3442">
                  <c:v>5.3680245999998775</c:v>
                </c:pt>
                <c:pt idx="3443">
                  <c:v>5.4099168999998763</c:v>
                </c:pt>
                <c:pt idx="3444">
                  <c:v>5.2653959999998792</c:v>
                </c:pt>
                <c:pt idx="3445">
                  <c:v>5.3311348999998787</c:v>
                </c:pt>
                <c:pt idx="3446">
                  <c:v>5.3804789999998777</c:v>
                </c:pt>
                <c:pt idx="3447">
                  <c:v>5.4359889999998767</c:v>
                </c:pt>
                <c:pt idx="3448">
                  <c:v>5.3520498999998782</c:v>
                </c:pt>
                <c:pt idx="3449">
                  <c:v>5.4087383999998773</c:v>
                </c:pt>
                <c:pt idx="3450">
                  <c:v>5.4922808999998765</c:v>
                </c:pt>
                <c:pt idx="3451">
                  <c:v>5.4250332999998774</c:v>
                </c:pt>
                <c:pt idx="3452">
                  <c:v>5.4884134999998766</c:v>
                </c:pt>
                <c:pt idx="3453">
                  <c:v>5.5524155999998746</c:v>
                </c:pt>
                <c:pt idx="3454">
                  <c:v>5.5648899999998749</c:v>
                </c:pt>
                <c:pt idx="3455">
                  <c:v>5.5627843999998747</c:v>
                </c:pt>
                <c:pt idx="3456">
                  <c:v>5.5624394999998747</c:v>
                </c:pt>
                <c:pt idx="3457">
                  <c:v>5.5325817999998748</c:v>
                </c:pt>
                <c:pt idx="3458">
                  <c:v>5.4952452999998744</c:v>
                </c:pt>
                <c:pt idx="3459">
                  <c:v>5.6106627999998731</c:v>
                </c:pt>
                <c:pt idx="3460">
                  <c:v>5.6868727999998709</c:v>
                </c:pt>
                <c:pt idx="3461">
                  <c:v>5.7100024999998702</c:v>
                </c:pt>
                <c:pt idx="3462">
                  <c:v>5.8018542999998672</c:v>
                </c:pt>
                <c:pt idx="3463">
                  <c:v>5.7777607999998679</c:v>
                </c:pt>
                <c:pt idx="3464">
                  <c:v>5.7946690999998669</c:v>
                </c:pt>
                <c:pt idx="3465">
                  <c:v>5.8349133999998655</c:v>
                </c:pt>
                <c:pt idx="3466">
                  <c:v>5.7739948999998667</c:v>
                </c:pt>
                <c:pt idx="3467">
                  <c:v>5.8418236999998649</c:v>
                </c:pt>
                <c:pt idx="3468">
                  <c:v>5.886309699999865</c:v>
                </c:pt>
                <c:pt idx="3469">
                  <c:v>5.798307299999867</c:v>
                </c:pt>
                <c:pt idx="3470">
                  <c:v>5.7845888999998678</c:v>
                </c:pt>
                <c:pt idx="3471">
                  <c:v>5.8022987999998676</c:v>
                </c:pt>
                <c:pt idx="3472">
                  <c:v>5.7878376999998675</c:v>
                </c:pt>
                <c:pt idx="3473">
                  <c:v>5.8036439999998679</c:v>
                </c:pt>
                <c:pt idx="3474">
                  <c:v>5.8273872999998666</c:v>
                </c:pt>
                <c:pt idx="3475">
                  <c:v>5.9076360999998654</c:v>
                </c:pt>
                <c:pt idx="3476">
                  <c:v>5.9061808999998648</c:v>
                </c:pt>
                <c:pt idx="3477">
                  <c:v>5.8527807999998656</c:v>
                </c:pt>
                <c:pt idx="3478">
                  <c:v>5.7889892999998667</c:v>
                </c:pt>
                <c:pt idx="3479">
                  <c:v>5.7379336999998678</c:v>
                </c:pt>
                <c:pt idx="3480">
                  <c:v>5.5769402999998707</c:v>
                </c:pt>
                <c:pt idx="3481">
                  <c:v>5.6385119999998699</c:v>
                </c:pt>
                <c:pt idx="3482">
                  <c:v>5.7549447999998673</c:v>
                </c:pt>
                <c:pt idx="3483">
                  <c:v>5.6439644999998695</c:v>
                </c:pt>
                <c:pt idx="3484">
                  <c:v>5.6356289999998692</c:v>
                </c:pt>
                <c:pt idx="3485">
                  <c:v>5.5843155999998704</c:v>
                </c:pt>
                <c:pt idx="3486">
                  <c:v>5.6573464999998695</c:v>
                </c:pt>
                <c:pt idx="3487">
                  <c:v>5.5291997999998719</c:v>
                </c:pt>
                <c:pt idx="3488">
                  <c:v>5.6398004999998692</c:v>
                </c:pt>
                <c:pt idx="3489">
                  <c:v>5.5469629999998711</c:v>
                </c:pt>
                <c:pt idx="3490">
                  <c:v>5.6020277999998704</c:v>
                </c:pt>
                <c:pt idx="3491">
                  <c:v>5.7299509999998675</c:v>
                </c:pt>
                <c:pt idx="3492">
                  <c:v>5.712926299999868</c:v>
                </c:pt>
                <c:pt idx="3493">
                  <c:v>5.737423499999867</c:v>
                </c:pt>
                <c:pt idx="3494">
                  <c:v>5.6294816999998698</c:v>
                </c:pt>
                <c:pt idx="3495">
                  <c:v>5.6737746999998695</c:v>
                </c:pt>
                <c:pt idx="3496">
                  <c:v>5.6395966999998706</c:v>
                </c:pt>
                <c:pt idx="3497">
                  <c:v>5.493501599999874</c:v>
                </c:pt>
                <c:pt idx="3498">
                  <c:v>5.5429469999998728</c:v>
                </c:pt>
                <c:pt idx="3499">
                  <c:v>5.6596401999998704</c:v>
                </c:pt>
                <c:pt idx="3500">
                  <c:v>5.65230229999987</c:v>
                </c:pt>
                <c:pt idx="3501">
                  <c:v>5.5202259999998731</c:v>
                </c:pt>
                <c:pt idx="3502">
                  <c:v>5.509841099999873</c:v>
                </c:pt>
                <c:pt idx="3503">
                  <c:v>5.4543965999998738</c:v>
                </c:pt>
                <c:pt idx="3504">
                  <c:v>5.479054499999874</c:v>
                </c:pt>
                <c:pt idx="3505">
                  <c:v>5.5753879999998723</c:v>
                </c:pt>
                <c:pt idx="3506">
                  <c:v>5.6762354999998701</c:v>
                </c:pt>
                <c:pt idx="3507">
                  <c:v>5.6361947999998714</c:v>
                </c:pt>
                <c:pt idx="3508">
                  <c:v>5.6478353999998712</c:v>
                </c:pt>
                <c:pt idx="3509">
                  <c:v>5.7595653999998682</c:v>
                </c:pt>
                <c:pt idx="3510">
                  <c:v>5.6583544999998701</c:v>
                </c:pt>
                <c:pt idx="3511">
                  <c:v>5.6821019999998699</c:v>
                </c:pt>
                <c:pt idx="3512">
                  <c:v>5.7072798999998691</c:v>
                </c:pt>
                <c:pt idx="3513">
                  <c:v>5.7634547999998684</c:v>
                </c:pt>
                <c:pt idx="3514">
                  <c:v>5.7595546999998684</c:v>
                </c:pt>
                <c:pt idx="3515">
                  <c:v>5.67156609999987</c:v>
                </c:pt>
                <c:pt idx="3516">
                  <c:v>5.860225499999868</c:v>
                </c:pt>
                <c:pt idx="3517">
                  <c:v>5.9439492999998658</c:v>
                </c:pt>
                <c:pt idx="3518">
                  <c:v>5.8864884999998672</c:v>
                </c:pt>
                <c:pt idx="3519">
                  <c:v>5.8845125999998675</c:v>
                </c:pt>
                <c:pt idx="3520">
                  <c:v>6.0957482999998645</c:v>
                </c:pt>
                <c:pt idx="3521">
                  <c:v>6.0484156999998646</c:v>
                </c:pt>
                <c:pt idx="3522">
                  <c:v>5.8840520999998676</c:v>
                </c:pt>
                <c:pt idx="3523">
                  <c:v>5.8776238999998673</c:v>
                </c:pt>
                <c:pt idx="3524">
                  <c:v>5.8627318999998677</c:v>
                </c:pt>
                <c:pt idx="3525">
                  <c:v>6.0776375999998642</c:v>
                </c:pt>
                <c:pt idx="3526">
                  <c:v>6.1385997999998629</c:v>
                </c:pt>
                <c:pt idx="3527">
                  <c:v>6.0936551999998638</c:v>
                </c:pt>
                <c:pt idx="3528">
                  <c:v>6.1888742999998625</c:v>
                </c:pt>
                <c:pt idx="3529">
                  <c:v>6.2759645999998606</c:v>
                </c:pt>
                <c:pt idx="3530">
                  <c:v>6.2991520999998594</c:v>
                </c:pt>
                <c:pt idx="3531">
                  <c:v>6.181731499999862</c:v>
                </c:pt>
                <c:pt idx="3532">
                  <c:v>6.2871236999998601</c:v>
                </c:pt>
                <c:pt idx="3533">
                  <c:v>6.3539923999998589</c:v>
                </c:pt>
                <c:pt idx="3534">
                  <c:v>6.2401218999998616</c:v>
                </c:pt>
                <c:pt idx="3535">
                  <c:v>6.4845144999998574</c:v>
                </c:pt>
                <c:pt idx="3536">
                  <c:v>6.5071658999998565</c:v>
                </c:pt>
                <c:pt idx="3537">
                  <c:v>6.536541999999856</c:v>
                </c:pt>
                <c:pt idx="3538">
                  <c:v>6.6045641999998548</c:v>
                </c:pt>
                <c:pt idx="3539">
                  <c:v>6.530674799999856</c:v>
                </c:pt>
                <c:pt idx="3540">
                  <c:v>6.4586025999998569</c:v>
                </c:pt>
                <c:pt idx="3541">
                  <c:v>6.2778571999998602</c:v>
                </c:pt>
                <c:pt idx="3542">
                  <c:v>6.3270966999998599</c:v>
                </c:pt>
                <c:pt idx="3543">
                  <c:v>6.3382161999998603</c:v>
                </c:pt>
                <c:pt idx="3544">
                  <c:v>6.3498084999998605</c:v>
                </c:pt>
                <c:pt idx="3545">
                  <c:v>6.4087959999998585</c:v>
                </c:pt>
                <c:pt idx="3546">
                  <c:v>6.5965454999998565</c:v>
                </c:pt>
                <c:pt idx="3547">
                  <c:v>6.5642774999998572</c:v>
                </c:pt>
                <c:pt idx="3548">
                  <c:v>6.5638625999998572</c:v>
                </c:pt>
                <c:pt idx="3549">
                  <c:v>6.5440330999998579</c:v>
                </c:pt>
                <c:pt idx="3550">
                  <c:v>6.6068523999998563</c:v>
                </c:pt>
                <c:pt idx="3551">
                  <c:v>6.5825405999998559</c:v>
                </c:pt>
                <c:pt idx="3552">
                  <c:v>6.5385518999998569</c:v>
                </c:pt>
                <c:pt idx="3553">
                  <c:v>6.7020541999998535</c:v>
                </c:pt>
                <c:pt idx="3554">
                  <c:v>6.7988491999998519</c:v>
                </c:pt>
                <c:pt idx="3555">
                  <c:v>6.791290099999852</c:v>
                </c:pt>
                <c:pt idx="3556">
                  <c:v>6.7585757999998517</c:v>
                </c:pt>
                <c:pt idx="3557">
                  <c:v>6.8098294999998519</c:v>
                </c:pt>
                <c:pt idx="3558">
                  <c:v>6.7686862999998523</c:v>
                </c:pt>
                <c:pt idx="3559">
                  <c:v>6.8156908999998516</c:v>
                </c:pt>
                <c:pt idx="3560">
                  <c:v>6.8279252999998521</c:v>
                </c:pt>
                <c:pt idx="3561">
                  <c:v>6.7842470999998525</c:v>
                </c:pt>
                <c:pt idx="3562">
                  <c:v>6.6731071999998539</c:v>
                </c:pt>
                <c:pt idx="3563">
                  <c:v>6.7392688999998525</c:v>
                </c:pt>
                <c:pt idx="3564">
                  <c:v>6.7949465999998511</c:v>
                </c:pt>
                <c:pt idx="3565">
                  <c:v>6.8296933999998499</c:v>
                </c:pt>
                <c:pt idx="3566">
                  <c:v>6.8216393999998495</c:v>
                </c:pt>
                <c:pt idx="3567">
                  <c:v>6.732150799999852</c:v>
                </c:pt>
                <c:pt idx="3568">
                  <c:v>6.8197127999998504</c:v>
                </c:pt>
                <c:pt idx="3569">
                  <c:v>6.7888875999998515</c:v>
                </c:pt>
                <c:pt idx="3570">
                  <c:v>6.8561902999998505</c:v>
                </c:pt>
                <c:pt idx="3571">
                  <c:v>6.9192060999998493</c:v>
                </c:pt>
                <c:pt idx="3572">
                  <c:v>6.9188540999998489</c:v>
                </c:pt>
                <c:pt idx="3573">
                  <c:v>6.8842585999998498</c:v>
                </c:pt>
                <c:pt idx="3574">
                  <c:v>6.9308738999998489</c:v>
                </c:pt>
                <c:pt idx="3575">
                  <c:v>7.1346461999998461</c:v>
                </c:pt>
                <c:pt idx="3576">
                  <c:v>7.1342190999998447</c:v>
                </c:pt>
                <c:pt idx="3577">
                  <c:v>7.3027154999998416</c:v>
                </c:pt>
                <c:pt idx="3578">
                  <c:v>7.3370205999998408</c:v>
                </c:pt>
                <c:pt idx="3579">
                  <c:v>7.3198496999998408</c:v>
                </c:pt>
                <c:pt idx="3580">
                  <c:v>7.2275039999998416</c:v>
                </c:pt>
                <c:pt idx="3581">
                  <c:v>7.1865095999998427</c:v>
                </c:pt>
                <c:pt idx="3582">
                  <c:v>7.3042587999998396</c:v>
                </c:pt>
                <c:pt idx="3583">
                  <c:v>7.3365705999998401</c:v>
                </c:pt>
                <c:pt idx="3584">
                  <c:v>7.3168490999998408</c:v>
                </c:pt>
                <c:pt idx="3585">
                  <c:v>7.3722715999998396</c:v>
                </c:pt>
                <c:pt idx="3586">
                  <c:v>7.3753117999998405</c:v>
                </c:pt>
                <c:pt idx="3587">
                  <c:v>7.4067954999998395</c:v>
                </c:pt>
                <c:pt idx="3588">
                  <c:v>7.4797788999998378</c:v>
                </c:pt>
                <c:pt idx="3589">
                  <c:v>7.5196012999998381</c:v>
                </c:pt>
                <c:pt idx="3590">
                  <c:v>7.5257391999998386</c:v>
                </c:pt>
                <c:pt idx="3591">
                  <c:v>7.4886932999998379</c:v>
                </c:pt>
                <c:pt idx="3592">
                  <c:v>7.6193212999998341</c:v>
                </c:pt>
                <c:pt idx="3593">
                  <c:v>7.7705174999998317</c:v>
                </c:pt>
                <c:pt idx="3594">
                  <c:v>7.7700582999998318</c:v>
                </c:pt>
                <c:pt idx="3595">
                  <c:v>7.7281750999998309</c:v>
                </c:pt>
                <c:pt idx="3596">
                  <c:v>7.7635315999998316</c:v>
                </c:pt>
                <c:pt idx="3597">
                  <c:v>7.8453991999998287</c:v>
                </c:pt>
                <c:pt idx="3598">
                  <c:v>7.7963065999998289</c:v>
                </c:pt>
                <c:pt idx="3599">
                  <c:v>7.8309435999998271</c:v>
                </c:pt>
                <c:pt idx="3600">
                  <c:v>7.850579499999828</c:v>
                </c:pt>
                <c:pt idx="3601">
                  <c:v>7.8355710999998269</c:v>
                </c:pt>
                <c:pt idx="3602">
                  <c:v>7.5955636999998326</c:v>
                </c:pt>
                <c:pt idx="3603">
                  <c:v>7.5375908999998344</c:v>
                </c:pt>
                <c:pt idx="3604">
                  <c:v>7.6348764999998338</c:v>
                </c:pt>
                <c:pt idx="3605">
                  <c:v>7.573660299999835</c:v>
                </c:pt>
                <c:pt idx="3606">
                  <c:v>7.6466882999998322</c:v>
                </c:pt>
                <c:pt idx="3607">
                  <c:v>7.6231064999998353</c:v>
                </c:pt>
                <c:pt idx="3608">
                  <c:v>7.7688863999998325</c:v>
                </c:pt>
                <c:pt idx="3609">
                  <c:v>7.7498971999998325</c:v>
                </c:pt>
                <c:pt idx="3610">
                  <c:v>7.7456889999998335</c:v>
                </c:pt>
                <c:pt idx="3611">
                  <c:v>7.763301499999832</c:v>
                </c:pt>
                <c:pt idx="3612">
                  <c:v>7.6480629999998335</c:v>
                </c:pt>
                <c:pt idx="3613">
                  <c:v>7.6043019999998354</c:v>
                </c:pt>
                <c:pt idx="3614">
                  <c:v>7.7224560999998317</c:v>
                </c:pt>
                <c:pt idx="3615">
                  <c:v>7.713432199999831</c:v>
                </c:pt>
                <c:pt idx="3616">
                  <c:v>7.7173626999998319</c:v>
                </c:pt>
                <c:pt idx="3617">
                  <c:v>7.7207544999998294</c:v>
                </c:pt>
                <c:pt idx="3618">
                  <c:v>7.6398226999998311</c:v>
                </c:pt>
                <c:pt idx="3619">
                  <c:v>7.6055351999998333</c:v>
                </c:pt>
                <c:pt idx="3620">
                  <c:v>7.5028876999998353</c:v>
                </c:pt>
                <c:pt idx="3621">
                  <c:v>7.466795999999837</c:v>
                </c:pt>
                <c:pt idx="3622">
                  <c:v>7.6047099999998355</c:v>
                </c:pt>
                <c:pt idx="3623">
                  <c:v>7.6771137999998356</c:v>
                </c:pt>
                <c:pt idx="3624">
                  <c:v>7.677867399999835</c:v>
                </c:pt>
                <c:pt idx="3625">
                  <c:v>7.7232477999998341</c:v>
                </c:pt>
                <c:pt idx="3626">
                  <c:v>7.7119532999998341</c:v>
                </c:pt>
                <c:pt idx="3627">
                  <c:v>7.698967199999835</c:v>
                </c:pt>
                <c:pt idx="3628">
                  <c:v>7.7689182999998323</c:v>
                </c:pt>
                <c:pt idx="3629">
                  <c:v>7.7779491999998331</c:v>
                </c:pt>
                <c:pt idx="3630">
                  <c:v>7.7046780999998354</c:v>
                </c:pt>
                <c:pt idx="3631">
                  <c:v>7.6125580999998359</c:v>
                </c:pt>
                <c:pt idx="3632">
                  <c:v>7.403175599999841</c:v>
                </c:pt>
                <c:pt idx="3633">
                  <c:v>7.4277047999998391</c:v>
                </c:pt>
                <c:pt idx="3634">
                  <c:v>7.586878199999834</c:v>
                </c:pt>
                <c:pt idx="3635">
                  <c:v>7.3231652999998396</c:v>
                </c:pt>
                <c:pt idx="3636">
                  <c:v>7.5075302999998375</c:v>
                </c:pt>
                <c:pt idx="3637">
                  <c:v>7.591720799999834</c:v>
                </c:pt>
                <c:pt idx="3638">
                  <c:v>7.6556157999998344</c:v>
                </c:pt>
                <c:pt idx="3639">
                  <c:v>7.5976339999998359</c:v>
                </c:pt>
                <c:pt idx="3640">
                  <c:v>7.5914298999998362</c:v>
                </c:pt>
                <c:pt idx="3641">
                  <c:v>7.6940325999998347</c:v>
                </c:pt>
                <c:pt idx="3642">
                  <c:v>7.7451714999998327</c:v>
                </c:pt>
                <c:pt idx="3643">
                  <c:v>7.7432486999998336</c:v>
                </c:pt>
                <c:pt idx="3644">
                  <c:v>7.6177283999998355</c:v>
                </c:pt>
                <c:pt idx="3645">
                  <c:v>7.6035452999998352</c:v>
                </c:pt>
                <c:pt idx="3646">
                  <c:v>7.5748088999998355</c:v>
                </c:pt>
                <c:pt idx="3647">
                  <c:v>7.5008949999998364</c:v>
                </c:pt>
                <c:pt idx="3648">
                  <c:v>7.5368931999998363</c:v>
                </c:pt>
                <c:pt idx="3649">
                  <c:v>7.542684599999836</c:v>
                </c:pt>
                <c:pt idx="3650">
                  <c:v>7.463621899999838</c:v>
                </c:pt>
                <c:pt idx="3651">
                  <c:v>7.4955097999998372</c:v>
                </c:pt>
                <c:pt idx="3652">
                  <c:v>7.5354053999998367</c:v>
                </c:pt>
                <c:pt idx="3653">
                  <c:v>7.6629889999998344</c:v>
                </c:pt>
                <c:pt idx="3654">
                  <c:v>7.6411011999998344</c:v>
                </c:pt>
                <c:pt idx="3655">
                  <c:v>7.7672650999998307</c:v>
                </c:pt>
                <c:pt idx="3656">
                  <c:v>7.7903509999998306</c:v>
                </c:pt>
                <c:pt idx="3657">
                  <c:v>7.8076219999998315</c:v>
                </c:pt>
                <c:pt idx="3658">
                  <c:v>7.8650970999998311</c:v>
                </c:pt>
                <c:pt idx="3659">
                  <c:v>7.8355771999998307</c:v>
                </c:pt>
                <c:pt idx="3660">
                  <c:v>7.8089784999998315</c:v>
                </c:pt>
                <c:pt idx="3661">
                  <c:v>7.7833955999998334</c:v>
                </c:pt>
                <c:pt idx="3662">
                  <c:v>7.7823160999998322</c:v>
                </c:pt>
                <c:pt idx="3663">
                  <c:v>7.8169902999998317</c:v>
                </c:pt>
                <c:pt idx="3664">
                  <c:v>7.8232295999998307</c:v>
                </c:pt>
                <c:pt idx="3665">
                  <c:v>7.7227945999998333</c:v>
                </c:pt>
                <c:pt idx="3666">
                  <c:v>7.5231200999998364</c:v>
                </c:pt>
                <c:pt idx="3667">
                  <c:v>7.5594036999998355</c:v>
                </c:pt>
                <c:pt idx="3668">
                  <c:v>7.4649691999998371</c:v>
                </c:pt>
                <c:pt idx="3669">
                  <c:v>7.32597029999984</c:v>
                </c:pt>
                <c:pt idx="3670">
                  <c:v>7.2684187999998411</c:v>
                </c:pt>
                <c:pt idx="3671">
                  <c:v>7.4517563999998391</c:v>
                </c:pt>
                <c:pt idx="3672">
                  <c:v>7.6372833999998342</c:v>
                </c:pt>
                <c:pt idx="3673">
                  <c:v>7.6739049999998343</c:v>
                </c:pt>
                <c:pt idx="3674">
                  <c:v>7.5787867999998362</c:v>
                </c:pt>
                <c:pt idx="3675">
                  <c:v>7.5331374999998371</c:v>
                </c:pt>
                <c:pt idx="3676">
                  <c:v>7.5984766999998374</c:v>
                </c:pt>
                <c:pt idx="3677">
                  <c:v>7.7322282999998322</c:v>
                </c:pt>
                <c:pt idx="3678">
                  <c:v>7.7512736999998335</c:v>
                </c:pt>
                <c:pt idx="3679">
                  <c:v>7.8256359999998306</c:v>
                </c:pt>
                <c:pt idx="3680">
                  <c:v>7.9060397999998298</c:v>
                </c:pt>
                <c:pt idx="3681">
                  <c:v>7.9060397999998298</c:v>
                </c:pt>
                <c:pt idx="3682">
                  <c:v>7.9060397999998298</c:v>
                </c:pt>
                <c:pt idx="3683">
                  <c:v>7.9060397999998298</c:v>
                </c:pt>
                <c:pt idx="3684">
                  <c:v>7.9060397999998298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0-299E-417A-A83A-59B76E517DC8}"/>
            </c:ext>
          </c:extLst>
        </c:ser>
        <c:ser>
          <c:idx val="1"/>
          <c:order val="1"/>
          <c:tx>
            <c:v>IBOVESPA</c:v>
          </c:tx>
          <c:spPr>
            <a:ln w="28575" cap="rnd">
              <a:solidFill>
                <a:schemeClr val="bg1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cat>
            <c:numRef>
              <c:f>'[DadosIndustria918.xlsx]Quantum Axis'!$B$2:$B$3682</c:f>
              <c:numCache>
                <c:formatCode>[$-416]mmm\-yy;@</c:formatCode>
                <c:ptCount val="3681"/>
                <c:pt idx="0">
                  <c:v>38260</c:v>
                </c:pt>
                <c:pt idx="1">
                  <c:v>38261</c:v>
                </c:pt>
                <c:pt idx="2">
                  <c:v>38264</c:v>
                </c:pt>
                <c:pt idx="3">
                  <c:v>38265</c:v>
                </c:pt>
                <c:pt idx="4">
                  <c:v>38266</c:v>
                </c:pt>
                <c:pt idx="5">
                  <c:v>38267</c:v>
                </c:pt>
                <c:pt idx="6">
                  <c:v>38268</c:v>
                </c:pt>
                <c:pt idx="7">
                  <c:v>38271</c:v>
                </c:pt>
                <c:pt idx="8">
                  <c:v>38273</c:v>
                </c:pt>
                <c:pt idx="9">
                  <c:v>38274</c:v>
                </c:pt>
                <c:pt idx="10">
                  <c:v>38275</c:v>
                </c:pt>
                <c:pt idx="11">
                  <c:v>38278</c:v>
                </c:pt>
                <c:pt idx="12">
                  <c:v>38279</c:v>
                </c:pt>
                <c:pt idx="13">
                  <c:v>38280</c:v>
                </c:pt>
                <c:pt idx="14">
                  <c:v>38281</c:v>
                </c:pt>
                <c:pt idx="15">
                  <c:v>38282</c:v>
                </c:pt>
                <c:pt idx="16">
                  <c:v>38285</c:v>
                </c:pt>
                <c:pt idx="17">
                  <c:v>38286</c:v>
                </c:pt>
                <c:pt idx="18">
                  <c:v>38287</c:v>
                </c:pt>
                <c:pt idx="19">
                  <c:v>38288</c:v>
                </c:pt>
                <c:pt idx="20">
                  <c:v>38289</c:v>
                </c:pt>
                <c:pt idx="21">
                  <c:v>38292</c:v>
                </c:pt>
                <c:pt idx="22">
                  <c:v>38294</c:v>
                </c:pt>
                <c:pt idx="23">
                  <c:v>38295</c:v>
                </c:pt>
                <c:pt idx="24">
                  <c:v>38296</c:v>
                </c:pt>
                <c:pt idx="25">
                  <c:v>38299</c:v>
                </c:pt>
                <c:pt idx="26">
                  <c:v>38300</c:v>
                </c:pt>
                <c:pt idx="27">
                  <c:v>38301</c:v>
                </c:pt>
                <c:pt idx="28">
                  <c:v>38302</c:v>
                </c:pt>
                <c:pt idx="29">
                  <c:v>38303</c:v>
                </c:pt>
                <c:pt idx="30">
                  <c:v>38307</c:v>
                </c:pt>
                <c:pt idx="31">
                  <c:v>38308</c:v>
                </c:pt>
                <c:pt idx="32">
                  <c:v>38309</c:v>
                </c:pt>
                <c:pt idx="33">
                  <c:v>38310</c:v>
                </c:pt>
                <c:pt idx="34">
                  <c:v>38313</c:v>
                </c:pt>
                <c:pt idx="35">
                  <c:v>38314</c:v>
                </c:pt>
                <c:pt idx="36">
                  <c:v>38315</c:v>
                </c:pt>
                <c:pt idx="37">
                  <c:v>38316</c:v>
                </c:pt>
                <c:pt idx="38">
                  <c:v>38317</c:v>
                </c:pt>
                <c:pt idx="39">
                  <c:v>38320</c:v>
                </c:pt>
                <c:pt idx="40">
                  <c:v>38321</c:v>
                </c:pt>
                <c:pt idx="41">
                  <c:v>38322</c:v>
                </c:pt>
                <c:pt idx="42">
                  <c:v>38323</c:v>
                </c:pt>
                <c:pt idx="43">
                  <c:v>38324</c:v>
                </c:pt>
                <c:pt idx="44">
                  <c:v>38327</c:v>
                </c:pt>
                <c:pt idx="45">
                  <c:v>38328</c:v>
                </c:pt>
                <c:pt idx="46">
                  <c:v>38329</c:v>
                </c:pt>
                <c:pt idx="47">
                  <c:v>38330</c:v>
                </c:pt>
                <c:pt idx="48">
                  <c:v>38331</c:v>
                </c:pt>
                <c:pt idx="49">
                  <c:v>38334</c:v>
                </c:pt>
                <c:pt idx="50">
                  <c:v>38335</c:v>
                </c:pt>
                <c:pt idx="51">
                  <c:v>38336</c:v>
                </c:pt>
                <c:pt idx="52">
                  <c:v>38337</c:v>
                </c:pt>
                <c:pt idx="53">
                  <c:v>38338</c:v>
                </c:pt>
                <c:pt idx="54">
                  <c:v>38341</c:v>
                </c:pt>
                <c:pt idx="55">
                  <c:v>38342</c:v>
                </c:pt>
                <c:pt idx="56">
                  <c:v>38343</c:v>
                </c:pt>
                <c:pt idx="57">
                  <c:v>38344</c:v>
                </c:pt>
                <c:pt idx="58">
                  <c:v>38345</c:v>
                </c:pt>
                <c:pt idx="59">
                  <c:v>38348</c:v>
                </c:pt>
                <c:pt idx="60">
                  <c:v>38349</c:v>
                </c:pt>
                <c:pt idx="61">
                  <c:v>38350</c:v>
                </c:pt>
                <c:pt idx="62">
                  <c:v>38351</c:v>
                </c:pt>
                <c:pt idx="63">
                  <c:v>38352</c:v>
                </c:pt>
                <c:pt idx="64">
                  <c:v>38355</c:v>
                </c:pt>
                <c:pt idx="65">
                  <c:v>38356</c:v>
                </c:pt>
                <c:pt idx="66">
                  <c:v>38357</c:v>
                </c:pt>
                <c:pt idx="67">
                  <c:v>38358</c:v>
                </c:pt>
                <c:pt idx="68">
                  <c:v>38359</c:v>
                </c:pt>
                <c:pt idx="69">
                  <c:v>38362</c:v>
                </c:pt>
                <c:pt idx="70">
                  <c:v>38363</c:v>
                </c:pt>
                <c:pt idx="71">
                  <c:v>38364</c:v>
                </c:pt>
                <c:pt idx="72">
                  <c:v>38365</c:v>
                </c:pt>
                <c:pt idx="73">
                  <c:v>38366</c:v>
                </c:pt>
                <c:pt idx="74">
                  <c:v>38369</c:v>
                </c:pt>
                <c:pt idx="75">
                  <c:v>38370</c:v>
                </c:pt>
                <c:pt idx="76">
                  <c:v>38371</c:v>
                </c:pt>
                <c:pt idx="77">
                  <c:v>38372</c:v>
                </c:pt>
                <c:pt idx="78">
                  <c:v>38373</c:v>
                </c:pt>
                <c:pt idx="79">
                  <c:v>38376</c:v>
                </c:pt>
                <c:pt idx="80">
                  <c:v>38377</c:v>
                </c:pt>
                <c:pt idx="81">
                  <c:v>38378</c:v>
                </c:pt>
                <c:pt idx="82">
                  <c:v>38379</c:v>
                </c:pt>
                <c:pt idx="83">
                  <c:v>38380</c:v>
                </c:pt>
                <c:pt idx="84">
                  <c:v>38383</c:v>
                </c:pt>
                <c:pt idx="85">
                  <c:v>38384</c:v>
                </c:pt>
                <c:pt idx="86">
                  <c:v>38385</c:v>
                </c:pt>
                <c:pt idx="87">
                  <c:v>38386</c:v>
                </c:pt>
                <c:pt idx="88">
                  <c:v>38387</c:v>
                </c:pt>
                <c:pt idx="89">
                  <c:v>38392</c:v>
                </c:pt>
                <c:pt idx="90">
                  <c:v>38393</c:v>
                </c:pt>
                <c:pt idx="91">
                  <c:v>38394</c:v>
                </c:pt>
                <c:pt idx="92">
                  <c:v>38397</c:v>
                </c:pt>
                <c:pt idx="93">
                  <c:v>38398</c:v>
                </c:pt>
                <c:pt idx="94">
                  <c:v>38399</c:v>
                </c:pt>
                <c:pt idx="95">
                  <c:v>38400</c:v>
                </c:pt>
                <c:pt idx="96">
                  <c:v>38401</c:v>
                </c:pt>
                <c:pt idx="97">
                  <c:v>38404</c:v>
                </c:pt>
                <c:pt idx="98">
                  <c:v>38405</c:v>
                </c:pt>
                <c:pt idx="99">
                  <c:v>38406</c:v>
                </c:pt>
                <c:pt idx="100">
                  <c:v>38407</c:v>
                </c:pt>
                <c:pt idx="101">
                  <c:v>38408</c:v>
                </c:pt>
                <c:pt idx="102">
                  <c:v>38411</c:v>
                </c:pt>
                <c:pt idx="103">
                  <c:v>38412</c:v>
                </c:pt>
                <c:pt idx="104">
                  <c:v>38413</c:v>
                </c:pt>
                <c:pt idx="105">
                  <c:v>38414</c:v>
                </c:pt>
                <c:pt idx="106">
                  <c:v>38415</c:v>
                </c:pt>
                <c:pt idx="107">
                  <c:v>38418</c:v>
                </c:pt>
                <c:pt idx="108">
                  <c:v>38419</c:v>
                </c:pt>
                <c:pt idx="109">
                  <c:v>38420</c:v>
                </c:pt>
                <c:pt idx="110">
                  <c:v>38421</c:v>
                </c:pt>
                <c:pt idx="111">
                  <c:v>38422</c:v>
                </c:pt>
                <c:pt idx="112">
                  <c:v>38425</c:v>
                </c:pt>
                <c:pt idx="113">
                  <c:v>38426</c:v>
                </c:pt>
                <c:pt idx="114">
                  <c:v>38427</c:v>
                </c:pt>
                <c:pt idx="115">
                  <c:v>38428</c:v>
                </c:pt>
                <c:pt idx="116">
                  <c:v>38429</c:v>
                </c:pt>
                <c:pt idx="117">
                  <c:v>38432</c:v>
                </c:pt>
                <c:pt idx="118">
                  <c:v>38433</c:v>
                </c:pt>
                <c:pt idx="119">
                  <c:v>38434</c:v>
                </c:pt>
                <c:pt idx="120">
                  <c:v>38435</c:v>
                </c:pt>
                <c:pt idx="121">
                  <c:v>38439</c:v>
                </c:pt>
                <c:pt idx="122">
                  <c:v>38440</c:v>
                </c:pt>
                <c:pt idx="123">
                  <c:v>38441</c:v>
                </c:pt>
                <c:pt idx="124">
                  <c:v>38442</c:v>
                </c:pt>
                <c:pt idx="125">
                  <c:v>38443</c:v>
                </c:pt>
                <c:pt idx="126">
                  <c:v>38446</c:v>
                </c:pt>
                <c:pt idx="127">
                  <c:v>38447</c:v>
                </c:pt>
                <c:pt idx="128">
                  <c:v>38448</c:v>
                </c:pt>
                <c:pt idx="129">
                  <c:v>38449</c:v>
                </c:pt>
                <c:pt idx="130">
                  <c:v>38450</c:v>
                </c:pt>
                <c:pt idx="131">
                  <c:v>38453</c:v>
                </c:pt>
                <c:pt idx="132">
                  <c:v>38454</c:v>
                </c:pt>
                <c:pt idx="133">
                  <c:v>38455</c:v>
                </c:pt>
                <c:pt idx="134">
                  <c:v>38456</c:v>
                </c:pt>
                <c:pt idx="135">
                  <c:v>38457</c:v>
                </c:pt>
                <c:pt idx="136">
                  <c:v>38460</c:v>
                </c:pt>
                <c:pt idx="137">
                  <c:v>38461</c:v>
                </c:pt>
                <c:pt idx="138">
                  <c:v>38462</c:v>
                </c:pt>
                <c:pt idx="139">
                  <c:v>38464</c:v>
                </c:pt>
                <c:pt idx="140">
                  <c:v>38467</c:v>
                </c:pt>
                <c:pt idx="141">
                  <c:v>38468</c:v>
                </c:pt>
                <c:pt idx="142">
                  <c:v>38469</c:v>
                </c:pt>
                <c:pt idx="143">
                  <c:v>38470</c:v>
                </c:pt>
                <c:pt idx="144">
                  <c:v>38471</c:v>
                </c:pt>
                <c:pt idx="145">
                  <c:v>38474</c:v>
                </c:pt>
                <c:pt idx="146">
                  <c:v>38475</c:v>
                </c:pt>
                <c:pt idx="147">
                  <c:v>38476</c:v>
                </c:pt>
                <c:pt idx="148">
                  <c:v>38477</c:v>
                </c:pt>
                <c:pt idx="149">
                  <c:v>38478</c:v>
                </c:pt>
                <c:pt idx="150">
                  <c:v>38481</c:v>
                </c:pt>
                <c:pt idx="151">
                  <c:v>38482</c:v>
                </c:pt>
                <c:pt idx="152">
                  <c:v>38483</c:v>
                </c:pt>
                <c:pt idx="153">
                  <c:v>38484</c:v>
                </c:pt>
                <c:pt idx="154">
                  <c:v>38485</c:v>
                </c:pt>
                <c:pt idx="155">
                  <c:v>38488</c:v>
                </c:pt>
                <c:pt idx="156">
                  <c:v>38489</c:v>
                </c:pt>
                <c:pt idx="157">
                  <c:v>38490</c:v>
                </c:pt>
                <c:pt idx="158">
                  <c:v>38491</c:v>
                </c:pt>
                <c:pt idx="159">
                  <c:v>38492</c:v>
                </c:pt>
                <c:pt idx="160">
                  <c:v>38495</c:v>
                </c:pt>
                <c:pt idx="161">
                  <c:v>38496</c:v>
                </c:pt>
                <c:pt idx="162">
                  <c:v>38497</c:v>
                </c:pt>
                <c:pt idx="163">
                  <c:v>38499</c:v>
                </c:pt>
                <c:pt idx="164">
                  <c:v>38502</c:v>
                </c:pt>
                <c:pt idx="165">
                  <c:v>38503</c:v>
                </c:pt>
                <c:pt idx="166">
                  <c:v>38504</c:v>
                </c:pt>
                <c:pt idx="167">
                  <c:v>38505</c:v>
                </c:pt>
                <c:pt idx="168">
                  <c:v>38506</c:v>
                </c:pt>
                <c:pt idx="169">
                  <c:v>38509</c:v>
                </c:pt>
                <c:pt idx="170">
                  <c:v>38510</c:v>
                </c:pt>
                <c:pt idx="171">
                  <c:v>38511</c:v>
                </c:pt>
                <c:pt idx="172">
                  <c:v>38512</c:v>
                </c:pt>
                <c:pt idx="173">
                  <c:v>38513</c:v>
                </c:pt>
                <c:pt idx="174">
                  <c:v>38516</c:v>
                </c:pt>
                <c:pt idx="175">
                  <c:v>38517</c:v>
                </c:pt>
                <c:pt idx="176">
                  <c:v>38518</c:v>
                </c:pt>
                <c:pt idx="177">
                  <c:v>38519</c:v>
                </c:pt>
                <c:pt idx="178">
                  <c:v>38520</c:v>
                </c:pt>
                <c:pt idx="179">
                  <c:v>38523</c:v>
                </c:pt>
                <c:pt idx="180">
                  <c:v>38524</c:v>
                </c:pt>
                <c:pt idx="181">
                  <c:v>38525</c:v>
                </c:pt>
                <c:pt idx="182">
                  <c:v>38526</c:v>
                </c:pt>
                <c:pt idx="183">
                  <c:v>38527</c:v>
                </c:pt>
                <c:pt idx="184">
                  <c:v>38530</c:v>
                </c:pt>
                <c:pt idx="185">
                  <c:v>38531</c:v>
                </c:pt>
                <c:pt idx="186">
                  <c:v>38532</c:v>
                </c:pt>
                <c:pt idx="187">
                  <c:v>38533</c:v>
                </c:pt>
                <c:pt idx="188">
                  <c:v>38534</c:v>
                </c:pt>
                <c:pt idx="189">
                  <c:v>38537</c:v>
                </c:pt>
                <c:pt idx="190">
                  <c:v>38538</c:v>
                </c:pt>
                <c:pt idx="191">
                  <c:v>38539</c:v>
                </c:pt>
                <c:pt idx="192">
                  <c:v>38540</c:v>
                </c:pt>
                <c:pt idx="193">
                  <c:v>38541</c:v>
                </c:pt>
                <c:pt idx="194">
                  <c:v>38544</c:v>
                </c:pt>
                <c:pt idx="195">
                  <c:v>38545</c:v>
                </c:pt>
                <c:pt idx="196">
                  <c:v>38546</c:v>
                </c:pt>
                <c:pt idx="197">
                  <c:v>38547</c:v>
                </c:pt>
                <c:pt idx="198">
                  <c:v>38548</c:v>
                </c:pt>
                <c:pt idx="199">
                  <c:v>38551</c:v>
                </c:pt>
                <c:pt idx="200">
                  <c:v>38552</c:v>
                </c:pt>
                <c:pt idx="201">
                  <c:v>38553</c:v>
                </c:pt>
                <c:pt idx="202">
                  <c:v>38554</c:v>
                </c:pt>
                <c:pt idx="203">
                  <c:v>38555</c:v>
                </c:pt>
                <c:pt idx="204">
                  <c:v>38558</c:v>
                </c:pt>
                <c:pt idx="205">
                  <c:v>38559</c:v>
                </c:pt>
                <c:pt idx="206">
                  <c:v>38560</c:v>
                </c:pt>
                <c:pt idx="207">
                  <c:v>38561</c:v>
                </c:pt>
                <c:pt idx="208">
                  <c:v>38562</c:v>
                </c:pt>
                <c:pt idx="209">
                  <c:v>38565</c:v>
                </c:pt>
                <c:pt idx="210">
                  <c:v>38566</c:v>
                </c:pt>
                <c:pt idx="211">
                  <c:v>38567</c:v>
                </c:pt>
                <c:pt idx="212">
                  <c:v>38568</c:v>
                </c:pt>
                <c:pt idx="213">
                  <c:v>38569</c:v>
                </c:pt>
                <c:pt idx="214">
                  <c:v>38572</c:v>
                </c:pt>
                <c:pt idx="215">
                  <c:v>38573</c:v>
                </c:pt>
                <c:pt idx="216">
                  <c:v>38574</c:v>
                </c:pt>
                <c:pt idx="217">
                  <c:v>38575</c:v>
                </c:pt>
                <c:pt idx="218">
                  <c:v>38576</c:v>
                </c:pt>
                <c:pt idx="219">
                  <c:v>38579</c:v>
                </c:pt>
                <c:pt idx="220">
                  <c:v>38580</c:v>
                </c:pt>
                <c:pt idx="221">
                  <c:v>38581</c:v>
                </c:pt>
                <c:pt idx="222">
                  <c:v>38582</c:v>
                </c:pt>
                <c:pt idx="223">
                  <c:v>38583</c:v>
                </c:pt>
                <c:pt idx="224">
                  <c:v>38586</c:v>
                </c:pt>
                <c:pt idx="225">
                  <c:v>38587</c:v>
                </c:pt>
                <c:pt idx="226">
                  <c:v>38588</c:v>
                </c:pt>
                <c:pt idx="227">
                  <c:v>38589</c:v>
                </c:pt>
                <c:pt idx="228">
                  <c:v>38590</c:v>
                </c:pt>
                <c:pt idx="229">
                  <c:v>38593</c:v>
                </c:pt>
                <c:pt idx="230">
                  <c:v>38594</c:v>
                </c:pt>
                <c:pt idx="231">
                  <c:v>38595</c:v>
                </c:pt>
                <c:pt idx="232">
                  <c:v>38596</c:v>
                </c:pt>
                <c:pt idx="233">
                  <c:v>38597</c:v>
                </c:pt>
                <c:pt idx="234">
                  <c:v>38600</c:v>
                </c:pt>
                <c:pt idx="235">
                  <c:v>38601</c:v>
                </c:pt>
                <c:pt idx="236">
                  <c:v>38603</c:v>
                </c:pt>
                <c:pt idx="237">
                  <c:v>38604</c:v>
                </c:pt>
                <c:pt idx="238">
                  <c:v>38607</c:v>
                </c:pt>
                <c:pt idx="239">
                  <c:v>38608</c:v>
                </c:pt>
                <c:pt idx="240">
                  <c:v>38609</c:v>
                </c:pt>
                <c:pt idx="241">
                  <c:v>38610</c:v>
                </c:pt>
                <c:pt idx="242">
                  <c:v>38611</c:v>
                </c:pt>
                <c:pt idx="243">
                  <c:v>38614</c:v>
                </c:pt>
                <c:pt idx="244">
                  <c:v>38615</c:v>
                </c:pt>
                <c:pt idx="245">
                  <c:v>38616</c:v>
                </c:pt>
                <c:pt idx="246">
                  <c:v>38617</c:v>
                </c:pt>
                <c:pt idx="247">
                  <c:v>38618</c:v>
                </c:pt>
                <c:pt idx="248">
                  <c:v>38621</c:v>
                </c:pt>
                <c:pt idx="249">
                  <c:v>38622</c:v>
                </c:pt>
                <c:pt idx="250">
                  <c:v>38623</c:v>
                </c:pt>
                <c:pt idx="251">
                  <c:v>38624</c:v>
                </c:pt>
                <c:pt idx="252">
                  <c:v>38625</c:v>
                </c:pt>
                <c:pt idx="253">
                  <c:v>38628</c:v>
                </c:pt>
                <c:pt idx="254">
                  <c:v>38629</c:v>
                </c:pt>
                <c:pt idx="255">
                  <c:v>38630</c:v>
                </c:pt>
                <c:pt idx="256">
                  <c:v>38631</c:v>
                </c:pt>
                <c:pt idx="257">
                  <c:v>38632</c:v>
                </c:pt>
                <c:pt idx="258">
                  <c:v>38635</c:v>
                </c:pt>
                <c:pt idx="259">
                  <c:v>38636</c:v>
                </c:pt>
                <c:pt idx="260">
                  <c:v>38638</c:v>
                </c:pt>
                <c:pt idx="261">
                  <c:v>38639</c:v>
                </c:pt>
                <c:pt idx="262">
                  <c:v>38642</c:v>
                </c:pt>
                <c:pt idx="263">
                  <c:v>38643</c:v>
                </c:pt>
                <c:pt idx="264">
                  <c:v>38644</c:v>
                </c:pt>
                <c:pt idx="265">
                  <c:v>38645</c:v>
                </c:pt>
                <c:pt idx="266">
                  <c:v>38646</c:v>
                </c:pt>
                <c:pt idx="267">
                  <c:v>38649</c:v>
                </c:pt>
                <c:pt idx="268">
                  <c:v>38650</c:v>
                </c:pt>
                <c:pt idx="269">
                  <c:v>38651</c:v>
                </c:pt>
                <c:pt idx="270">
                  <c:v>38652</c:v>
                </c:pt>
                <c:pt idx="271">
                  <c:v>38653</c:v>
                </c:pt>
                <c:pt idx="272">
                  <c:v>38656</c:v>
                </c:pt>
                <c:pt idx="273">
                  <c:v>38657</c:v>
                </c:pt>
                <c:pt idx="274">
                  <c:v>38659</c:v>
                </c:pt>
                <c:pt idx="275">
                  <c:v>38660</c:v>
                </c:pt>
                <c:pt idx="276">
                  <c:v>38663</c:v>
                </c:pt>
                <c:pt idx="277">
                  <c:v>38664</c:v>
                </c:pt>
                <c:pt idx="278">
                  <c:v>38665</c:v>
                </c:pt>
                <c:pt idx="279">
                  <c:v>38666</c:v>
                </c:pt>
                <c:pt idx="280">
                  <c:v>38667</c:v>
                </c:pt>
                <c:pt idx="281">
                  <c:v>38670</c:v>
                </c:pt>
                <c:pt idx="282">
                  <c:v>38672</c:v>
                </c:pt>
                <c:pt idx="283">
                  <c:v>38673</c:v>
                </c:pt>
                <c:pt idx="284">
                  <c:v>38674</c:v>
                </c:pt>
                <c:pt idx="285">
                  <c:v>38677</c:v>
                </c:pt>
                <c:pt idx="286">
                  <c:v>38678</c:v>
                </c:pt>
                <c:pt idx="287">
                  <c:v>38679</c:v>
                </c:pt>
                <c:pt idx="288">
                  <c:v>38680</c:v>
                </c:pt>
                <c:pt idx="289">
                  <c:v>38681</c:v>
                </c:pt>
                <c:pt idx="290">
                  <c:v>38684</c:v>
                </c:pt>
                <c:pt idx="291">
                  <c:v>38685</c:v>
                </c:pt>
                <c:pt idx="292">
                  <c:v>38686</c:v>
                </c:pt>
                <c:pt idx="293">
                  <c:v>38687</c:v>
                </c:pt>
                <c:pt idx="294">
                  <c:v>38688</c:v>
                </c:pt>
                <c:pt idx="295">
                  <c:v>38691</c:v>
                </c:pt>
                <c:pt idx="296">
                  <c:v>38692</c:v>
                </c:pt>
                <c:pt idx="297">
                  <c:v>38693</c:v>
                </c:pt>
                <c:pt idx="298">
                  <c:v>38694</c:v>
                </c:pt>
                <c:pt idx="299">
                  <c:v>38695</c:v>
                </c:pt>
                <c:pt idx="300">
                  <c:v>38698</c:v>
                </c:pt>
                <c:pt idx="301">
                  <c:v>38699</c:v>
                </c:pt>
                <c:pt idx="302">
                  <c:v>38700</c:v>
                </c:pt>
                <c:pt idx="303">
                  <c:v>38701</c:v>
                </c:pt>
                <c:pt idx="304">
                  <c:v>38702</c:v>
                </c:pt>
                <c:pt idx="305">
                  <c:v>38705</c:v>
                </c:pt>
                <c:pt idx="306">
                  <c:v>38706</c:v>
                </c:pt>
                <c:pt idx="307">
                  <c:v>38707</c:v>
                </c:pt>
                <c:pt idx="308">
                  <c:v>38708</c:v>
                </c:pt>
                <c:pt idx="309">
                  <c:v>38709</c:v>
                </c:pt>
                <c:pt idx="310">
                  <c:v>38712</c:v>
                </c:pt>
                <c:pt idx="311">
                  <c:v>38713</c:v>
                </c:pt>
                <c:pt idx="312">
                  <c:v>38714</c:v>
                </c:pt>
                <c:pt idx="313">
                  <c:v>38715</c:v>
                </c:pt>
                <c:pt idx="314">
                  <c:v>38716</c:v>
                </c:pt>
                <c:pt idx="315">
                  <c:v>38719</c:v>
                </c:pt>
                <c:pt idx="316">
                  <c:v>38720</c:v>
                </c:pt>
                <c:pt idx="317">
                  <c:v>38721</c:v>
                </c:pt>
                <c:pt idx="318">
                  <c:v>38722</c:v>
                </c:pt>
                <c:pt idx="319">
                  <c:v>38723</c:v>
                </c:pt>
                <c:pt idx="320">
                  <c:v>38726</c:v>
                </c:pt>
                <c:pt idx="321">
                  <c:v>38727</c:v>
                </c:pt>
                <c:pt idx="322">
                  <c:v>38728</c:v>
                </c:pt>
                <c:pt idx="323">
                  <c:v>38729</c:v>
                </c:pt>
                <c:pt idx="324">
                  <c:v>38730</c:v>
                </c:pt>
                <c:pt idx="325">
                  <c:v>38733</c:v>
                </c:pt>
                <c:pt idx="326">
                  <c:v>38734</c:v>
                </c:pt>
                <c:pt idx="327">
                  <c:v>38735</c:v>
                </c:pt>
                <c:pt idx="328">
                  <c:v>38736</c:v>
                </c:pt>
                <c:pt idx="329">
                  <c:v>38737</c:v>
                </c:pt>
                <c:pt idx="330">
                  <c:v>38740</c:v>
                </c:pt>
                <c:pt idx="331">
                  <c:v>38741</c:v>
                </c:pt>
                <c:pt idx="332">
                  <c:v>38742</c:v>
                </c:pt>
                <c:pt idx="333">
                  <c:v>38743</c:v>
                </c:pt>
                <c:pt idx="334">
                  <c:v>38744</c:v>
                </c:pt>
                <c:pt idx="335">
                  <c:v>38747</c:v>
                </c:pt>
                <c:pt idx="336">
                  <c:v>38748</c:v>
                </c:pt>
                <c:pt idx="337">
                  <c:v>38749</c:v>
                </c:pt>
                <c:pt idx="338">
                  <c:v>38750</c:v>
                </c:pt>
                <c:pt idx="339">
                  <c:v>38751</c:v>
                </c:pt>
                <c:pt idx="340">
                  <c:v>38754</c:v>
                </c:pt>
                <c:pt idx="341">
                  <c:v>38755</c:v>
                </c:pt>
                <c:pt idx="342">
                  <c:v>38756</c:v>
                </c:pt>
                <c:pt idx="343">
                  <c:v>38757</c:v>
                </c:pt>
                <c:pt idx="344">
                  <c:v>38758</c:v>
                </c:pt>
                <c:pt idx="345">
                  <c:v>38761</c:v>
                </c:pt>
                <c:pt idx="346">
                  <c:v>38762</c:v>
                </c:pt>
                <c:pt idx="347">
                  <c:v>38763</c:v>
                </c:pt>
                <c:pt idx="348">
                  <c:v>38764</c:v>
                </c:pt>
                <c:pt idx="349">
                  <c:v>38765</c:v>
                </c:pt>
                <c:pt idx="350">
                  <c:v>38768</c:v>
                </c:pt>
                <c:pt idx="351">
                  <c:v>38769</c:v>
                </c:pt>
                <c:pt idx="352">
                  <c:v>38770</c:v>
                </c:pt>
                <c:pt idx="353">
                  <c:v>38771</c:v>
                </c:pt>
                <c:pt idx="354">
                  <c:v>38772</c:v>
                </c:pt>
                <c:pt idx="355">
                  <c:v>38777</c:v>
                </c:pt>
                <c:pt idx="356">
                  <c:v>38778</c:v>
                </c:pt>
                <c:pt idx="357">
                  <c:v>38779</c:v>
                </c:pt>
                <c:pt idx="358">
                  <c:v>38782</c:v>
                </c:pt>
                <c:pt idx="359">
                  <c:v>38783</c:v>
                </c:pt>
                <c:pt idx="360">
                  <c:v>38784</c:v>
                </c:pt>
                <c:pt idx="361">
                  <c:v>38785</c:v>
                </c:pt>
                <c:pt idx="362">
                  <c:v>38786</c:v>
                </c:pt>
                <c:pt idx="363">
                  <c:v>38789</c:v>
                </c:pt>
                <c:pt idx="364">
                  <c:v>38790</c:v>
                </c:pt>
                <c:pt idx="365">
                  <c:v>38791</c:v>
                </c:pt>
                <c:pt idx="366">
                  <c:v>38792</c:v>
                </c:pt>
                <c:pt idx="367">
                  <c:v>38793</c:v>
                </c:pt>
                <c:pt idx="368">
                  <c:v>38796</c:v>
                </c:pt>
                <c:pt idx="369">
                  <c:v>38797</c:v>
                </c:pt>
                <c:pt idx="370">
                  <c:v>38798</c:v>
                </c:pt>
                <c:pt idx="371">
                  <c:v>38799</c:v>
                </c:pt>
                <c:pt idx="372">
                  <c:v>38800</c:v>
                </c:pt>
                <c:pt idx="373">
                  <c:v>38803</c:v>
                </c:pt>
                <c:pt idx="374">
                  <c:v>38804</c:v>
                </c:pt>
                <c:pt idx="375">
                  <c:v>38805</c:v>
                </c:pt>
                <c:pt idx="376">
                  <c:v>38806</c:v>
                </c:pt>
                <c:pt idx="377">
                  <c:v>38807</c:v>
                </c:pt>
                <c:pt idx="378">
                  <c:v>38810</c:v>
                </c:pt>
                <c:pt idx="379">
                  <c:v>38811</c:v>
                </c:pt>
                <c:pt idx="380">
                  <c:v>38812</c:v>
                </c:pt>
                <c:pt idx="381">
                  <c:v>38813</c:v>
                </c:pt>
                <c:pt idx="382">
                  <c:v>38814</c:v>
                </c:pt>
                <c:pt idx="383">
                  <c:v>38817</c:v>
                </c:pt>
                <c:pt idx="384">
                  <c:v>38818</c:v>
                </c:pt>
                <c:pt idx="385">
                  <c:v>38819</c:v>
                </c:pt>
                <c:pt idx="386">
                  <c:v>38820</c:v>
                </c:pt>
                <c:pt idx="387">
                  <c:v>38824</c:v>
                </c:pt>
                <c:pt idx="388">
                  <c:v>38825</c:v>
                </c:pt>
                <c:pt idx="389">
                  <c:v>38826</c:v>
                </c:pt>
                <c:pt idx="390">
                  <c:v>38827</c:v>
                </c:pt>
                <c:pt idx="391">
                  <c:v>38831</c:v>
                </c:pt>
                <c:pt idx="392">
                  <c:v>38832</c:v>
                </c:pt>
                <c:pt idx="393">
                  <c:v>38833</c:v>
                </c:pt>
                <c:pt idx="394">
                  <c:v>38834</c:v>
                </c:pt>
                <c:pt idx="395">
                  <c:v>38835</c:v>
                </c:pt>
                <c:pt idx="396">
                  <c:v>38839</c:v>
                </c:pt>
                <c:pt idx="397">
                  <c:v>38840</c:v>
                </c:pt>
                <c:pt idx="398">
                  <c:v>38841</c:v>
                </c:pt>
                <c:pt idx="399">
                  <c:v>38842</c:v>
                </c:pt>
                <c:pt idx="400">
                  <c:v>38845</c:v>
                </c:pt>
                <c:pt idx="401">
                  <c:v>38846</c:v>
                </c:pt>
                <c:pt idx="402">
                  <c:v>38847</c:v>
                </c:pt>
                <c:pt idx="403">
                  <c:v>38848</c:v>
                </c:pt>
                <c:pt idx="404">
                  <c:v>38849</c:v>
                </c:pt>
                <c:pt idx="405">
                  <c:v>38852</c:v>
                </c:pt>
                <c:pt idx="406">
                  <c:v>38853</c:v>
                </c:pt>
                <c:pt idx="407">
                  <c:v>38854</c:v>
                </c:pt>
                <c:pt idx="408">
                  <c:v>38855</c:v>
                </c:pt>
                <c:pt idx="409">
                  <c:v>38856</c:v>
                </c:pt>
                <c:pt idx="410">
                  <c:v>38859</c:v>
                </c:pt>
                <c:pt idx="411">
                  <c:v>38860</c:v>
                </c:pt>
                <c:pt idx="412">
                  <c:v>38861</c:v>
                </c:pt>
                <c:pt idx="413">
                  <c:v>38862</c:v>
                </c:pt>
                <c:pt idx="414">
                  <c:v>38863</c:v>
                </c:pt>
                <c:pt idx="415">
                  <c:v>38866</c:v>
                </c:pt>
                <c:pt idx="416">
                  <c:v>38867</c:v>
                </c:pt>
                <c:pt idx="417">
                  <c:v>38868</c:v>
                </c:pt>
                <c:pt idx="418">
                  <c:v>38869</c:v>
                </c:pt>
                <c:pt idx="419">
                  <c:v>38870</c:v>
                </c:pt>
                <c:pt idx="420">
                  <c:v>38873</c:v>
                </c:pt>
                <c:pt idx="421">
                  <c:v>38874</c:v>
                </c:pt>
                <c:pt idx="422">
                  <c:v>38875</c:v>
                </c:pt>
                <c:pt idx="423">
                  <c:v>38876</c:v>
                </c:pt>
                <c:pt idx="424">
                  <c:v>38877</c:v>
                </c:pt>
                <c:pt idx="425">
                  <c:v>38880</c:v>
                </c:pt>
                <c:pt idx="426">
                  <c:v>38881</c:v>
                </c:pt>
                <c:pt idx="427">
                  <c:v>38882</c:v>
                </c:pt>
                <c:pt idx="428">
                  <c:v>38884</c:v>
                </c:pt>
                <c:pt idx="429">
                  <c:v>38887</c:v>
                </c:pt>
                <c:pt idx="430">
                  <c:v>38888</c:v>
                </c:pt>
                <c:pt idx="431">
                  <c:v>38889</c:v>
                </c:pt>
                <c:pt idx="432">
                  <c:v>38890</c:v>
                </c:pt>
                <c:pt idx="433">
                  <c:v>38891</c:v>
                </c:pt>
                <c:pt idx="434">
                  <c:v>38894</c:v>
                </c:pt>
                <c:pt idx="435">
                  <c:v>38895</c:v>
                </c:pt>
                <c:pt idx="436">
                  <c:v>38896</c:v>
                </c:pt>
                <c:pt idx="437">
                  <c:v>38897</c:v>
                </c:pt>
                <c:pt idx="438">
                  <c:v>38898</c:v>
                </c:pt>
                <c:pt idx="439">
                  <c:v>38901</c:v>
                </c:pt>
                <c:pt idx="440">
                  <c:v>38902</c:v>
                </c:pt>
                <c:pt idx="441">
                  <c:v>38903</c:v>
                </c:pt>
                <c:pt idx="442">
                  <c:v>38904</c:v>
                </c:pt>
                <c:pt idx="443">
                  <c:v>38905</c:v>
                </c:pt>
                <c:pt idx="444">
                  <c:v>38908</c:v>
                </c:pt>
                <c:pt idx="445">
                  <c:v>38909</c:v>
                </c:pt>
                <c:pt idx="446">
                  <c:v>38910</c:v>
                </c:pt>
                <c:pt idx="447">
                  <c:v>38911</c:v>
                </c:pt>
                <c:pt idx="448">
                  <c:v>38912</c:v>
                </c:pt>
                <c:pt idx="449">
                  <c:v>38915</c:v>
                </c:pt>
                <c:pt idx="450">
                  <c:v>38916</c:v>
                </c:pt>
                <c:pt idx="451">
                  <c:v>38917</c:v>
                </c:pt>
                <c:pt idx="452">
                  <c:v>38918</c:v>
                </c:pt>
                <c:pt idx="453">
                  <c:v>38919</c:v>
                </c:pt>
                <c:pt idx="454">
                  <c:v>38922</c:v>
                </c:pt>
                <c:pt idx="455">
                  <c:v>38923</c:v>
                </c:pt>
                <c:pt idx="456">
                  <c:v>38924</c:v>
                </c:pt>
                <c:pt idx="457">
                  <c:v>38925</c:v>
                </c:pt>
                <c:pt idx="458">
                  <c:v>38926</c:v>
                </c:pt>
                <c:pt idx="459">
                  <c:v>38929</c:v>
                </c:pt>
                <c:pt idx="460">
                  <c:v>38930</c:v>
                </c:pt>
                <c:pt idx="461">
                  <c:v>38931</c:v>
                </c:pt>
                <c:pt idx="462">
                  <c:v>38932</c:v>
                </c:pt>
                <c:pt idx="463">
                  <c:v>38933</c:v>
                </c:pt>
                <c:pt idx="464">
                  <c:v>38936</c:v>
                </c:pt>
                <c:pt idx="465">
                  <c:v>38937</c:v>
                </c:pt>
                <c:pt idx="466">
                  <c:v>38938</c:v>
                </c:pt>
                <c:pt idx="467">
                  <c:v>38939</c:v>
                </c:pt>
                <c:pt idx="468">
                  <c:v>38940</c:v>
                </c:pt>
                <c:pt idx="469">
                  <c:v>38943</c:v>
                </c:pt>
                <c:pt idx="470">
                  <c:v>38944</c:v>
                </c:pt>
                <c:pt idx="471">
                  <c:v>38945</c:v>
                </c:pt>
                <c:pt idx="472">
                  <c:v>38946</c:v>
                </c:pt>
                <c:pt idx="473">
                  <c:v>38947</c:v>
                </c:pt>
                <c:pt idx="474">
                  <c:v>38950</c:v>
                </c:pt>
                <c:pt idx="475">
                  <c:v>38951</c:v>
                </c:pt>
                <c:pt idx="476">
                  <c:v>38952</c:v>
                </c:pt>
                <c:pt idx="477">
                  <c:v>38953</c:v>
                </c:pt>
                <c:pt idx="478">
                  <c:v>38954</c:v>
                </c:pt>
                <c:pt idx="479">
                  <c:v>38957</c:v>
                </c:pt>
                <c:pt idx="480">
                  <c:v>38958</c:v>
                </c:pt>
                <c:pt idx="481">
                  <c:v>38959</c:v>
                </c:pt>
                <c:pt idx="482">
                  <c:v>38960</c:v>
                </c:pt>
                <c:pt idx="483">
                  <c:v>38961</c:v>
                </c:pt>
                <c:pt idx="484">
                  <c:v>38964</c:v>
                </c:pt>
                <c:pt idx="485">
                  <c:v>38965</c:v>
                </c:pt>
                <c:pt idx="486">
                  <c:v>38966</c:v>
                </c:pt>
                <c:pt idx="487">
                  <c:v>38968</c:v>
                </c:pt>
                <c:pt idx="488">
                  <c:v>38971</c:v>
                </c:pt>
                <c:pt idx="489">
                  <c:v>38972</c:v>
                </c:pt>
                <c:pt idx="490">
                  <c:v>38973</c:v>
                </c:pt>
                <c:pt idx="491">
                  <c:v>38974</c:v>
                </c:pt>
                <c:pt idx="492">
                  <c:v>38975</c:v>
                </c:pt>
                <c:pt idx="493">
                  <c:v>38978</c:v>
                </c:pt>
                <c:pt idx="494">
                  <c:v>38979</c:v>
                </c:pt>
                <c:pt idx="495">
                  <c:v>38980</c:v>
                </c:pt>
                <c:pt idx="496">
                  <c:v>38981</c:v>
                </c:pt>
                <c:pt idx="497">
                  <c:v>38982</c:v>
                </c:pt>
                <c:pt idx="498">
                  <c:v>38985</c:v>
                </c:pt>
                <c:pt idx="499">
                  <c:v>38986</c:v>
                </c:pt>
                <c:pt idx="500">
                  <c:v>38987</c:v>
                </c:pt>
                <c:pt idx="501">
                  <c:v>38988</c:v>
                </c:pt>
                <c:pt idx="502">
                  <c:v>38989</c:v>
                </c:pt>
                <c:pt idx="503">
                  <c:v>38992</c:v>
                </c:pt>
                <c:pt idx="504">
                  <c:v>38993</c:v>
                </c:pt>
                <c:pt idx="505">
                  <c:v>38994</c:v>
                </c:pt>
                <c:pt idx="506">
                  <c:v>38995</c:v>
                </c:pt>
                <c:pt idx="507">
                  <c:v>38996</c:v>
                </c:pt>
                <c:pt idx="508">
                  <c:v>38999</c:v>
                </c:pt>
                <c:pt idx="509">
                  <c:v>39000</c:v>
                </c:pt>
                <c:pt idx="510">
                  <c:v>39001</c:v>
                </c:pt>
                <c:pt idx="511">
                  <c:v>39003</c:v>
                </c:pt>
                <c:pt idx="512">
                  <c:v>39006</c:v>
                </c:pt>
                <c:pt idx="513">
                  <c:v>39007</c:v>
                </c:pt>
                <c:pt idx="514">
                  <c:v>39008</c:v>
                </c:pt>
                <c:pt idx="515">
                  <c:v>39009</c:v>
                </c:pt>
                <c:pt idx="516">
                  <c:v>39010</c:v>
                </c:pt>
                <c:pt idx="517">
                  <c:v>39013</c:v>
                </c:pt>
                <c:pt idx="518">
                  <c:v>39014</c:v>
                </c:pt>
                <c:pt idx="519">
                  <c:v>39015</c:v>
                </c:pt>
                <c:pt idx="520">
                  <c:v>39016</c:v>
                </c:pt>
                <c:pt idx="521">
                  <c:v>39017</c:v>
                </c:pt>
                <c:pt idx="522">
                  <c:v>39020</c:v>
                </c:pt>
                <c:pt idx="523">
                  <c:v>39021</c:v>
                </c:pt>
                <c:pt idx="524">
                  <c:v>39022</c:v>
                </c:pt>
                <c:pt idx="525">
                  <c:v>39024</c:v>
                </c:pt>
                <c:pt idx="526">
                  <c:v>39027</c:v>
                </c:pt>
                <c:pt idx="527">
                  <c:v>39028</c:v>
                </c:pt>
                <c:pt idx="528">
                  <c:v>39029</c:v>
                </c:pt>
                <c:pt idx="529">
                  <c:v>39030</c:v>
                </c:pt>
                <c:pt idx="530">
                  <c:v>39031</c:v>
                </c:pt>
                <c:pt idx="531">
                  <c:v>39034</c:v>
                </c:pt>
                <c:pt idx="532">
                  <c:v>39035</c:v>
                </c:pt>
                <c:pt idx="533">
                  <c:v>39037</c:v>
                </c:pt>
                <c:pt idx="534">
                  <c:v>39038</c:v>
                </c:pt>
                <c:pt idx="535">
                  <c:v>39041</c:v>
                </c:pt>
                <c:pt idx="536">
                  <c:v>39042</c:v>
                </c:pt>
                <c:pt idx="537">
                  <c:v>39043</c:v>
                </c:pt>
                <c:pt idx="538">
                  <c:v>39044</c:v>
                </c:pt>
                <c:pt idx="539">
                  <c:v>39045</c:v>
                </c:pt>
                <c:pt idx="540">
                  <c:v>39048</c:v>
                </c:pt>
                <c:pt idx="541">
                  <c:v>39049</c:v>
                </c:pt>
                <c:pt idx="542">
                  <c:v>39050</c:v>
                </c:pt>
                <c:pt idx="543">
                  <c:v>39051</c:v>
                </c:pt>
                <c:pt idx="544">
                  <c:v>39052</c:v>
                </c:pt>
                <c:pt idx="545">
                  <c:v>39055</c:v>
                </c:pt>
                <c:pt idx="546">
                  <c:v>39056</c:v>
                </c:pt>
                <c:pt idx="547">
                  <c:v>39057</c:v>
                </c:pt>
                <c:pt idx="548">
                  <c:v>39058</c:v>
                </c:pt>
                <c:pt idx="549">
                  <c:v>39059</c:v>
                </c:pt>
                <c:pt idx="550">
                  <c:v>39062</c:v>
                </c:pt>
                <c:pt idx="551">
                  <c:v>39063</c:v>
                </c:pt>
                <c:pt idx="552">
                  <c:v>39064</c:v>
                </c:pt>
                <c:pt idx="553">
                  <c:v>39065</c:v>
                </c:pt>
                <c:pt idx="554">
                  <c:v>39066</c:v>
                </c:pt>
                <c:pt idx="555">
                  <c:v>39069</c:v>
                </c:pt>
                <c:pt idx="556">
                  <c:v>39070</c:v>
                </c:pt>
                <c:pt idx="557">
                  <c:v>39071</c:v>
                </c:pt>
                <c:pt idx="558">
                  <c:v>39072</c:v>
                </c:pt>
                <c:pt idx="559">
                  <c:v>39073</c:v>
                </c:pt>
                <c:pt idx="560">
                  <c:v>39077</c:v>
                </c:pt>
                <c:pt idx="561">
                  <c:v>39078</c:v>
                </c:pt>
                <c:pt idx="562">
                  <c:v>39079</c:v>
                </c:pt>
                <c:pt idx="563">
                  <c:v>39080</c:v>
                </c:pt>
                <c:pt idx="564">
                  <c:v>39084</c:v>
                </c:pt>
                <c:pt idx="565">
                  <c:v>39085</c:v>
                </c:pt>
                <c:pt idx="566">
                  <c:v>39086</c:v>
                </c:pt>
                <c:pt idx="567">
                  <c:v>39087</c:v>
                </c:pt>
                <c:pt idx="568">
                  <c:v>39090</c:v>
                </c:pt>
                <c:pt idx="569">
                  <c:v>39091</c:v>
                </c:pt>
                <c:pt idx="570">
                  <c:v>39092</c:v>
                </c:pt>
                <c:pt idx="571">
                  <c:v>39093</c:v>
                </c:pt>
                <c:pt idx="572">
                  <c:v>39094</c:v>
                </c:pt>
                <c:pt idx="573">
                  <c:v>39097</c:v>
                </c:pt>
                <c:pt idx="574">
                  <c:v>39098</c:v>
                </c:pt>
                <c:pt idx="575">
                  <c:v>39099</c:v>
                </c:pt>
                <c:pt idx="576">
                  <c:v>39100</c:v>
                </c:pt>
                <c:pt idx="577">
                  <c:v>39101</c:v>
                </c:pt>
                <c:pt idx="578">
                  <c:v>39104</c:v>
                </c:pt>
                <c:pt idx="579">
                  <c:v>39105</c:v>
                </c:pt>
                <c:pt idx="580">
                  <c:v>39106</c:v>
                </c:pt>
                <c:pt idx="581">
                  <c:v>39107</c:v>
                </c:pt>
                <c:pt idx="582">
                  <c:v>39108</c:v>
                </c:pt>
                <c:pt idx="583">
                  <c:v>39111</c:v>
                </c:pt>
                <c:pt idx="584">
                  <c:v>39112</c:v>
                </c:pt>
                <c:pt idx="585">
                  <c:v>39113</c:v>
                </c:pt>
                <c:pt idx="586">
                  <c:v>39114</c:v>
                </c:pt>
                <c:pt idx="587">
                  <c:v>39115</c:v>
                </c:pt>
                <c:pt idx="588">
                  <c:v>39118</c:v>
                </c:pt>
                <c:pt idx="589">
                  <c:v>39119</c:v>
                </c:pt>
                <c:pt idx="590">
                  <c:v>39120</c:v>
                </c:pt>
                <c:pt idx="591">
                  <c:v>39121</c:v>
                </c:pt>
                <c:pt idx="592">
                  <c:v>39122</c:v>
                </c:pt>
                <c:pt idx="593">
                  <c:v>39125</c:v>
                </c:pt>
                <c:pt idx="594">
                  <c:v>39126</c:v>
                </c:pt>
                <c:pt idx="595">
                  <c:v>39127</c:v>
                </c:pt>
                <c:pt idx="596">
                  <c:v>39128</c:v>
                </c:pt>
                <c:pt idx="597">
                  <c:v>39129</c:v>
                </c:pt>
                <c:pt idx="598">
                  <c:v>39134</c:v>
                </c:pt>
                <c:pt idx="599">
                  <c:v>39135</c:v>
                </c:pt>
                <c:pt idx="600">
                  <c:v>39136</c:v>
                </c:pt>
                <c:pt idx="601">
                  <c:v>39139</c:v>
                </c:pt>
                <c:pt idx="602">
                  <c:v>39140</c:v>
                </c:pt>
                <c:pt idx="603">
                  <c:v>39141</c:v>
                </c:pt>
                <c:pt idx="604">
                  <c:v>39142</c:v>
                </c:pt>
                <c:pt idx="605">
                  <c:v>39143</c:v>
                </c:pt>
                <c:pt idx="606">
                  <c:v>39146</c:v>
                </c:pt>
                <c:pt idx="607">
                  <c:v>39147</c:v>
                </c:pt>
                <c:pt idx="608">
                  <c:v>39148</c:v>
                </c:pt>
                <c:pt idx="609">
                  <c:v>39149</c:v>
                </c:pt>
                <c:pt idx="610">
                  <c:v>39150</c:v>
                </c:pt>
                <c:pt idx="611">
                  <c:v>39153</c:v>
                </c:pt>
                <c:pt idx="612">
                  <c:v>39154</c:v>
                </c:pt>
                <c:pt idx="613">
                  <c:v>39155</c:v>
                </c:pt>
                <c:pt idx="614">
                  <c:v>39156</c:v>
                </c:pt>
                <c:pt idx="615">
                  <c:v>39157</c:v>
                </c:pt>
                <c:pt idx="616">
                  <c:v>39160</c:v>
                </c:pt>
                <c:pt idx="617">
                  <c:v>39161</c:v>
                </c:pt>
                <c:pt idx="618">
                  <c:v>39162</c:v>
                </c:pt>
                <c:pt idx="619">
                  <c:v>39163</c:v>
                </c:pt>
                <c:pt idx="620">
                  <c:v>39164</c:v>
                </c:pt>
                <c:pt idx="621">
                  <c:v>39167</c:v>
                </c:pt>
                <c:pt idx="622">
                  <c:v>39168</c:v>
                </c:pt>
                <c:pt idx="623">
                  <c:v>39169</c:v>
                </c:pt>
                <c:pt idx="624">
                  <c:v>39170</c:v>
                </c:pt>
                <c:pt idx="625">
                  <c:v>39171</c:v>
                </c:pt>
                <c:pt idx="626">
                  <c:v>39174</c:v>
                </c:pt>
                <c:pt idx="627">
                  <c:v>39175</c:v>
                </c:pt>
                <c:pt idx="628">
                  <c:v>39176</c:v>
                </c:pt>
                <c:pt idx="629">
                  <c:v>39177</c:v>
                </c:pt>
                <c:pt idx="630">
                  <c:v>39181</c:v>
                </c:pt>
                <c:pt idx="631">
                  <c:v>39182</c:v>
                </c:pt>
                <c:pt idx="632">
                  <c:v>39183</c:v>
                </c:pt>
                <c:pt idx="633">
                  <c:v>39184</c:v>
                </c:pt>
                <c:pt idx="634">
                  <c:v>39185</c:v>
                </c:pt>
                <c:pt idx="635">
                  <c:v>39188</c:v>
                </c:pt>
                <c:pt idx="636">
                  <c:v>39189</c:v>
                </c:pt>
                <c:pt idx="637">
                  <c:v>39190</c:v>
                </c:pt>
                <c:pt idx="638">
                  <c:v>39191</c:v>
                </c:pt>
                <c:pt idx="639">
                  <c:v>39192</c:v>
                </c:pt>
                <c:pt idx="640">
                  <c:v>39195</c:v>
                </c:pt>
                <c:pt idx="641">
                  <c:v>39196</c:v>
                </c:pt>
                <c:pt idx="642">
                  <c:v>39197</c:v>
                </c:pt>
                <c:pt idx="643">
                  <c:v>39198</c:v>
                </c:pt>
                <c:pt idx="644">
                  <c:v>39199</c:v>
                </c:pt>
                <c:pt idx="645">
                  <c:v>39202</c:v>
                </c:pt>
                <c:pt idx="646">
                  <c:v>39204</c:v>
                </c:pt>
                <c:pt idx="647">
                  <c:v>39205</c:v>
                </c:pt>
                <c:pt idx="648">
                  <c:v>39206</c:v>
                </c:pt>
                <c:pt idx="649">
                  <c:v>39209</c:v>
                </c:pt>
                <c:pt idx="650">
                  <c:v>39210</c:v>
                </c:pt>
                <c:pt idx="651">
                  <c:v>39211</c:v>
                </c:pt>
                <c:pt idx="652">
                  <c:v>39212</c:v>
                </c:pt>
                <c:pt idx="653">
                  <c:v>39213</c:v>
                </c:pt>
                <c:pt idx="654">
                  <c:v>39216</c:v>
                </c:pt>
                <c:pt idx="655">
                  <c:v>39217</c:v>
                </c:pt>
                <c:pt idx="656">
                  <c:v>39218</c:v>
                </c:pt>
                <c:pt idx="657">
                  <c:v>39219</c:v>
                </c:pt>
                <c:pt idx="658">
                  <c:v>39220</c:v>
                </c:pt>
                <c:pt idx="659">
                  <c:v>39223</c:v>
                </c:pt>
                <c:pt idx="660">
                  <c:v>39224</c:v>
                </c:pt>
                <c:pt idx="661">
                  <c:v>39225</c:v>
                </c:pt>
                <c:pt idx="662">
                  <c:v>39226</c:v>
                </c:pt>
                <c:pt idx="663">
                  <c:v>39227</c:v>
                </c:pt>
                <c:pt idx="664">
                  <c:v>39230</c:v>
                </c:pt>
                <c:pt idx="665">
                  <c:v>39231</c:v>
                </c:pt>
                <c:pt idx="666">
                  <c:v>39232</c:v>
                </c:pt>
                <c:pt idx="667">
                  <c:v>39233</c:v>
                </c:pt>
                <c:pt idx="668">
                  <c:v>39234</c:v>
                </c:pt>
                <c:pt idx="669">
                  <c:v>39237</c:v>
                </c:pt>
                <c:pt idx="670">
                  <c:v>39238</c:v>
                </c:pt>
                <c:pt idx="671">
                  <c:v>39239</c:v>
                </c:pt>
                <c:pt idx="672">
                  <c:v>39241</c:v>
                </c:pt>
                <c:pt idx="673">
                  <c:v>39244</c:v>
                </c:pt>
                <c:pt idx="674">
                  <c:v>39245</c:v>
                </c:pt>
                <c:pt idx="675">
                  <c:v>39246</c:v>
                </c:pt>
                <c:pt idx="676">
                  <c:v>39247</c:v>
                </c:pt>
                <c:pt idx="677">
                  <c:v>39248</c:v>
                </c:pt>
                <c:pt idx="678">
                  <c:v>39251</c:v>
                </c:pt>
                <c:pt idx="679">
                  <c:v>39252</c:v>
                </c:pt>
                <c:pt idx="680">
                  <c:v>39253</c:v>
                </c:pt>
                <c:pt idx="681">
                  <c:v>39254</c:v>
                </c:pt>
                <c:pt idx="682">
                  <c:v>39255</c:v>
                </c:pt>
                <c:pt idx="683">
                  <c:v>39258</c:v>
                </c:pt>
                <c:pt idx="684">
                  <c:v>39259</c:v>
                </c:pt>
                <c:pt idx="685">
                  <c:v>39260</c:v>
                </c:pt>
                <c:pt idx="686">
                  <c:v>39261</c:v>
                </c:pt>
                <c:pt idx="687">
                  <c:v>39262</c:v>
                </c:pt>
                <c:pt idx="688">
                  <c:v>39265</c:v>
                </c:pt>
                <c:pt idx="689">
                  <c:v>39266</c:v>
                </c:pt>
                <c:pt idx="690">
                  <c:v>39267</c:v>
                </c:pt>
                <c:pt idx="691">
                  <c:v>39268</c:v>
                </c:pt>
                <c:pt idx="692">
                  <c:v>39269</c:v>
                </c:pt>
                <c:pt idx="693">
                  <c:v>39272</c:v>
                </c:pt>
                <c:pt idx="694">
                  <c:v>39273</c:v>
                </c:pt>
                <c:pt idx="695">
                  <c:v>39274</c:v>
                </c:pt>
                <c:pt idx="696">
                  <c:v>39275</c:v>
                </c:pt>
                <c:pt idx="697">
                  <c:v>39276</c:v>
                </c:pt>
                <c:pt idx="698">
                  <c:v>39279</c:v>
                </c:pt>
                <c:pt idx="699">
                  <c:v>39280</c:v>
                </c:pt>
                <c:pt idx="700">
                  <c:v>39281</c:v>
                </c:pt>
                <c:pt idx="701">
                  <c:v>39282</c:v>
                </c:pt>
                <c:pt idx="702">
                  <c:v>39283</c:v>
                </c:pt>
                <c:pt idx="703">
                  <c:v>39286</c:v>
                </c:pt>
                <c:pt idx="704">
                  <c:v>39287</c:v>
                </c:pt>
                <c:pt idx="705">
                  <c:v>39288</c:v>
                </c:pt>
                <c:pt idx="706">
                  <c:v>39289</c:v>
                </c:pt>
                <c:pt idx="707">
                  <c:v>39290</c:v>
                </c:pt>
                <c:pt idx="708">
                  <c:v>39293</c:v>
                </c:pt>
                <c:pt idx="709">
                  <c:v>39294</c:v>
                </c:pt>
                <c:pt idx="710">
                  <c:v>39295</c:v>
                </c:pt>
                <c:pt idx="711">
                  <c:v>39296</c:v>
                </c:pt>
                <c:pt idx="712">
                  <c:v>39297</c:v>
                </c:pt>
                <c:pt idx="713">
                  <c:v>39300</c:v>
                </c:pt>
                <c:pt idx="714">
                  <c:v>39301</c:v>
                </c:pt>
                <c:pt idx="715">
                  <c:v>39302</c:v>
                </c:pt>
                <c:pt idx="716">
                  <c:v>39303</c:v>
                </c:pt>
                <c:pt idx="717">
                  <c:v>39304</c:v>
                </c:pt>
                <c:pt idx="718">
                  <c:v>39307</c:v>
                </c:pt>
                <c:pt idx="719">
                  <c:v>39308</c:v>
                </c:pt>
                <c:pt idx="720">
                  <c:v>39309</c:v>
                </c:pt>
                <c:pt idx="721">
                  <c:v>39310</c:v>
                </c:pt>
                <c:pt idx="722">
                  <c:v>39311</c:v>
                </c:pt>
                <c:pt idx="723">
                  <c:v>39314</c:v>
                </c:pt>
                <c:pt idx="724">
                  <c:v>39315</c:v>
                </c:pt>
                <c:pt idx="725">
                  <c:v>39316</c:v>
                </c:pt>
                <c:pt idx="726">
                  <c:v>39317</c:v>
                </c:pt>
                <c:pt idx="727">
                  <c:v>39318</c:v>
                </c:pt>
                <c:pt idx="728">
                  <c:v>39321</c:v>
                </c:pt>
                <c:pt idx="729">
                  <c:v>39322</c:v>
                </c:pt>
                <c:pt idx="730">
                  <c:v>39323</c:v>
                </c:pt>
                <c:pt idx="731">
                  <c:v>39324</c:v>
                </c:pt>
                <c:pt idx="732">
                  <c:v>39325</c:v>
                </c:pt>
                <c:pt idx="733">
                  <c:v>39328</c:v>
                </c:pt>
                <c:pt idx="734">
                  <c:v>39329</c:v>
                </c:pt>
                <c:pt idx="735">
                  <c:v>39330</c:v>
                </c:pt>
                <c:pt idx="736">
                  <c:v>39331</c:v>
                </c:pt>
                <c:pt idx="737">
                  <c:v>39335</c:v>
                </c:pt>
                <c:pt idx="738">
                  <c:v>39336</c:v>
                </c:pt>
                <c:pt idx="739">
                  <c:v>39337</c:v>
                </c:pt>
                <c:pt idx="740">
                  <c:v>39338</c:v>
                </c:pt>
                <c:pt idx="741">
                  <c:v>39339</c:v>
                </c:pt>
                <c:pt idx="742">
                  <c:v>39342</c:v>
                </c:pt>
                <c:pt idx="743">
                  <c:v>39343</c:v>
                </c:pt>
                <c:pt idx="744">
                  <c:v>39344</c:v>
                </c:pt>
                <c:pt idx="745">
                  <c:v>39345</c:v>
                </c:pt>
                <c:pt idx="746">
                  <c:v>39346</c:v>
                </c:pt>
                <c:pt idx="747">
                  <c:v>39349</c:v>
                </c:pt>
                <c:pt idx="748">
                  <c:v>39350</c:v>
                </c:pt>
                <c:pt idx="749">
                  <c:v>39351</c:v>
                </c:pt>
                <c:pt idx="750">
                  <c:v>39352</c:v>
                </c:pt>
                <c:pt idx="751">
                  <c:v>39353</c:v>
                </c:pt>
                <c:pt idx="752">
                  <c:v>39356</c:v>
                </c:pt>
                <c:pt idx="753">
                  <c:v>39357</c:v>
                </c:pt>
                <c:pt idx="754">
                  <c:v>39358</c:v>
                </c:pt>
                <c:pt idx="755">
                  <c:v>39359</c:v>
                </c:pt>
                <c:pt idx="756">
                  <c:v>39360</c:v>
                </c:pt>
                <c:pt idx="757">
                  <c:v>39363</c:v>
                </c:pt>
                <c:pt idx="758">
                  <c:v>39364</c:v>
                </c:pt>
                <c:pt idx="759">
                  <c:v>39365</c:v>
                </c:pt>
                <c:pt idx="760">
                  <c:v>39366</c:v>
                </c:pt>
                <c:pt idx="761">
                  <c:v>39370</c:v>
                </c:pt>
                <c:pt idx="762">
                  <c:v>39371</c:v>
                </c:pt>
                <c:pt idx="763">
                  <c:v>39372</c:v>
                </c:pt>
                <c:pt idx="764">
                  <c:v>39373</c:v>
                </c:pt>
                <c:pt idx="765">
                  <c:v>39374</c:v>
                </c:pt>
                <c:pt idx="766">
                  <c:v>39377</c:v>
                </c:pt>
                <c:pt idx="767">
                  <c:v>39378</c:v>
                </c:pt>
                <c:pt idx="768">
                  <c:v>39379</c:v>
                </c:pt>
                <c:pt idx="769">
                  <c:v>39380</c:v>
                </c:pt>
                <c:pt idx="770">
                  <c:v>39381</c:v>
                </c:pt>
                <c:pt idx="771">
                  <c:v>39384</c:v>
                </c:pt>
                <c:pt idx="772">
                  <c:v>39385</c:v>
                </c:pt>
                <c:pt idx="773">
                  <c:v>39386</c:v>
                </c:pt>
                <c:pt idx="774">
                  <c:v>39387</c:v>
                </c:pt>
                <c:pt idx="775">
                  <c:v>39391</c:v>
                </c:pt>
                <c:pt idx="776">
                  <c:v>39392</c:v>
                </c:pt>
                <c:pt idx="777">
                  <c:v>39393</c:v>
                </c:pt>
                <c:pt idx="778">
                  <c:v>39394</c:v>
                </c:pt>
                <c:pt idx="779">
                  <c:v>39395</c:v>
                </c:pt>
                <c:pt idx="780">
                  <c:v>39398</c:v>
                </c:pt>
                <c:pt idx="781">
                  <c:v>39399</c:v>
                </c:pt>
                <c:pt idx="782">
                  <c:v>39400</c:v>
                </c:pt>
                <c:pt idx="783">
                  <c:v>39402</c:v>
                </c:pt>
                <c:pt idx="784">
                  <c:v>39405</c:v>
                </c:pt>
                <c:pt idx="785">
                  <c:v>39406</c:v>
                </c:pt>
                <c:pt idx="786">
                  <c:v>39407</c:v>
                </c:pt>
                <c:pt idx="787">
                  <c:v>39408</c:v>
                </c:pt>
                <c:pt idx="788">
                  <c:v>39409</c:v>
                </c:pt>
                <c:pt idx="789">
                  <c:v>39412</c:v>
                </c:pt>
                <c:pt idx="790">
                  <c:v>39413</c:v>
                </c:pt>
                <c:pt idx="791">
                  <c:v>39414</c:v>
                </c:pt>
                <c:pt idx="792">
                  <c:v>39415</c:v>
                </c:pt>
                <c:pt idx="793">
                  <c:v>39416</c:v>
                </c:pt>
                <c:pt idx="794">
                  <c:v>39419</c:v>
                </c:pt>
                <c:pt idx="795">
                  <c:v>39420</c:v>
                </c:pt>
                <c:pt idx="796">
                  <c:v>39421</c:v>
                </c:pt>
                <c:pt idx="797">
                  <c:v>39422</c:v>
                </c:pt>
                <c:pt idx="798">
                  <c:v>39423</c:v>
                </c:pt>
                <c:pt idx="799">
                  <c:v>39426</c:v>
                </c:pt>
                <c:pt idx="800">
                  <c:v>39427</c:v>
                </c:pt>
                <c:pt idx="801">
                  <c:v>39428</c:v>
                </c:pt>
                <c:pt idx="802">
                  <c:v>39429</c:v>
                </c:pt>
                <c:pt idx="803">
                  <c:v>39430</c:v>
                </c:pt>
                <c:pt idx="804">
                  <c:v>39433</c:v>
                </c:pt>
                <c:pt idx="805">
                  <c:v>39434</c:v>
                </c:pt>
                <c:pt idx="806">
                  <c:v>39435</c:v>
                </c:pt>
                <c:pt idx="807">
                  <c:v>39436</c:v>
                </c:pt>
                <c:pt idx="808">
                  <c:v>39437</c:v>
                </c:pt>
                <c:pt idx="809">
                  <c:v>39440</c:v>
                </c:pt>
                <c:pt idx="810">
                  <c:v>39442</c:v>
                </c:pt>
                <c:pt idx="811">
                  <c:v>39443</c:v>
                </c:pt>
                <c:pt idx="812">
                  <c:v>39444</c:v>
                </c:pt>
                <c:pt idx="813">
                  <c:v>39447</c:v>
                </c:pt>
                <c:pt idx="814">
                  <c:v>39449</c:v>
                </c:pt>
                <c:pt idx="815">
                  <c:v>39450</c:v>
                </c:pt>
                <c:pt idx="816">
                  <c:v>39451</c:v>
                </c:pt>
                <c:pt idx="817">
                  <c:v>39454</c:v>
                </c:pt>
                <c:pt idx="818">
                  <c:v>39455</c:v>
                </c:pt>
                <c:pt idx="819">
                  <c:v>39456</c:v>
                </c:pt>
                <c:pt idx="820">
                  <c:v>39457</c:v>
                </c:pt>
                <c:pt idx="821">
                  <c:v>39458</c:v>
                </c:pt>
                <c:pt idx="822">
                  <c:v>39461</c:v>
                </c:pt>
                <c:pt idx="823">
                  <c:v>39462</c:v>
                </c:pt>
                <c:pt idx="824">
                  <c:v>39463</c:v>
                </c:pt>
                <c:pt idx="825">
                  <c:v>39464</c:v>
                </c:pt>
                <c:pt idx="826">
                  <c:v>39465</c:v>
                </c:pt>
                <c:pt idx="827">
                  <c:v>39468</c:v>
                </c:pt>
                <c:pt idx="828">
                  <c:v>39469</c:v>
                </c:pt>
                <c:pt idx="829">
                  <c:v>39470</c:v>
                </c:pt>
                <c:pt idx="830">
                  <c:v>39471</c:v>
                </c:pt>
                <c:pt idx="831">
                  <c:v>39472</c:v>
                </c:pt>
                <c:pt idx="832">
                  <c:v>39475</c:v>
                </c:pt>
                <c:pt idx="833">
                  <c:v>39476</c:v>
                </c:pt>
                <c:pt idx="834">
                  <c:v>39477</c:v>
                </c:pt>
                <c:pt idx="835">
                  <c:v>39478</c:v>
                </c:pt>
                <c:pt idx="836">
                  <c:v>39479</c:v>
                </c:pt>
                <c:pt idx="837">
                  <c:v>39484</c:v>
                </c:pt>
                <c:pt idx="838">
                  <c:v>39485</c:v>
                </c:pt>
                <c:pt idx="839">
                  <c:v>39486</c:v>
                </c:pt>
                <c:pt idx="840">
                  <c:v>39489</c:v>
                </c:pt>
                <c:pt idx="841">
                  <c:v>39490</c:v>
                </c:pt>
                <c:pt idx="842">
                  <c:v>39491</c:v>
                </c:pt>
                <c:pt idx="843">
                  <c:v>39492</c:v>
                </c:pt>
                <c:pt idx="844">
                  <c:v>39493</c:v>
                </c:pt>
                <c:pt idx="845">
                  <c:v>39496</c:v>
                </c:pt>
                <c:pt idx="846">
                  <c:v>39497</c:v>
                </c:pt>
                <c:pt idx="847">
                  <c:v>39498</c:v>
                </c:pt>
                <c:pt idx="848">
                  <c:v>39499</c:v>
                </c:pt>
                <c:pt idx="849">
                  <c:v>39500</c:v>
                </c:pt>
                <c:pt idx="850">
                  <c:v>39503</c:v>
                </c:pt>
                <c:pt idx="851">
                  <c:v>39504</c:v>
                </c:pt>
                <c:pt idx="852">
                  <c:v>39505</c:v>
                </c:pt>
                <c:pt idx="853">
                  <c:v>39506</c:v>
                </c:pt>
                <c:pt idx="854">
                  <c:v>39507</c:v>
                </c:pt>
                <c:pt idx="855">
                  <c:v>39510</c:v>
                </c:pt>
                <c:pt idx="856">
                  <c:v>39511</c:v>
                </c:pt>
                <c:pt idx="857">
                  <c:v>39512</c:v>
                </c:pt>
                <c:pt idx="858">
                  <c:v>39513</c:v>
                </c:pt>
                <c:pt idx="859">
                  <c:v>39514</c:v>
                </c:pt>
                <c:pt idx="860">
                  <c:v>39517</c:v>
                </c:pt>
                <c:pt idx="861">
                  <c:v>39518</c:v>
                </c:pt>
                <c:pt idx="862">
                  <c:v>39519</c:v>
                </c:pt>
                <c:pt idx="863">
                  <c:v>39520</c:v>
                </c:pt>
                <c:pt idx="864">
                  <c:v>39521</c:v>
                </c:pt>
                <c:pt idx="865">
                  <c:v>39524</c:v>
                </c:pt>
                <c:pt idx="866">
                  <c:v>39525</c:v>
                </c:pt>
                <c:pt idx="867">
                  <c:v>39526</c:v>
                </c:pt>
                <c:pt idx="868">
                  <c:v>39527</c:v>
                </c:pt>
                <c:pt idx="869">
                  <c:v>39531</c:v>
                </c:pt>
                <c:pt idx="870">
                  <c:v>39532</c:v>
                </c:pt>
                <c:pt idx="871">
                  <c:v>39533</c:v>
                </c:pt>
                <c:pt idx="872">
                  <c:v>39534</c:v>
                </c:pt>
                <c:pt idx="873">
                  <c:v>39535</c:v>
                </c:pt>
                <c:pt idx="874">
                  <c:v>39538</c:v>
                </c:pt>
                <c:pt idx="875">
                  <c:v>39539</c:v>
                </c:pt>
                <c:pt idx="876">
                  <c:v>39540</c:v>
                </c:pt>
                <c:pt idx="877">
                  <c:v>39541</c:v>
                </c:pt>
                <c:pt idx="878">
                  <c:v>39542</c:v>
                </c:pt>
                <c:pt idx="879">
                  <c:v>39545</c:v>
                </c:pt>
                <c:pt idx="880">
                  <c:v>39546</c:v>
                </c:pt>
                <c:pt idx="881">
                  <c:v>39547</c:v>
                </c:pt>
                <c:pt idx="882">
                  <c:v>39548</c:v>
                </c:pt>
                <c:pt idx="883">
                  <c:v>39549</c:v>
                </c:pt>
                <c:pt idx="884">
                  <c:v>39552</c:v>
                </c:pt>
                <c:pt idx="885">
                  <c:v>39553</c:v>
                </c:pt>
                <c:pt idx="886">
                  <c:v>39554</c:v>
                </c:pt>
                <c:pt idx="887">
                  <c:v>39555</c:v>
                </c:pt>
                <c:pt idx="888">
                  <c:v>39556</c:v>
                </c:pt>
                <c:pt idx="889">
                  <c:v>39560</c:v>
                </c:pt>
                <c:pt idx="890">
                  <c:v>39561</c:v>
                </c:pt>
                <c:pt idx="891">
                  <c:v>39562</c:v>
                </c:pt>
                <c:pt idx="892">
                  <c:v>39563</c:v>
                </c:pt>
                <c:pt idx="893">
                  <c:v>39566</c:v>
                </c:pt>
                <c:pt idx="894">
                  <c:v>39567</c:v>
                </c:pt>
                <c:pt idx="895">
                  <c:v>39568</c:v>
                </c:pt>
                <c:pt idx="896">
                  <c:v>39570</c:v>
                </c:pt>
                <c:pt idx="897">
                  <c:v>39573</c:v>
                </c:pt>
                <c:pt idx="898">
                  <c:v>39574</c:v>
                </c:pt>
                <c:pt idx="899">
                  <c:v>39575</c:v>
                </c:pt>
                <c:pt idx="900">
                  <c:v>39576</c:v>
                </c:pt>
                <c:pt idx="901">
                  <c:v>39577</c:v>
                </c:pt>
                <c:pt idx="902">
                  <c:v>39580</c:v>
                </c:pt>
                <c:pt idx="903">
                  <c:v>39581</c:v>
                </c:pt>
                <c:pt idx="904">
                  <c:v>39582</c:v>
                </c:pt>
                <c:pt idx="905">
                  <c:v>39583</c:v>
                </c:pt>
                <c:pt idx="906">
                  <c:v>39584</c:v>
                </c:pt>
                <c:pt idx="907">
                  <c:v>39587</c:v>
                </c:pt>
                <c:pt idx="908">
                  <c:v>39588</c:v>
                </c:pt>
                <c:pt idx="909">
                  <c:v>39589</c:v>
                </c:pt>
                <c:pt idx="910">
                  <c:v>39591</c:v>
                </c:pt>
                <c:pt idx="911">
                  <c:v>39594</c:v>
                </c:pt>
                <c:pt idx="912">
                  <c:v>39595</c:v>
                </c:pt>
                <c:pt idx="913">
                  <c:v>39596</c:v>
                </c:pt>
                <c:pt idx="914">
                  <c:v>39597</c:v>
                </c:pt>
                <c:pt idx="915">
                  <c:v>39598</c:v>
                </c:pt>
                <c:pt idx="916">
                  <c:v>39601</c:v>
                </c:pt>
                <c:pt idx="917">
                  <c:v>39602</c:v>
                </c:pt>
                <c:pt idx="918">
                  <c:v>39603</c:v>
                </c:pt>
                <c:pt idx="919">
                  <c:v>39604</c:v>
                </c:pt>
                <c:pt idx="920">
                  <c:v>39605</c:v>
                </c:pt>
                <c:pt idx="921">
                  <c:v>39608</c:v>
                </c:pt>
                <c:pt idx="922">
                  <c:v>39609</c:v>
                </c:pt>
                <c:pt idx="923">
                  <c:v>39610</c:v>
                </c:pt>
                <c:pt idx="924">
                  <c:v>39611</c:v>
                </c:pt>
                <c:pt idx="925">
                  <c:v>39612</c:v>
                </c:pt>
                <c:pt idx="926">
                  <c:v>39615</c:v>
                </c:pt>
                <c:pt idx="927">
                  <c:v>39616</c:v>
                </c:pt>
                <c:pt idx="928">
                  <c:v>39617</c:v>
                </c:pt>
                <c:pt idx="929">
                  <c:v>39618</c:v>
                </c:pt>
                <c:pt idx="930">
                  <c:v>39619</c:v>
                </c:pt>
                <c:pt idx="931">
                  <c:v>39622</c:v>
                </c:pt>
                <c:pt idx="932">
                  <c:v>39623</c:v>
                </c:pt>
                <c:pt idx="933">
                  <c:v>39624</c:v>
                </c:pt>
                <c:pt idx="934">
                  <c:v>39625</c:v>
                </c:pt>
                <c:pt idx="935">
                  <c:v>39626</c:v>
                </c:pt>
                <c:pt idx="936">
                  <c:v>39629</c:v>
                </c:pt>
                <c:pt idx="937">
                  <c:v>39630</c:v>
                </c:pt>
                <c:pt idx="938">
                  <c:v>39631</c:v>
                </c:pt>
                <c:pt idx="939">
                  <c:v>39632</c:v>
                </c:pt>
                <c:pt idx="940">
                  <c:v>39633</c:v>
                </c:pt>
                <c:pt idx="941">
                  <c:v>39636</c:v>
                </c:pt>
                <c:pt idx="942">
                  <c:v>39637</c:v>
                </c:pt>
                <c:pt idx="943">
                  <c:v>39638</c:v>
                </c:pt>
                <c:pt idx="944">
                  <c:v>39639</c:v>
                </c:pt>
                <c:pt idx="945">
                  <c:v>39640</c:v>
                </c:pt>
                <c:pt idx="946">
                  <c:v>39643</c:v>
                </c:pt>
                <c:pt idx="947">
                  <c:v>39644</c:v>
                </c:pt>
                <c:pt idx="948">
                  <c:v>39645</c:v>
                </c:pt>
                <c:pt idx="949">
                  <c:v>39646</c:v>
                </c:pt>
                <c:pt idx="950">
                  <c:v>39647</c:v>
                </c:pt>
                <c:pt idx="951">
                  <c:v>39650</c:v>
                </c:pt>
                <c:pt idx="952">
                  <c:v>39651</c:v>
                </c:pt>
                <c:pt idx="953">
                  <c:v>39652</c:v>
                </c:pt>
                <c:pt idx="954">
                  <c:v>39653</c:v>
                </c:pt>
                <c:pt idx="955">
                  <c:v>39654</c:v>
                </c:pt>
                <c:pt idx="956">
                  <c:v>39657</c:v>
                </c:pt>
                <c:pt idx="957">
                  <c:v>39658</c:v>
                </c:pt>
                <c:pt idx="958">
                  <c:v>39659</c:v>
                </c:pt>
                <c:pt idx="959">
                  <c:v>39660</c:v>
                </c:pt>
                <c:pt idx="960">
                  <c:v>39661</c:v>
                </c:pt>
                <c:pt idx="961">
                  <c:v>39664</c:v>
                </c:pt>
                <c:pt idx="962">
                  <c:v>39665</c:v>
                </c:pt>
                <c:pt idx="963">
                  <c:v>39666</c:v>
                </c:pt>
                <c:pt idx="964">
                  <c:v>39667</c:v>
                </c:pt>
                <c:pt idx="965">
                  <c:v>39668</c:v>
                </c:pt>
                <c:pt idx="966">
                  <c:v>39671</c:v>
                </c:pt>
                <c:pt idx="967">
                  <c:v>39672</c:v>
                </c:pt>
                <c:pt idx="968">
                  <c:v>39673</c:v>
                </c:pt>
                <c:pt idx="969">
                  <c:v>39674</c:v>
                </c:pt>
                <c:pt idx="970">
                  <c:v>39675</c:v>
                </c:pt>
                <c:pt idx="971">
                  <c:v>39678</c:v>
                </c:pt>
                <c:pt idx="972">
                  <c:v>39679</c:v>
                </c:pt>
                <c:pt idx="973">
                  <c:v>39680</c:v>
                </c:pt>
                <c:pt idx="974">
                  <c:v>39681</c:v>
                </c:pt>
                <c:pt idx="975">
                  <c:v>39682</c:v>
                </c:pt>
                <c:pt idx="976">
                  <c:v>39685</c:v>
                </c:pt>
                <c:pt idx="977">
                  <c:v>39686</c:v>
                </c:pt>
                <c:pt idx="978">
                  <c:v>39687</c:v>
                </c:pt>
                <c:pt idx="979">
                  <c:v>39688</c:v>
                </c:pt>
                <c:pt idx="980">
                  <c:v>39689</c:v>
                </c:pt>
                <c:pt idx="981">
                  <c:v>39692</c:v>
                </c:pt>
                <c:pt idx="982">
                  <c:v>39693</c:v>
                </c:pt>
                <c:pt idx="983">
                  <c:v>39694</c:v>
                </c:pt>
                <c:pt idx="984">
                  <c:v>39695</c:v>
                </c:pt>
                <c:pt idx="985">
                  <c:v>39696</c:v>
                </c:pt>
                <c:pt idx="986">
                  <c:v>39699</c:v>
                </c:pt>
                <c:pt idx="987">
                  <c:v>39700</c:v>
                </c:pt>
                <c:pt idx="988">
                  <c:v>39701</c:v>
                </c:pt>
                <c:pt idx="989">
                  <c:v>39702</c:v>
                </c:pt>
                <c:pt idx="990">
                  <c:v>39703</c:v>
                </c:pt>
                <c:pt idx="991">
                  <c:v>39706</c:v>
                </c:pt>
                <c:pt idx="992">
                  <c:v>39707</c:v>
                </c:pt>
                <c:pt idx="993">
                  <c:v>39708</c:v>
                </c:pt>
                <c:pt idx="994">
                  <c:v>39709</c:v>
                </c:pt>
                <c:pt idx="995">
                  <c:v>39710</c:v>
                </c:pt>
                <c:pt idx="996">
                  <c:v>39713</c:v>
                </c:pt>
                <c:pt idx="997">
                  <c:v>39714</c:v>
                </c:pt>
                <c:pt idx="998">
                  <c:v>39715</c:v>
                </c:pt>
                <c:pt idx="999">
                  <c:v>39716</c:v>
                </c:pt>
                <c:pt idx="1000">
                  <c:v>39717</c:v>
                </c:pt>
                <c:pt idx="1001">
                  <c:v>39720</c:v>
                </c:pt>
                <c:pt idx="1002">
                  <c:v>39721</c:v>
                </c:pt>
                <c:pt idx="1003">
                  <c:v>39722</c:v>
                </c:pt>
                <c:pt idx="1004">
                  <c:v>39723</c:v>
                </c:pt>
                <c:pt idx="1005">
                  <c:v>39724</c:v>
                </c:pt>
                <c:pt idx="1006">
                  <c:v>39727</c:v>
                </c:pt>
                <c:pt idx="1007">
                  <c:v>39728</c:v>
                </c:pt>
                <c:pt idx="1008">
                  <c:v>39729</c:v>
                </c:pt>
                <c:pt idx="1009">
                  <c:v>39730</c:v>
                </c:pt>
                <c:pt idx="1010">
                  <c:v>39731</c:v>
                </c:pt>
                <c:pt idx="1011">
                  <c:v>39734</c:v>
                </c:pt>
                <c:pt idx="1012">
                  <c:v>39735</c:v>
                </c:pt>
                <c:pt idx="1013">
                  <c:v>39736</c:v>
                </c:pt>
                <c:pt idx="1014">
                  <c:v>39737</c:v>
                </c:pt>
                <c:pt idx="1015">
                  <c:v>39738</c:v>
                </c:pt>
                <c:pt idx="1016">
                  <c:v>39741</c:v>
                </c:pt>
                <c:pt idx="1017">
                  <c:v>39742</c:v>
                </c:pt>
                <c:pt idx="1018">
                  <c:v>39743</c:v>
                </c:pt>
                <c:pt idx="1019">
                  <c:v>39744</c:v>
                </c:pt>
                <c:pt idx="1020">
                  <c:v>39745</c:v>
                </c:pt>
                <c:pt idx="1021">
                  <c:v>39748</c:v>
                </c:pt>
                <c:pt idx="1022">
                  <c:v>39749</c:v>
                </c:pt>
                <c:pt idx="1023">
                  <c:v>39750</c:v>
                </c:pt>
                <c:pt idx="1024">
                  <c:v>39751</c:v>
                </c:pt>
                <c:pt idx="1025">
                  <c:v>39752</c:v>
                </c:pt>
                <c:pt idx="1026">
                  <c:v>39755</c:v>
                </c:pt>
                <c:pt idx="1027">
                  <c:v>39756</c:v>
                </c:pt>
                <c:pt idx="1028">
                  <c:v>39757</c:v>
                </c:pt>
                <c:pt idx="1029">
                  <c:v>39758</c:v>
                </c:pt>
                <c:pt idx="1030">
                  <c:v>39759</c:v>
                </c:pt>
                <c:pt idx="1031">
                  <c:v>39762</c:v>
                </c:pt>
                <c:pt idx="1032">
                  <c:v>39763</c:v>
                </c:pt>
                <c:pt idx="1033">
                  <c:v>39764</c:v>
                </c:pt>
                <c:pt idx="1034">
                  <c:v>39765</c:v>
                </c:pt>
                <c:pt idx="1035">
                  <c:v>39766</c:v>
                </c:pt>
                <c:pt idx="1036">
                  <c:v>39769</c:v>
                </c:pt>
                <c:pt idx="1037">
                  <c:v>39770</c:v>
                </c:pt>
                <c:pt idx="1038">
                  <c:v>39771</c:v>
                </c:pt>
                <c:pt idx="1039">
                  <c:v>39772</c:v>
                </c:pt>
                <c:pt idx="1040">
                  <c:v>39773</c:v>
                </c:pt>
                <c:pt idx="1041">
                  <c:v>39776</c:v>
                </c:pt>
                <c:pt idx="1042">
                  <c:v>39777</c:v>
                </c:pt>
                <c:pt idx="1043">
                  <c:v>39778</c:v>
                </c:pt>
                <c:pt idx="1044">
                  <c:v>39779</c:v>
                </c:pt>
                <c:pt idx="1045">
                  <c:v>39780</c:v>
                </c:pt>
                <c:pt idx="1046">
                  <c:v>39783</c:v>
                </c:pt>
                <c:pt idx="1047">
                  <c:v>39784</c:v>
                </c:pt>
                <c:pt idx="1048">
                  <c:v>39785</c:v>
                </c:pt>
                <c:pt idx="1049">
                  <c:v>39786</c:v>
                </c:pt>
                <c:pt idx="1050">
                  <c:v>39787</c:v>
                </c:pt>
                <c:pt idx="1051">
                  <c:v>39790</c:v>
                </c:pt>
                <c:pt idx="1052">
                  <c:v>39791</c:v>
                </c:pt>
                <c:pt idx="1053">
                  <c:v>39792</c:v>
                </c:pt>
                <c:pt idx="1054">
                  <c:v>39793</c:v>
                </c:pt>
                <c:pt idx="1055">
                  <c:v>39794</c:v>
                </c:pt>
                <c:pt idx="1056">
                  <c:v>39797</c:v>
                </c:pt>
                <c:pt idx="1057">
                  <c:v>39798</c:v>
                </c:pt>
                <c:pt idx="1058">
                  <c:v>39799</c:v>
                </c:pt>
                <c:pt idx="1059">
                  <c:v>39800</c:v>
                </c:pt>
                <c:pt idx="1060">
                  <c:v>39801</c:v>
                </c:pt>
                <c:pt idx="1061">
                  <c:v>39804</c:v>
                </c:pt>
                <c:pt idx="1062">
                  <c:v>39805</c:v>
                </c:pt>
                <c:pt idx="1063">
                  <c:v>39806</c:v>
                </c:pt>
                <c:pt idx="1064">
                  <c:v>39808</c:v>
                </c:pt>
                <c:pt idx="1065">
                  <c:v>39811</c:v>
                </c:pt>
                <c:pt idx="1066">
                  <c:v>39812</c:v>
                </c:pt>
                <c:pt idx="1067">
                  <c:v>39813</c:v>
                </c:pt>
                <c:pt idx="1068">
                  <c:v>39815</c:v>
                </c:pt>
                <c:pt idx="1069">
                  <c:v>39818</c:v>
                </c:pt>
                <c:pt idx="1070">
                  <c:v>39819</c:v>
                </c:pt>
                <c:pt idx="1071">
                  <c:v>39820</c:v>
                </c:pt>
                <c:pt idx="1072">
                  <c:v>39821</c:v>
                </c:pt>
                <c:pt idx="1073">
                  <c:v>39822</c:v>
                </c:pt>
                <c:pt idx="1074">
                  <c:v>39825</c:v>
                </c:pt>
                <c:pt idx="1075">
                  <c:v>39826</c:v>
                </c:pt>
                <c:pt idx="1076">
                  <c:v>39827</c:v>
                </c:pt>
                <c:pt idx="1077">
                  <c:v>39828</c:v>
                </c:pt>
                <c:pt idx="1078">
                  <c:v>39829</c:v>
                </c:pt>
                <c:pt idx="1079">
                  <c:v>39832</c:v>
                </c:pt>
                <c:pt idx="1080">
                  <c:v>39833</c:v>
                </c:pt>
                <c:pt idx="1081">
                  <c:v>39834</c:v>
                </c:pt>
                <c:pt idx="1082">
                  <c:v>39835</c:v>
                </c:pt>
                <c:pt idx="1083">
                  <c:v>39836</c:v>
                </c:pt>
                <c:pt idx="1084">
                  <c:v>39839</c:v>
                </c:pt>
                <c:pt idx="1085">
                  <c:v>39840</c:v>
                </c:pt>
                <c:pt idx="1086">
                  <c:v>39841</c:v>
                </c:pt>
                <c:pt idx="1087">
                  <c:v>39842</c:v>
                </c:pt>
                <c:pt idx="1088">
                  <c:v>39843</c:v>
                </c:pt>
                <c:pt idx="1089">
                  <c:v>39846</c:v>
                </c:pt>
                <c:pt idx="1090">
                  <c:v>39847</c:v>
                </c:pt>
                <c:pt idx="1091">
                  <c:v>39848</c:v>
                </c:pt>
                <c:pt idx="1092">
                  <c:v>39849</c:v>
                </c:pt>
                <c:pt idx="1093">
                  <c:v>39850</c:v>
                </c:pt>
                <c:pt idx="1094">
                  <c:v>39853</c:v>
                </c:pt>
                <c:pt idx="1095">
                  <c:v>39854</c:v>
                </c:pt>
                <c:pt idx="1096">
                  <c:v>39855</c:v>
                </c:pt>
                <c:pt idx="1097">
                  <c:v>39856</c:v>
                </c:pt>
                <c:pt idx="1098">
                  <c:v>39857</c:v>
                </c:pt>
                <c:pt idx="1099">
                  <c:v>39860</c:v>
                </c:pt>
                <c:pt idx="1100">
                  <c:v>39861</c:v>
                </c:pt>
                <c:pt idx="1101">
                  <c:v>39862</c:v>
                </c:pt>
                <c:pt idx="1102">
                  <c:v>39863</c:v>
                </c:pt>
                <c:pt idx="1103">
                  <c:v>39864</c:v>
                </c:pt>
                <c:pt idx="1104">
                  <c:v>39869</c:v>
                </c:pt>
                <c:pt idx="1105">
                  <c:v>39870</c:v>
                </c:pt>
                <c:pt idx="1106">
                  <c:v>39871</c:v>
                </c:pt>
                <c:pt idx="1107">
                  <c:v>39874</c:v>
                </c:pt>
                <c:pt idx="1108">
                  <c:v>39875</c:v>
                </c:pt>
                <c:pt idx="1109">
                  <c:v>39876</c:v>
                </c:pt>
                <c:pt idx="1110">
                  <c:v>39877</c:v>
                </c:pt>
                <c:pt idx="1111">
                  <c:v>39878</c:v>
                </c:pt>
                <c:pt idx="1112">
                  <c:v>39881</c:v>
                </c:pt>
                <c:pt idx="1113">
                  <c:v>39882</c:v>
                </c:pt>
                <c:pt idx="1114">
                  <c:v>39883</c:v>
                </c:pt>
                <c:pt idx="1115">
                  <c:v>39884</c:v>
                </c:pt>
                <c:pt idx="1116">
                  <c:v>39885</c:v>
                </c:pt>
                <c:pt idx="1117">
                  <c:v>39888</c:v>
                </c:pt>
                <c:pt idx="1118">
                  <c:v>39889</c:v>
                </c:pt>
                <c:pt idx="1119">
                  <c:v>39890</c:v>
                </c:pt>
                <c:pt idx="1120">
                  <c:v>39891</c:v>
                </c:pt>
                <c:pt idx="1121">
                  <c:v>39892</c:v>
                </c:pt>
                <c:pt idx="1122">
                  <c:v>39895</c:v>
                </c:pt>
                <c:pt idx="1123">
                  <c:v>39896</c:v>
                </c:pt>
                <c:pt idx="1124">
                  <c:v>39897</c:v>
                </c:pt>
                <c:pt idx="1125">
                  <c:v>39898</c:v>
                </c:pt>
                <c:pt idx="1126">
                  <c:v>39899</c:v>
                </c:pt>
                <c:pt idx="1127">
                  <c:v>39902</c:v>
                </c:pt>
                <c:pt idx="1128">
                  <c:v>39903</c:v>
                </c:pt>
                <c:pt idx="1129">
                  <c:v>39904</c:v>
                </c:pt>
                <c:pt idx="1130">
                  <c:v>39905</c:v>
                </c:pt>
                <c:pt idx="1131">
                  <c:v>39906</c:v>
                </c:pt>
                <c:pt idx="1132">
                  <c:v>39909</c:v>
                </c:pt>
                <c:pt idx="1133">
                  <c:v>39910</c:v>
                </c:pt>
                <c:pt idx="1134">
                  <c:v>39911</c:v>
                </c:pt>
                <c:pt idx="1135">
                  <c:v>39912</c:v>
                </c:pt>
                <c:pt idx="1136">
                  <c:v>39916</c:v>
                </c:pt>
                <c:pt idx="1137">
                  <c:v>39917</c:v>
                </c:pt>
                <c:pt idx="1138">
                  <c:v>39918</c:v>
                </c:pt>
                <c:pt idx="1139">
                  <c:v>39919</c:v>
                </c:pt>
                <c:pt idx="1140">
                  <c:v>39920</c:v>
                </c:pt>
                <c:pt idx="1141">
                  <c:v>39923</c:v>
                </c:pt>
                <c:pt idx="1142">
                  <c:v>39925</c:v>
                </c:pt>
                <c:pt idx="1143">
                  <c:v>39926</c:v>
                </c:pt>
                <c:pt idx="1144">
                  <c:v>39927</c:v>
                </c:pt>
                <c:pt idx="1145">
                  <c:v>39930</c:v>
                </c:pt>
                <c:pt idx="1146">
                  <c:v>39931</c:v>
                </c:pt>
                <c:pt idx="1147">
                  <c:v>39932</c:v>
                </c:pt>
                <c:pt idx="1148">
                  <c:v>39933</c:v>
                </c:pt>
                <c:pt idx="1149">
                  <c:v>39937</c:v>
                </c:pt>
                <c:pt idx="1150">
                  <c:v>39938</c:v>
                </c:pt>
                <c:pt idx="1151">
                  <c:v>39939</c:v>
                </c:pt>
                <c:pt idx="1152">
                  <c:v>39940</c:v>
                </c:pt>
                <c:pt idx="1153">
                  <c:v>39941</c:v>
                </c:pt>
                <c:pt idx="1154">
                  <c:v>39944</c:v>
                </c:pt>
                <c:pt idx="1155">
                  <c:v>39945</c:v>
                </c:pt>
                <c:pt idx="1156">
                  <c:v>39946</c:v>
                </c:pt>
                <c:pt idx="1157">
                  <c:v>39947</c:v>
                </c:pt>
                <c:pt idx="1158">
                  <c:v>39948</c:v>
                </c:pt>
                <c:pt idx="1159">
                  <c:v>39951</c:v>
                </c:pt>
                <c:pt idx="1160">
                  <c:v>39952</c:v>
                </c:pt>
                <c:pt idx="1161">
                  <c:v>39953</c:v>
                </c:pt>
                <c:pt idx="1162">
                  <c:v>39954</c:v>
                </c:pt>
                <c:pt idx="1163">
                  <c:v>39955</c:v>
                </c:pt>
                <c:pt idx="1164">
                  <c:v>39958</c:v>
                </c:pt>
                <c:pt idx="1165">
                  <c:v>39959</c:v>
                </c:pt>
                <c:pt idx="1166">
                  <c:v>39960</c:v>
                </c:pt>
                <c:pt idx="1167">
                  <c:v>39961</c:v>
                </c:pt>
                <c:pt idx="1168">
                  <c:v>39962</c:v>
                </c:pt>
                <c:pt idx="1169">
                  <c:v>39965</c:v>
                </c:pt>
                <c:pt idx="1170">
                  <c:v>39966</c:v>
                </c:pt>
                <c:pt idx="1171">
                  <c:v>39967</c:v>
                </c:pt>
                <c:pt idx="1172">
                  <c:v>39968</c:v>
                </c:pt>
                <c:pt idx="1173">
                  <c:v>39969</c:v>
                </c:pt>
                <c:pt idx="1174">
                  <c:v>39972</c:v>
                </c:pt>
                <c:pt idx="1175">
                  <c:v>39973</c:v>
                </c:pt>
                <c:pt idx="1176">
                  <c:v>39974</c:v>
                </c:pt>
                <c:pt idx="1177">
                  <c:v>39976</c:v>
                </c:pt>
                <c:pt idx="1178">
                  <c:v>39979</c:v>
                </c:pt>
                <c:pt idx="1179">
                  <c:v>39980</c:v>
                </c:pt>
                <c:pt idx="1180">
                  <c:v>39981</c:v>
                </c:pt>
                <c:pt idx="1181">
                  <c:v>39982</c:v>
                </c:pt>
                <c:pt idx="1182">
                  <c:v>39983</c:v>
                </c:pt>
                <c:pt idx="1183">
                  <c:v>39986</c:v>
                </c:pt>
                <c:pt idx="1184">
                  <c:v>39987</c:v>
                </c:pt>
                <c:pt idx="1185">
                  <c:v>39988</c:v>
                </c:pt>
                <c:pt idx="1186">
                  <c:v>39989</c:v>
                </c:pt>
                <c:pt idx="1187">
                  <c:v>39990</c:v>
                </c:pt>
                <c:pt idx="1188">
                  <c:v>39993</c:v>
                </c:pt>
                <c:pt idx="1189">
                  <c:v>39994</c:v>
                </c:pt>
                <c:pt idx="1190">
                  <c:v>39995</c:v>
                </c:pt>
                <c:pt idx="1191">
                  <c:v>39996</c:v>
                </c:pt>
                <c:pt idx="1192">
                  <c:v>39997</c:v>
                </c:pt>
                <c:pt idx="1193">
                  <c:v>40000</c:v>
                </c:pt>
                <c:pt idx="1194">
                  <c:v>40001</c:v>
                </c:pt>
                <c:pt idx="1195">
                  <c:v>40002</c:v>
                </c:pt>
                <c:pt idx="1196">
                  <c:v>40003</c:v>
                </c:pt>
                <c:pt idx="1197">
                  <c:v>40004</c:v>
                </c:pt>
                <c:pt idx="1198">
                  <c:v>40007</c:v>
                </c:pt>
                <c:pt idx="1199">
                  <c:v>40008</c:v>
                </c:pt>
                <c:pt idx="1200">
                  <c:v>40009</c:v>
                </c:pt>
                <c:pt idx="1201">
                  <c:v>40010</c:v>
                </c:pt>
                <c:pt idx="1202">
                  <c:v>40011</c:v>
                </c:pt>
                <c:pt idx="1203">
                  <c:v>40014</c:v>
                </c:pt>
                <c:pt idx="1204">
                  <c:v>40015</c:v>
                </c:pt>
                <c:pt idx="1205">
                  <c:v>40016</c:v>
                </c:pt>
                <c:pt idx="1206">
                  <c:v>40017</c:v>
                </c:pt>
                <c:pt idx="1207">
                  <c:v>40018</c:v>
                </c:pt>
                <c:pt idx="1208">
                  <c:v>40021</c:v>
                </c:pt>
                <c:pt idx="1209">
                  <c:v>40022</c:v>
                </c:pt>
                <c:pt idx="1210">
                  <c:v>40023</c:v>
                </c:pt>
                <c:pt idx="1211">
                  <c:v>40024</c:v>
                </c:pt>
                <c:pt idx="1212">
                  <c:v>40025</c:v>
                </c:pt>
                <c:pt idx="1213">
                  <c:v>40028</c:v>
                </c:pt>
                <c:pt idx="1214">
                  <c:v>40029</c:v>
                </c:pt>
                <c:pt idx="1215">
                  <c:v>40030</c:v>
                </c:pt>
                <c:pt idx="1216">
                  <c:v>40031</c:v>
                </c:pt>
                <c:pt idx="1217">
                  <c:v>40032</c:v>
                </c:pt>
                <c:pt idx="1218">
                  <c:v>40035</c:v>
                </c:pt>
                <c:pt idx="1219">
                  <c:v>40036</c:v>
                </c:pt>
                <c:pt idx="1220">
                  <c:v>40037</c:v>
                </c:pt>
                <c:pt idx="1221">
                  <c:v>40038</c:v>
                </c:pt>
                <c:pt idx="1222">
                  <c:v>40039</c:v>
                </c:pt>
                <c:pt idx="1223">
                  <c:v>40042</c:v>
                </c:pt>
                <c:pt idx="1224">
                  <c:v>40043</c:v>
                </c:pt>
                <c:pt idx="1225">
                  <c:v>40044</c:v>
                </c:pt>
                <c:pt idx="1226">
                  <c:v>40045</c:v>
                </c:pt>
                <c:pt idx="1227">
                  <c:v>40046</c:v>
                </c:pt>
                <c:pt idx="1228">
                  <c:v>40049</c:v>
                </c:pt>
                <c:pt idx="1229">
                  <c:v>40050</c:v>
                </c:pt>
                <c:pt idx="1230">
                  <c:v>40051</c:v>
                </c:pt>
                <c:pt idx="1231">
                  <c:v>40052</c:v>
                </c:pt>
                <c:pt idx="1232">
                  <c:v>40053</c:v>
                </c:pt>
                <c:pt idx="1233">
                  <c:v>40056</c:v>
                </c:pt>
                <c:pt idx="1234">
                  <c:v>40057</c:v>
                </c:pt>
                <c:pt idx="1235">
                  <c:v>40058</c:v>
                </c:pt>
                <c:pt idx="1236">
                  <c:v>40059</c:v>
                </c:pt>
                <c:pt idx="1237">
                  <c:v>40060</c:v>
                </c:pt>
                <c:pt idx="1238">
                  <c:v>40064</c:v>
                </c:pt>
                <c:pt idx="1239">
                  <c:v>40065</c:v>
                </c:pt>
                <c:pt idx="1240">
                  <c:v>40066</c:v>
                </c:pt>
                <c:pt idx="1241">
                  <c:v>40067</c:v>
                </c:pt>
                <c:pt idx="1242">
                  <c:v>40070</c:v>
                </c:pt>
                <c:pt idx="1243">
                  <c:v>40071</c:v>
                </c:pt>
                <c:pt idx="1244">
                  <c:v>40072</c:v>
                </c:pt>
                <c:pt idx="1245">
                  <c:v>40073</c:v>
                </c:pt>
                <c:pt idx="1246">
                  <c:v>40074</c:v>
                </c:pt>
                <c:pt idx="1247">
                  <c:v>40077</c:v>
                </c:pt>
                <c:pt idx="1248">
                  <c:v>40078</c:v>
                </c:pt>
                <c:pt idx="1249">
                  <c:v>40079</c:v>
                </c:pt>
                <c:pt idx="1250">
                  <c:v>40080</c:v>
                </c:pt>
                <c:pt idx="1251">
                  <c:v>40081</c:v>
                </c:pt>
                <c:pt idx="1252">
                  <c:v>40084</c:v>
                </c:pt>
                <c:pt idx="1253">
                  <c:v>40085</c:v>
                </c:pt>
                <c:pt idx="1254">
                  <c:v>40086</c:v>
                </c:pt>
                <c:pt idx="1255">
                  <c:v>40087</c:v>
                </c:pt>
                <c:pt idx="1256">
                  <c:v>40088</c:v>
                </c:pt>
                <c:pt idx="1257">
                  <c:v>40091</c:v>
                </c:pt>
                <c:pt idx="1258">
                  <c:v>40092</c:v>
                </c:pt>
                <c:pt idx="1259">
                  <c:v>40093</c:v>
                </c:pt>
                <c:pt idx="1260">
                  <c:v>40094</c:v>
                </c:pt>
                <c:pt idx="1261">
                  <c:v>40095</c:v>
                </c:pt>
                <c:pt idx="1262">
                  <c:v>40099</c:v>
                </c:pt>
                <c:pt idx="1263">
                  <c:v>40100</c:v>
                </c:pt>
                <c:pt idx="1264">
                  <c:v>40101</c:v>
                </c:pt>
                <c:pt idx="1265">
                  <c:v>40102</c:v>
                </c:pt>
                <c:pt idx="1266">
                  <c:v>40105</c:v>
                </c:pt>
                <c:pt idx="1267">
                  <c:v>40106</c:v>
                </c:pt>
                <c:pt idx="1268">
                  <c:v>40107</c:v>
                </c:pt>
                <c:pt idx="1269">
                  <c:v>40108</c:v>
                </c:pt>
                <c:pt idx="1270">
                  <c:v>40109</c:v>
                </c:pt>
                <c:pt idx="1271">
                  <c:v>40112</c:v>
                </c:pt>
                <c:pt idx="1272">
                  <c:v>40113</c:v>
                </c:pt>
                <c:pt idx="1273">
                  <c:v>40114</c:v>
                </c:pt>
                <c:pt idx="1274">
                  <c:v>40115</c:v>
                </c:pt>
                <c:pt idx="1275">
                  <c:v>40116</c:v>
                </c:pt>
                <c:pt idx="1276">
                  <c:v>40120</c:v>
                </c:pt>
                <c:pt idx="1277">
                  <c:v>40121</c:v>
                </c:pt>
                <c:pt idx="1278">
                  <c:v>40122</c:v>
                </c:pt>
                <c:pt idx="1279">
                  <c:v>40123</c:v>
                </c:pt>
                <c:pt idx="1280">
                  <c:v>40126</c:v>
                </c:pt>
                <c:pt idx="1281">
                  <c:v>40127</c:v>
                </c:pt>
                <c:pt idx="1282">
                  <c:v>40128</c:v>
                </c:pt>
                <c:pt idx="1283">
                  <c:v>40129</c:v>
                </c:pt>
                <c:pt idx="1284">
                  <c:v>40130</c:v>
                </c:pt>
                <c:pt idx="1285">
                  <c:v>40133</c:v>
                </c:pt>
                <c:pt idx="1286">
                  <c:v>40134</c:v>
                </c:pt>
                <c:pt idx="1287">
                  <c:v>40135</c:v>
                </c:pt>
                <c:pt idx="1288">
                  <c:v>40136</c:v>
                </c:pt>
                <c:pt idx="1289">
                  <c:v>40137</c:v>
                </c:pt>
                <c:pt idx="1290">
                  <c:v>40140</c:v>
                </c:pt>
                <c:pt idx="1291">
                  <c:v>40141</c:v>
                </c:pt>
                <c:pt idx="1292">
                  <c:v>40142</c:v>
                </c:pt>
                <c:pt idx="1293">
                  <c:v>40143</c:v>
                </c:pt>
                <c:pt idx="1294">
                  <c:v>40144</c:v>
                </c:pt>
                <c:pt idx="1295">
                  <c:v>40147</c:v>
                </c:pt>
                <c:pt idx="1296">
                  <c:v>40148</c:v>
                </c:pt>
                <c:pt idx="1297">
                  <c:v>40149</c:v>
                </c:pt>
                <c:pt idx="1298">
                  <c:v>40150</c:v>
                </c:pt>
                <c:pt idx="1299">
                  <c:v>40151</c:v>
                </c:pt>
                <c:pt idx="1300">
                  <c:v>40154</c:v>
                </c:pt>
                <c:pt idx="1301">
                  <c:v>40155</c:v>
                </c:pt>
                <c:pt idx="1302">
                  <c:v>40156</c:v>
                </c:pt>
                <c:pt idx="1303">
                  <c:v>40157</c:v>
                </c:pt>
                <c:pt idx="1304">
                  <c:v>40158</c:v>
                </c:pt>
                <c:pt idx="1305">
                  <c:v>40161</c:v>
                </c:pt>
                <c:pt idx="1306">
                  <c:v>40162</c:v>
                </c:pt>
                <c:pt idx="1307">
                  <c:v>40163</c:v>
                </c:pt>
                <c:pt idx="1308">
                  <c:v>40164</c:v>
                </c:pt>
                <c:pt idx="1309">
                  <c:v>40165</c:v>
                </c:pt>
                <c:pt idx="1310">
                  <c:v>40168</c:v>
                </c:pt>
                <c:pt idx="1311">
                  <c:v>40169</c:v>
                </c:pt>
                <c:pt idx="1312">
                  <c:v>40170</c:v>
                </c:pt>
                <c:pt idx="1313">
                  <c:v>40171</c:v>
                </c:pt>
                <c:pt idx="1314">
                  <c:v>40175</c:v>
                </c:pt>
                <c:pt idx="1315">
                  <c:v>40176</c:v>
                </c:pt>
                <c:pt idx="1316">
                  <c:v>40177</c:v>
                </c:pt>
                <c:pt idx="1317">
                  <c:v>40178</c:v>
                </c:pt>
                <c:pt idx="1318">
                  <c:v>40182</c:v>
                </c:pt>
                <c:pt idx="1319">
                  <c:v>40183</c:v>
                </c:pt>
                <c:pt idx="1320">
                  <c:v>40184</c:v>
                </c:pt>
                <c:pt idx="1321">
                  <c:v>40185</c:v>
                </c:pt>
                <c:pt idx="1322">
                  <c:v>40186</c:v>
                </c:pt>
                <c:pt idx="1323">
                  <c:v>40189</c:v>
                </c:pt>
                <c:pt idx="1324">
                  <c:v>40190</c:v>
                </c:pt>
                <c:pt idx="1325">
                  <c:v>40191</c:v>
                </c:pt>
                <c:pt idx="1326">
                  <c:v>40192</c:v>
                </c:pt>
                <c:pt idx="1327">
                  <c:v>40193</c:v>
                </c:pt>
                <c:pt idx="1328">
                  <c:v>40196</c:v>
                </c:pt>
                <c:pt idx="1329">
                  <c:v>40197</c:v>
                </c:pt>
                <c:pt idx="1330">
                  <c:v>40198</c:v>
                </c:pt>
                <c:pt idx="1331">
                  <c:v>40199</c:v>
                </c:pt>
                <c:pt idx="1332">
                  <c:v>40200</c:v>
                </c:pt>
                <c:pt idx="1333">
                  <c:v>40203</c:v>
                </c:pt>
                <c:pt idx="1334">
                  <c:v>40204</c:v>
                </c:pt>
                <c:pt idx="1335">
                  <c:v>40205</c:v>
                </c:pt>
                <c:pt idx="1336">
                  <c:v>40206</c:v>
                </c:pt>
                <c:pt idx="1337">
                  <c:v>40207</c:v>
                </c:pt>
                <c:pt idx="1338">
                  <c:v>40210</c:v>
                </c:pt>
                <c:pt idx="1339">
                  <c:v>40211</c:v>
                </c:pt>
                <c:pt idx="1340">
                  <c:v>40212</c:v>
                </c:pt>
                <c:pt idx="1341">
                  <c:v>40213</c:v>
                </c:pt>
                <c:pt idx="1342">
                  <c:v>40214</c:v>
                </c:pt>
                <c:pt idx="1343">
                  <c:v>40217</c:v>
                </c:pt>
                <c:pt idx="1344">
                  <c:v>40218</c:v>
                </c:pt>
                <c:pt idx="1345">
                  <c:v>40219</c:v>
                </c:pt>
                <c:pt idx="1346">
                  <c:v>40220</c:v>
                </c:pt>
                <c:pt idx="1347">
                  <c:v>40221</c:v>
                </c:pt>
                <c:pt idx="1348">
                  <c:v>40226</c:v>
                </c:pt>
                <c:pt idx="1349">
                  <c:v>40227</c:v>
                </c:pt>
                <c:pt idx="1350">
                  <c:v>40228</c:v>
                </c:pt>
                <c:pt idx="1351">
                  <c:v>40231</c:v>
                </c:pt>
                <c:pt idx="1352">
                  <c:v>40232</c:v>
                </c:pt>
                <c:pt idx="1353">
                  <c:v>40233</c:v>
                </c:pt>
                <c:pt idx="1354">
                  <c:v>40234</c:v>
                </c:pt>
                <c:pt idx="1355">
                  <c:v>40235</c:v>
                </c:pt>
                <c:pt idx="1356">
                  <c:v>40238</c:v>
                </c:pt>
                <c:pt idx="1357">
                  <c:v>40239</c:v>
                </c:pt>
                <c:pt idx="1358">
                  <c:v>40240</c:v>
                </c:pt>
                <c:pt idx="1359">
                  <c:v>40241</c:v>
                </c:pt>
                <c:pt idx="1360">
                  <c:v>40242</c:v>
                </c:pt>
                <c:pt idx="1361">
                  <c:v>40245</c:v>
                </c:pt>
                <c:pt idx="1362">
                  <c:v>40246</c:v>
                </c:pt>
                <c:pt idx="1363">
                  <c:v>40247</c:v>
                </c:pt>
                <c:pt idx="1364">
                  <c:v>40248</c:v>
                </c:pt>
                <c:pt idx="1365">
                  <c:v>40249</c:v>
                </c:pt>
                <c:pt idx="1366">
                  <c:v>40252</c:v>
                </c:pt>
                <c:pt idx="1367">
                  <c:v>40253</c:v>
                </c:pt>
                <c:pt idx="1368">
                  <c:v>40254</c:v>
                </c:pt>
                <c:pt idx="1369">
                  <c:v>40255</c:v>
                </c:pt>
                <c:pt idx="1370">
                  <c:v>40256</c:v>
                </c:pt>
                <c:pt idx="1371">
                  <c:v>40259</c:v>
                </c:pt>
                <c:pt idx="1372">
                  <c:v>40260</c:v>
                </c:pt>
                <c:pt idx="1373">
                  <c:v>40261</c:v>
                </c:pt>
                <c:pt idx="1374">
                  <c:v>40262</c:v>
                </c:pt>
                <c:pt idx="1375">
                  <c:v>40263</c:v>
                </c:pt>
                <c:pt idx="1376">
                  <c:v>40266</c:v>
                </c:pt>
                <c:pt idx="1377">
                  <c:v>40267</c:v>
                </c:pt>
                <c:pt idx="1378">
                  <c:v>40268</c:v>
                </c:pt>
                <c:pt idx="1379">
                  <c:v>40269</c:v>
                </c:pt>
                <c:pt idx="1380">
                  <c:v>40273</c:v>
                </c:pt>
                <c:pt idx="1381">
                  <c:v>40274</c:v>
                </c:pt>
                <c:pt idx="1382">
                  <c:v>40275</c:v>
                </c:pt>
                <c:pt idx="1383">
                  <c:v>40276</c:v>
                </c:pt>
                <c:pt idx="1384">
                  <c:v>40277</c:v>
                </c:pt>
                <c:pt idx="1385">
                  <c:v>40280</c:v>
                </c:pt>
                <c:pt idx="1386">
                  <c:v>40281</c:v>
                </c:pt>
                <c:pt idx="1387">
                  <c:v>40282</c:v>
                </c:pt>
                <c:pt idx="1388">
                  <c:v>40283</c:v>
                </c:pt>
                <c:pt idx="1389">
                  <c:v>40284</c:v>
                </c:pt>
                <c:pt idx="1390">
                  <c:v>40287</c:v>
                </c:pt>
                <c:pt idx="1391">
                  <c:v>40288</c:v>
                </c:pt>
                <c:pt idx="1392">
                  <c:v>40290</c:v>
                </c:pt>
                <c:pt idx="1393">
                  <c:v>40291</c:v>
                </c:pt>
                <c:pt idx="1394">
                  <c:v>40294</c:v>
                </c:pt>
                <c:pt idx="1395">
                  <c:v>40295</c:v>
                </c:pt>
                <c:pt idx="1396">
                  <c:v>40296</c:v>
                </c:pt>
                <c:pt idx="1397">
                  <c:v>40297</c:v>
                </c:pt>
                <c:pt idx="1398">
                  <c:v>40298</c:v>
                </c:pt>
                <c:pt idx="1399">
                  <c:v>40301</c:v>
                </c:pt>
                <c:pt idx="1400">
                  <c:v>40302</c:v>
                </c:pt>
                <c:pt idx="1401">
                  <c:v>40303</c:v>
                </c:pt>
                <c:pt idx="1402">
                  <c:v>40304</c:v>
                </c:pt>
                <c:pt idx="1403">
                  <c:v>40305</c:v>
                </c:pt>
                <c:pt idx="1404">
                  <c:v>40308</c:v>
                </c:pt>
                <c:pt idx="1405">
                  <c:v>40309</c:v>
                </c:pt>
                <c:pt idx="1406">
                  <c:v>40310</c:v>
                </c:pt>
                <c:pt idx="1407">
                  <c:v>40311</c:v>
                </c:pt>
                <c:pt idx="1408">
                  <c:v>40312</c:v>
                </c:pt>
                <c:pt idx="1409">
                  <c:v>40315</c:v>
                </c:pt>
                <c:pt idx="1410">
                  <c:v>40316</c:v>
                </c:pt>
                <c:pt idx="1411">
                  <c:v>40317</c:v>
                </c:pt>
                <c:pt idx="1412">
                  <c:v>40318</c:v>
                </c:pt>
                <c:pt idx="1413">
                  <c:v>40319</c:v>
                </c:pt>
                <c:pt idx="1414">
                  <c:v>40322</c:v>
                </c:pt>
                <c:pt idx="1415">
                  <c:v>40323</c:v>
                </c:pt>
                <c:pt idx="1416">
                  <c:v>40324</c:v>
                </c:pt>
                <c:pt idx="1417">
                  <c:v>40325</c:v>
                </c:pt>
                <c:pt idx="1418">
                  <c:v>40326</c:v>
                </c:pt>
                <c:pt idx="1419">
                  <c:v>40329</c:v>
                </c:pt>
                <c:pt idx="1420">
                  <c:v>40330</c:v>
                </c:pt>
                <c:pt idx="1421">
                  <c:v>40331</c:v>
                </c:pt>
                <c:pt idx="1422">
                  <c:v>40333</c:v>
                </c:pt>
                <c:pt idx="1423">
                  <c:v>40336</c:v>
                </c:pt>
                <c:pt idx="1424">
                  <c:v>40337</c:v>
                </c:pt>
                <c:pt idx="1425">
                  <c:v>40338</c:v>
                </c:pt>
                <c:pt idx="1426">
                  <c:v>40339</c:v>
                </c:pt>
                <c:pt idx="1427">
                  <c:v>40340</c:v>
                </c:pt>
                <c:pt idx="1428">
                  <c:v>40343</c:v>
                </c:pt>
                <c:pt idx="1429">
                  <c:v>40344</c:v>
                </c:pt>
                <c:pt idx="1430">
                  <c:v>40345</c:v>
                </c:pt>
                <c:pt idx="1431">
                  <c:v>40346</c:v>
                </c:pt>
                <c:pt idx="1432">
                  <c:v>40347</c:v>
                </c:pt>
                <c:pt idx="1433">
                  <c:v>40350</c:v>
                </c:pt>
                <c:pt idx="1434">
                  <c:v>40351</c:v>
                </c:pt>
                <c:pt idx="1435">
                  <c:v>40352</c:v>
                </c:pt>
                <c:pt idx="1436">
                  <c:v>40353</c:v>
                </c:pt>
                <c:pt idx="1437">
                  <c:v>40354</c:v>
                </c:pt>
                <c:pt idx="1438">
                  <c:v>40357</c:v>
                </c:pt>
                <c:pt idx="1439">
                  <c:v>40358</c:v>
                </c:pt>
                <c:pt idx="1440">
                  <c:v>40359</c:v>
                </c:pt>
                <c:pt idx="1441">
                  <c:v>40360</c:v>
                </c:pt>
                <c:pt idx="1442">
                  <c:v>40361</c:v>
                </c:pt>
                <c:pt idx="1443">
                  <c:v>40364</c:v>
                </c:pt>
                <c:pt idx="1444">
                  <c:v>40365</c:v>
                </c:pt>
                <c:pt idx="1445">
                  <c:v>40366</c:v>
                </c:pt>
                <c:pt idx="1446">
                  <c:v>40367</c:v>
                </c:pt>
                <c:pt idx="1447">
                  <c:v>40368</c:v>
                </c:pt>
                <c:pt idx="1448">
                  <c:v>40371</c:v>
                </c:pt>
                <c:pt idx="1449">
                  <c:v>40372</c:v>
                </c:pt>
                <c:pt idx="1450">
                  <c:v>40373</c:v>
                </c:pt>
                <c:pt idx="1451">
                  <c:v>40374</c:v>
                </c:pt>
                <c:pt idx="1452">
                  <c:v>40375</c:v>
                </c:pt>
                <c:pt idx="1453">
                  <c:v>40378</c:v>
                </c:pt>
                <c:pt idx="1454">
                  <c:v>40379</c:v>
                </c:pt>
                <c:pt idx="1455">
                  <c:v>40380</c:v>
                </c:pt>
                <c:pt idx="1456">
                  <c:v>40381</c:v>
                </c:pt>
                <c:pt idx="1457">
                  <c:v>40382</c:v>
                </c:pt>
                <c:pt idx="1458">
                  <c:v>40385</c:v>
                </c:pt>
                <c:pt idx="1459">
                  <c:v>40386</c:v>
                </c:pt>
                <c:pt idx="1460">
                  <c:v>40387</c:v>
                </c:pt>
                <c:pt idx="1461">
                  <c:v>40388</c:v>
                </c:pt>
                <c:pt idx="1462">
                  <c:v>40389</c:v>
                </c:pt>
                <c:pt idx="1463">
                  <c:v>40392</c:v>
                </c:pt>
                <c:pt idx="1464">
                  <c:v>40393</c:v>
                </c:pt>
                <c:pt idx="1465">
                  <c:v>40394</c:v>
                </c:pt>
                <c:pt idx="1466">
                  <c:v>40395</c:v>
                </c:pt>
                <c:pt idx="1467">
                  <c:v>40396</c:v>
                </c:pt>
                <c:pt idx="1468">
                  <c:v>40399</c:v>
                </c:pt>
                <c:pt idx="1469">
                  <c:v>40400</c:v>
                </c:pt>
                <c:pt idx="1470">
                  <c:v>40401</c:v>
                </c:pt>
                <c:pt idx="1471">
                  <c:v>40402</c:v>
                </c:pt>
                <c:pt idx="1472">
                  <c:v>40403</c:v>
                </c:pt>
                <c:pt idx="1473">
                  <c:v>40406</c:v>
                </c:pt>
                <c:pt idx="1474">
                  <c:v>40407</c:v>
                </c:pt>
                <c:pt idx="1475">
                  <c:v>40408</c:v>
                </c:pt>
                <c:pt idx="1476">
                  <c:v>40409</c:v>
                </c:pt>
                <c:pt idx="1477">
                  <c:v>40410</c:v>
                </c:pt>
                <c:pt idx="1478">
                  <c:v>40413</c:v>
                </c:pt>
                <c:pt idx="1479">
                  <c:v>40414</c:v>
                </c:pt>
                <c:pt idx="1480">
                  <c:v>40415</c:v>
                </c:pt>
                <c:pt idx="1481">
                  <c:v>40416</c:v>
                </c:pt>
                <c:pt idx="1482">
                  <c:v>40417</c:v>
                </c:pt>
                <c:pt idx="1483">
                  <c:v>40420</c:v>
                </c:pt>
                <c:pt idx="1484">
                  <c:v>40421</c:v>
                </c:pt>
                <c:pt idx="1485">
                  <c:v>40422</c:v>
                </c:pt>
                <c:pt idx="1486">
                  <c:v>40423</c:v>
                </c:pt>
                <c:pt idx="1487">
                  <c:v>40424</c:v>
                </c:pt>
                <c:pt idx="1488">
                  <c:v>40427</c:v>
                </c:pt>
                <c:pt idx="1489">
                  <c:v>40429</c:v>
                </c:pt>
                <c:pt idx="1490">
                  <c:v>40430</c:v>
                </c:pt>
                <c:pt idx="1491">
                  <c:v>40431</c:v>
                </c:pt>
                <c:pt idx="1492">
                  <c:v>40434</c:v>
                </c:pt>
                <c:pt idx="1493">
                  <c:v>40435</c:v>
                </c:pt>
                <c:pt idx="1494">
                  <c:v>40436</c:v>
                </c:pt>
                <c:pt idx="1495">
                  <c:v>40437</c:v>
                </c:pt>
                <c:pt idx="1496">
                  <c:v>40438</c:v>
                </c:pt>
                <c:pt idx="1497">
                  <c:v>40441</c:v>
                </c:pt>
                <c:pt idx="1498">
                  <c:v>40442</c:v>
                </c:pt>
                <c:pt idx="1499">
                  <c:v>40443</c:v>
                </c:pt>
                <c:pt idx="1500">
                  <c:v>40444</c:v>
                </c:pt>
                <c:pt idx="1501">
                  <c:v>40445</c:v>
                </c:pt>
                <c:pt idx="1502">
                  <c:v>40448</c:v>
                </c:pt>
                <c:pt idx="1503">
                  <c:v>40449</c:v>
                </c:pt>
                <c:pt idx="1504">
                  <c:v>40450</c:v>
                </c:pt>
                <c:pt idx="1505">
                  <c:v>40451</c:v>
                </c:pt>
                <c:pt idx="1506">
                  <c:v>40452</c:v>
                </c:pt>
                <c:pt idx="1507">
                  <c:v>40455</c:v>
                </c:pt>
                <c:pt idx="1508">
                  <c:v>40456</c:v>
                </c:pt>
                <c:pt idx="1509">
                  <c:v>40457</c:v>
                </c:pt>
                <c:pt idx="1510">
                  <c:v>40458</c:v>
                </c:pt>
                <c:pt idx="1511">
                  <c:v>40459</c:v>
                </c:pt>
                <c:pt idx="1512">
                  <c:v>40462</c:v>
                </c:pt>
                <c:pt idx="1513">
                  <c:v>40464</c:v>
                </c:pt>
                <c:pt idx="1514">
                  <c:v>40465</c:v>
                </c:pt>
                <c:pt idx="1515">
                  <c:v>40466</c:v>
                </c:pt>
                <c:pt idx="1516">
                  <c:v>40469</c:v>
                </c:pt>
                <c:pt idx="1517">
                  <c:v>40470</c:v>
                </c:pt>
                <c:pt idx="1518">
                  <c:v>40471</c:v>
                </c:pt>
                <c:pt idx="1519">
                  <c:v>40472</c:v>
                </c:pt>
                <c:pt idx="1520">
                  <c:v>40473</c:v>
                </c:pt>
                <c:pt idx="1521">
                  <c:v>40476</c:v>
                </c:pt>
                <c:pt idx="1522">
                  <c:v>40477</c:v>
                </c:pt>
                <c:pt idx="1523">
                  <c:v>40478</c:v>
                </c:pt>
                <c:pt idx="1524">
                  <c:v>40479</c:v>
                </c:pt>
                <c:pt idx="1525">
                  <c:v>40480</c:v>
                </c:pt>
                <c:pt idx="1526">
                  <c:v>40483</c:v>
                </c:pt>
                <c:pt idx="1527">
                  <c:v>40485</c:v>
                </c:pt>
                <c:pt idx="1528">
                  <c:v>40486</c:v>
                </c:pt>
                <c:pt idx="1529">
                  <c:v>40487</c:v>
                </c:pt>
                <c:pt idx="1530">
                  <c:v>40490</c:v>
                </c:pt>
                <c:pt idx="1531">
                  <c:v>40491</c:v>
                </c:pt>
                <c:pt idx="1532">
                  <c:v>40492</c:v>
                </c:pt>
                <c:pt idx="1533">
                  <c:v>40493</c:v>
                </c:pt>
                <c:pt idx="1534">
                  <c:v>40494</c:v>
                </c:pt>
                <c:pt idx="1535">
                  <c:v>40498</c:v>
                </c:pt>
                <c:pt idx="1536">
                  <c:v>40499</c:v>
                </c:pt>
                <c:pt idx="1537">
                  <c:v>40500</c:v>
                </c:pt>
                <c:pt idx="1538">
                  <c:v>40501</c:v>
                </c:pt>
                <c:pt idx="1539">
                  <c:v>40504</c:v>
                </c:pt>
                <c:pt idx="1540">
                  <c:v>40505</c:v>
                </c:pt>
                <c:pt idx="1541">
                  <c:v>40506</c:v>
                </c:pt>
                <c:pt idx="1542">
                  <c:v>40507</c:v>
                </c:pt>
                <c:pt idx="1543">
                  <c:v>40508</c:v>
                </c:pt>
                <c:pt idx="1544">
                  <c:v>40511</c:v>
                </c:pt>
                <c:pt idx="1545">
                  <c:v>40512</c:v>
                </c:pt>
                <c:pt idx="1546">
                  <c:v>40513</c:v>
                </c:pt>
                <c:pt idx="1547">
                  <c:v>40514</c:v>
                </c:pt>
                <c:pt idx="1548">
                  <c:v>40515</c:v>
                </c:pt>
                <c:pt idx="1549">
                  <c:v>40518</c:v>
                </c:pt>
                <c:pt idx="1550">
                  <c:v>40519</c:v>
                </c:pt>
                <c:pt idx="1551">
                  <c:v>40520</c:v>
                </c:pt>
                <c:pt idx="1552">
                  <c:v>40521</c:v>
                </c:pt>
                <c:pt idx="1553">
                  <c:v>40522</c:v>
                </c:pt>
                <c:pt idx="1554">
                  <c:v>40525</c:v>
                </c:pt>
                <c:pt idx="1555">
                  <c:v>40526</c:v>
                </c:pt>
                <c:pt idx="1556">
                  <c:v>40527</c:v>
                </c:pt>
                <c:pt idx="1557">
                  <c:v>40528</c:v>
                </c:pt>
                <c:pt idx="1558">
                  <c:v>40529</c:v>
                </c:pt>
                <c:pt idx="1559">
                  <c:v>40532</c:v>
                </c:pt>
                <c:pt idx="1560">
                  <c:v>40533</c:v>
                </c:pt>
                <c:pt idx="1561">
                  <c:v>40534</c:v>
                </c:pt>
                <c:pt idx="1562">
                  <c:v>40535</c:v>
                </c:pt>
                <c:pt idx="1563">
                  <c:v>40536</c:v>
                </c:pt>
                <c:pt idx="1564">
                  <c:v>40539</c:v>
                </c:pt>
                <c:pt idx="1565">
                  <c:v>40540</c:v>
                </c:pt>
                <c:pt idx="1566">
                  <c:v>40541</c:v>
                </c:pt>
                <c:pt idx="1567">
                  <c:v>40542</c:v>
                </c:pt>
                <c:pt idx="1568">
                  <c:v>40543</c:v>
                </c:pt>
                <c:pt idx="1569">
                  <c:v>40546</c:v>
                </c:pt>
                <c:pt idx="1570">
                  <c:v>40547</c:v>
                </c:pt>
                <c:pt idx="1571">
                  <c:v>40548</c:v>
                </c:pt>
                <c:pt idx="1572">
                  <c:v>40549</c:v>
                </c:pt>
                <c:pt idx="1573">
                  <c:v>40550</c:v>
                </c:pt>
                <c:pt idx="1574">
                  <c:v>40553</c:v>
                </c:pt>
                <c:pt idx="1575">
                  <c:v>40554</c:v>
                </c:pt>
                <c:pt idx="1576">
                  <c:v>40555</c:v>
                </c:pt>
                <c:pt idx="1577">
                  <c:v>40556</c:v>
                </c:pt>
                <c:pt idx="1578">
                  <c:v>40557</c:v>
                </c:pt>
                <c:pt idx="1579">
                  <c:v>40560</c:v>
                </c:pt>
                <c:pt idx="1580">
                  <c:v>40561</c:v>
                </c:pt>
                <c:pt idx="1581">
                  <c:v>40562</c:v>
                </c:pt>
                <c:pt idx="1582">
                  <c:v>40563</c:v>
                </c:pt>
                <c:pt idx="1583">
                  <c:v>40564</c:v>
                </c:pt>
                <c:pt idx="1584">
                  <c:v>40567</c:v>
                </c:pt>
                <c:pt idx="1585">
                  <c:v>40568</c:v>
                </c:pt>
                <c:pt idx="1586">
                  <c:v>40569</c:v>
                </c:pt>
                <c:pt idx="1587">
                  <c:v>40570</c:v>
                </c:pt>
                <c:pt idx="1588">
                  <c:v>40571</c:v>
                </c:pt>
                <c:pt idx="1589">
                  <c:v>40574</c:v>
                </c:pt>
                <c:pt idx="1590">
                  <c:v>40575</c:v>
                </c:pt>
                <c:pt idx="1591">
                  <c:v>40576</c:v>
                </c:pt>
                <c:pt idx="1592">
                  <c:v>40577</c:v>
                </c:pt>
                <c:pt idx="1593">
                  <c:v>40578</c:v>
                </c:pt>
                <c:pt idx="1594">
                  <c:v>40581</c:v>
                </c:pt>
                <c:pt idx="1595">
                  <c:v>40582</c:v>
                </c:pt>
                <c:pt idx="1596">
                  <c:v>40583</c:v>
                </c:pt>
                <c:pt idx="1597">
                  <c:v>40584</c:v>
                </c:pt>
                <c:pt idx="1598">
                  <c:v>40585</c:v>
                </c:pt>
                <c:pt idx="1599">
                  <c:v>40588</c:v>
                </c:pt>
                <c:pt idx="1600">
                  <c:v>40589</c:v>
                </c:pt>
                <c:pt idx="1601">
                  <c:v>40590</c:v>
                </c:pt>
                <c:pt idx="1602">
                  <c:v>40591</c:v>
                </c:pt>
                <c:pt idx="1603">
                  <c:v>40592</c:v>
                </c:pt>
                <c:pt idx="1604">
                  <c:v>40595</c:v>
                </c:pt>
                <c:pt idx="1605">
                  <c:v>40596</c:v>
                </c:pt>
                <c:pt idx="1606">
                  <c:v>40597</c:v>
                </c:pt>
                <c:pt idx="1607">
                  <c:v>40598</c:v>
                </c:pt>
                <c:pt idx="1608">
                  <c:v>40599</c:v>
                </c:pt>
                <c:pt idx="1609">
                  <c:v>40602</c:v>
                </c:pt>
                <c:pt idx="1610">
                  <c:v>40603</c:v>
                </c:pt>
                <c:pt idx="1611">
                  <c:v>40604</c:v>
                </c:pt>
                <c:pt idx="1612">
                  <c:v>40605</c:v>
                </c:pt>
                <c:pt idx="1613">
                  <c:v>40606</c:v>
                </c:pt>
                <c:pt idx="1614">
                  <c:v>40611</c:v>
                </c:pt>
                <c:pt idx="1615">
                  <c:v>40612</c:v>
                </c:pt>
                <c:pt idx="1616">
                  <c:v>40613</c:v>
                </c:pt>
                <c:pt idx="1617">
                  <c:v>40616</c:v>
                </c:pt>
                <c:pt idx="1618">
                  <c:v>40617</c:v>
                </c:pt>
                <c:pt idx="1619">
                  <c:v>40618</c:v>
                </c:pt>
                <c:pt idx="1620">
                  <c:v>40619</c:v>
                </c:pt>
                <c:pt idx="1621">
                  <c:v>40620</c:v>
                </c:pt>
                <c:pt idx="1622">
                  <c:v>40623</c:v>
                </c:pt>
                <c:pt idx="1623">
                  <c:v>40624</c:v>
                </c:pt>
                <c:pt idx="1624">
                  <c:v>40625</c:v>
                </c:pt>
                <c:pt idx="1625">
                  <c:v>40626</c:v>
                </c:pt>
                <c:pt idx="1626">
                  <c:v>40627</c:v>
                </c:pt>
                <c:pt idx="1627">
                  <c:v>40630</c:v>
                </c:pt>
                <c:pt idx="1628">
                  <c:v>40631</c:v>
                </c:pt>
                <c:pt idx="1629">
                  <c:v>40632</c:v>
                </c:pt>
                <c:pt idx="1630">
                  <c:v>40633</c:v>
                </c:pt>
                <c:pt idx="1631">
                  <c:v>40634</c:v>
                </c:pt>
                <c:pt idx="1632">
                  <c:v>40637</c:v>
                </c:pt>
                <c:pt idx="1633">
                  <c:v>40638</c:v>
                </c:pt>
                <c:pt idx="1634">
                  <c:v>40639</c:v>
                </c:pt>
                <c:pt idx="1635">
                  <c:v>40640</c:v>
                </c:pt>
                <c:pt idx="1636">
                  <c:v>40641</c:v>
                </c:pt>
                <c:pt idx="1637">
                  <c:v>40644</c:v>
                </c:pt>
                <c:pt idx="1638">
                  <c:v>40645</c:v>
                </c:pt>
                <c:pt idx="1639">
                  <c:v>40646</c:v>
                </c:pt>
                <c:pt idx="1640">
                  <c:v>40647</c:v>
                </c:pt>
                <c:pt idx="1641">
                  <c:v>40648</c:v>
                </c:pt>
                <c:pt idx="1642">
                  <c:v>40651</c:v>
                </c:pt>
                <c:pt idx="1643">
                  <c:v>40652</c:v>
                </c:pt>
                <c:pt idx="1644">
                  <c:v>40653</c:v>
                </c:pt>
                <c:pt idx="1645">
                  <c:v>40658</c:v>
                </c:pt>
                <c:pt idx="1646">
                  <c:v>40659</c:v>
                </c:pt>
                <c:pt idx="1647">
                  <c:v>40660</c:v>
                </c:pt>
                <c:pt idx="1648">
                  <c:v>40661</c:v>
                </c:pt>
                <c:pt idx="1649">
                  <c:v>40662</c:v>
                </c:pt>
                <c:pt idx="1650">
                  <c:v>40665</c:v>
                </c:pt>
                <c:pt idx="1651">
                  <c:v>40666</c:v>
                </c:pt>
                <c:pt idx="1652">
                  <c:v>40667</c:v>
                </c:pt>
                <c:pt idx="1653">
                  <c:v>40668</c:v>
                </c:pt>
                <c:pt idx="1654">
                  <c:v>40669</c:v>
                </c:pt>
                <c:pt idx="1655">
                  <c:v>40672</c:v>
                </c:pt>
                <c:pt idx="1656">
                  <c:v>40673</c:v>
                </c:pt>
                <c:pt idx="1657">
                  <c:v>40674</c:v>
                </c:pt>
                <c:pt idx="1658">
                  <c:v>40675</c:v>
                </c:pt>
                <c:pt idx="1659">
                  <c:v>40676</c:v>
                </c:pt>
                <c:pt idx="1660">
                  <c:v>40679</c:v>
                </c:pt>
                <c:pt idx="1661">
                  <c:v>40680</c:v>
                </c:pt>
                <c:pt idx="1662">
                  <c:v>40681</c:v>
                </c:pt>
                <c:pt idx="1663">
                  <c:v>40682</c:v>
                </c:pt>
                <c:pt idx="1664">
                  <c:v>40683</c:v>
                </c:pt>
                <c:pt idx="1665">
                  <c:v>40686</c:v>
                </c:pt>
                <c:pt idx="1666">
                  <c:v>40687</c:v>
                </c:pt>
                <c:pt idx="1667">
                  <c:v>40688</c:v>
                </c:pt>
                <c:pt idx="1668">
                  <c:v>40689</c:v>
                </c:pt>
                <c:pt idx="1669">
                  <c:v>40690</c:v>
                </c:pt>
                <c:pt idx="1670">
                  <c:v>40693</c:v>
                </c:pt>
                <c:pt idx="1671">
                  <c:v>40694</c:v>
                </c:pt>
                <c:pt idx="1672">
                  <c:v>40695</c:v>
                </c:pt>
                <c:pt idx="1673">
                  <c:v>40696</c:v>
                </c:pt>
                <c:pt idx="1674">
                  <c:v>40697</c:v>
                </c:pt>
                <c:pt idx="1675">
                  <c:v>40700</c:v>
                </c:pt>
                <c:pt idx="1676">
                  <c:v>40701</c:v>
                </c:pt>
                <c:pt idx="1677">
                  <c:v>40702</c:v>
                </c:pt>
                <c:pt idx="1678">
                  <c:v>40703</c:v>
                </c:pt>
                <c:pt idx="1679">
                  <c:v>40704</c:v>
                </c:pt>
                <c:pt idx="1680">
                  <c:v>40707</c:v>
                </c:pt>
                <c:pt idx="1681">
                  <c:v>40708</c:v>
                </c:pt>
                <c:pt idx="1682">
                  <c:v>40709</c:v>
                </c:pt>
                <c:pt idx="1683">
                  <c:v>40710</c:v>
                </c:pt>
                <c:pt idx="1684">
                  <c:v>40711</c:v>
                </c:pt>
                <c:pt idx="1685">
                  <c:v>40714</c:v>
                </c:pt>
                <c:pt idx="1686">
                  <c:v>40715</c:v>
                </c:pt>
                <c:pt idx="1687">
                  <c:v>40716</c:v>
                </c:pt>
                <c:pt idx="1688">
                  <c:v>40718</c:v>
                </c:pt>
                <c:pt idx="1689">
                  <c:v>40721</c:v>
                </c:pt>
                <c:pt idx="1690">
                  <c:v>40722</c:v>
                </c:pt>
                <c:pt idx="1691">
                  <c:v>40723</c:v>
                </c:pt>
                <c:pt idx="1692">
                  <c:v>40724</c:v>
                </c:pt>
                <c:pt idx="1693">
                  <c:v>40725</c:v>
                </c:pt>
                <c:pt idx="1694">
                  <c:v>40728</c:v>
                </c:pt>
                <c:pt idx="1695">
                  <c:v>40729</c:v>
                </c:pt>
                <c:pt idx="1696">
                  <c:v>40730</c:v>
                </c:pt>
                <c:pt idx="1697">
                  <c:v>40731</c:v>
                </c:pt>
                <c:pt idx="1698">
                  <c:v>40732</c:v>
                </c:pt>
                <c:pt idx="1699">
                  <c:v>40735</c:v>
                </c:pt>
                <c:pt idx="1700">
                  <c:v>40736</c:v>
                </c:pt>
                <c:pt idx="1701">
                  <c:v>40737</c:v>
                </c:pt>
                <c:pt idx="1702">
                  <c:v>40738</c:v>
                </c:pt>
                <c:pt idx="1703">
                  <c:v>40739</c:v>
                </c:pt>
                <c:pt idx="1704">
                  <c:v>40742</c:v>
                </c:pt>
                <c:pt idx="1705">
                  <c:v>40743</c:v>
                </c:pt>
                <c:pt idx="1706">
                  <c:v>40744</c:v>
                </c:pt>
                <c:pt idx="1707">
                  <c:v>40745</c:v>
                </c:pt>
                <c:pt idx="1708">
                  <c:v>40746</c:v>
                </c:pt>
                <c:pt idx="1709">
                  <c:v>40749</c:v>
                </c:pt>
                <c:pt idx="1710">
                  <c:v>40750</c:v>
                </c:pt>
                <c:pt idx="1711">
                  <c:v>40751</c:v>
                </c:pt>
                <c:pt idx="1712">
                  <c:v>40752</c:v>
                </c:pt>
                <c:pt idx="1713">
                  <c:v>40753</c:v>
                </c:pt>
                <c:pt idx="1714">
                  <c:v>40756</c:v>
                </c:pt>
                <c:pt idx="1715">
                  <c:v>40757</c:v>
                </c:pt>
                <c:pt idx="1716">
                  <c:v>40758</c:v>
                </c:pt>
                <c:pt idx="1717">
                  <c:v>40759</c:v>
                </c:pt>
                <c:pt idx="1718">
                  <c:v>40760</c:v>
                </c:pt>
                <c:pt idx="1719">
                  <c:v>40763</c:v>
                </c:pt>
                <c:pt idx="1720">
                  <c:v>40764</c:v>
                </c:pt>
                <c:pt idx="1721">
                  <c:v>40765</c:v>
                </c:pt>
                <c:pt idx="1722">
                  <c:v>40766</c:v>
                </c:pt>
                <c:pt idx="1723">
                  <c:v>40767</c:v>
                </c:pt>
                <c:pt idx="1724">
                  <c:v>40770</c:v>
                </c:pt>
                <c:pt idx="1725">
                  <c:v>40771</c:v>
                </c:pt>
                <c:pt idx="1726">
                  <c:v>40772</c:v>
                </c:pt>
                <c:pt idx="1727">
                  <c:v>40773</c:v>
                </c:pt>
                <c:pt idx="1728">
                  <c:v>40774</c:v>
                </c:pt>
                <c:pt idx="1729">
                  <c:v>40777</c:v>
                </c:pt>
                <c:pt idx="1730">
                  <c:v>40778</c:v>
                </c:pt>
                <c:pt idx="1731">
                  <c:v>40779</c:v>
                </c:pt>
                <c:pt idx="1732">
                  <c:v>40780</c:v>
                </c:pt>
                <c:pt idx="1733">
                  <c:v>40781</c:v>
                </c:pt>
                <c:pt idx="1734">
                  <c:v>40784</c:v>
                </c:pt>
                <c:pt idx="1735">
                  <c:v>40785</c:v>
                </c:pt>
                <c:pt idx="1736">
                  <c:v>40786</c:v>
                </c:pt>
                <c:pt idx="1737">
                  <c:v>40787</c:v>
                </c:pt>
                <c:pt idx="1738">
                  <c:v>40788</c:v>
                </c:pt>
                <c:pt idx="1739">
                  <c:v>40791</c:v>
                </c:pt>
                <c:pt idx="1740">
                  <c:v>40792</c:v>
                </c:pt>
                <c:pt idx="1741">
                  <c:v>40794</c:v>
                </c:pt>
                <c:pt idx="1742">
                  <c:v>40795</c:v>
                </c:pt>
                <c:pt idx="1743">
                  <c:v>40798</c:v>
                </c:pt>
                <c:pt idx="1744">
                  <c:v>40799</c:v>
                </c:pt>
                <c:pt idx="1745">
                  <c:v>40800</c:v>
                </c:pt>
                <c:pt idx="1746">
                  <c:v>40801</c:v>
                </c:pt>
                <c:pt idx="1747">
                  <c:v>40802</c:v>
                </c:pt>
                <c:pt idx="1748">
                  <c:v>40805</c:v>
                </c:pt>
                <c:pt idx="1749">
                  <c:v>40806</c:v>
                </c:pt>
                <c:pt idx="1750">
                  <c:v>40807</c:v>
                </c:pt>
                <c:pt idx="1751">
                  <c:v>40808</c:v>
                </c:pt>
                <c:pt idx="1752">
                  <c:v>40809</c:v>
                </c:pt>
                <c:pt idx="1753">
                  <c:v>40812</c:v>
                </c:pt>
                <c:pt idx="1754">
                  <c:v>40813</c:v>
                </c:pt>
                <c:pt idx="1755">
                  <c:v>40814</c:v>
                </c:pt>
                <c:pt idx="1756">
                  <c:v>40815</c:v>
                </c:pt>
                <c:pt idx="1757">
                  <c:v>40816</c:v>
                </c:pt>
                <c:pt idx="1758">
                  <c:v>40819</c:v>
                </c:pt>
                <c:pt idx="1759">
                  <c:v>40820</c:v>
                </c:pt>
                <c:pt idx="1760">
                  <c:v>40821</c:v>
                </c:pt>
                <c:pt idx="1761">
                  <c:v>40822</c:v>
                </c:pt>
                <c:pt idx="1762">
                  <c:v>40823</c:v>
                </c:pt>
                <c:pt idx="1763">
                  <c:v>40826</c:v>
                </c:pt>
                <c:pt idx="1764">
                  <c:v>40827</c:v>
                </c:pt>
                <c:pt idx="1765">
                  <c:v>40829</c:v>
                </c:pt>
                <c:pt idx="1766">
                  <c:v>40830</c:v>
                </c:pt>
                <c:pt idx="1767">
                  <c:v>40833</c:v>
                </c:pt>
                <c:pt idx="1768">
                  <c:v>40834</c:v>
                </c:pt>
                <c:pt idx="1769">
                  <c:v>40835</c:v>
                </c:pt>
                <c:pt idx="1770">
                  <c:v>40836</c:v>
                </c:pt>
                <c:pt idx="1771">
                  <c:v>40837</c:v>
                </c:pt>
                <c:pt idx="1772">
                  <c:v>40840</c:v>
                </c:pt>
                <c:pt idx="1773">
                  <c:v>40841</c:v>
                </c:pt>
                <c:pt idx="1774">
                  <c:v>40842</c:v>
                </c:pt>
                <c:pt idx="1775">
                  <c:v>40843</c:v>
                </c:pt>
                <c:pt idx="1776">
                  <c:v>40844</c:v>
                </c:pt>
                <c:pt idx="1777">
                  <c:v>40847</c:v>
                </c:pt>
                <c:pt idx="1778">
                  <c:v>40848</c:v>
                </c:pt>
                <c:pt idx="1779">
                  <c:v>40850</c:v>
                </c:pt>
                <c:pt idx="1780">
                  <c:v>40851</c:v>
                </c:pt>
                <c:pt idx="1781">
                  <c:v>40854</c:v>
                </c:pt>
                <c:pt idx="1782">
                  <c:v>40855</c:v>
                </c:pt>
                <c:pt idx="1783">
                  <c:v>40856</c:v>
                </c:pt>
                <c:pt idx="1784">
                  <c:v>40857</c:v>
                </c:pt>
                <c:pt idx="1785">
                  <c:v>40858</c:v>
                </c:pt>
                <c:pt idx="1786">
                  <c:v>40861</c:v>
                </c:pt>
                <c:pt idx="1787">
                  <c:v>40863</c:v>
                </c:pt>
                <c:pt idx="1788">
                  <c:v>40864</c:v>
                </c:pt>
                <c:pt idx="1789">
                  <c:v>40865</c:v>
                </c:pt>
                <c:pt idx="1790">
                  <c:v>40868</c:v>
                </c:pt>
                <c:pt idx="1791">
                  <c:v>40869</c:v>
                </c:pt>
                <c:pt idx="1792">
                  <c:v>40870</c:v>
                </c:pt>
                <c:pt idx="1793">
                  <c:v>40871</c:v>
                </c:pt>
                <c:pt idx="1794">
                  <c:v>40872</c:v>
                </c:pt>
                <c:pt idx="1795">
                  <c:v>40875</c:v>
                </c:pt>
                <c:pt idx="1796">
                  <c:v>40876</c:v>
                </c:pt>
                <c:pt idx="1797">
                  <c:v>40877</c:v>
                </c:pt>
                <c:pt idx="1798">
                  <c:v>40878</c:v>
                </c:pt>
                <c:pt idx="1799">
                  <c:v>40879</c:v>
                </c:pt>
                <c:pt idx="1800">
                  <c:v>40882</c:v>
                </c:pt>
                <c:pt idx="1801">
                  <c:v>40883</c:v>
                </c:pt>
                <c:pt idx="1802">
                  <c:v>40884</c:v>
                </c:pt>
                <c:pt idx="1803">
                  <c:v>40885</c:v>
                </c:pt>
                <c:pt idx="1804">
                  <c:v>40886</c:v>
                </c:pt>
                <c:pt idx="1805">
                  <c:v>40889</c:v>
                </c:pt>
                <c:pt idx="1806">
                  <c:v>40890</c:v>
                </c:pt>
                <c:pt idx="1807">
                  <c:v>40891</c:v>
                </c:pt>
                <c:pt idx="1808">
                  <c:v>40892</c:v>
                </c:pt>
                <c:pt idx="1809">
                  <c:v>40893</c:v>
                </c:pt>
                <c:pt idx="1810">
                  <c:v>40896</c:v>
                </c:pt>
                <c:pt idx="1811">
                  <c:v>40897</c:v>
                </c:pt>
                <c:pt idx="1812">
                  <c:v>40898</c:v>
                </c:pt>
                <c:pt idx="1813">
                  <c:v>40899</c:v>
                </c:pt>
                <c:pt idx="1814">
                  <c:v>40900</c:v>
                </c:pt>
                <c:pt idx="1815">
                  <c:v>40903</c:v>
                </c:pt>
                <c:pt idx="1816">
                  <c:v>40904</c:v>
                </c:pt>
                <c:pt idx="1817">
                  <c:v>40905</c:v>
                </c:pt>
                <c:pt idx="1818">
                  <c:v>40906</c:v>
                </c:pt>
                <c:pt idx="1819">
                  <c:v>40907</c:v>
                </c:pt>
                <c:pt idx="1820">
                  <c:v>40910</c:v>
                </c:pt>
                <c:pt idx="1821">
                  <c:v>40911</c:v>
                </c:pt>
                <c:pt idx="1822">
                  <c:v>40912</c:v>
                </c:pt>
                <c:pt idx="1823">
                  <c:v>40913</c:v>
                </c:pt>
                <c:pt idx="1824">
                  <c:v>40914</c:v>
                </c:pt>
                <c:pt idx="1825">
                  <c:v>40917</c:v>
                </c:pt>
                <c:pt idx="1826">
                  <c:v>40918</c:v>
                </c:pt>
                <c:pt idx="1827">
                  <c:v>40919</c:v>
                </c:pt>
                <c:pt idx="1828">
                  <c:v>40920</c:v>
                </c:pt>
                <c:pt idx="1829">
                  <c:v>40921</c:v>
                </c:pt>
                <c:pt idx="1830">
                  <c:v>40924</c:v>
                </c:pt>
                <c:pt idx="1831">
                  <c:v>40925</c:v>
                </c:pt>
                <c:pt idx="1832">
                  <c:v>40926</c:v>
                </c:pt>
                <c:pt idx="1833">
                  <c:v>40927</c:v>
                </c:pt>
                <c:pt idx="1834">
                  <c:v>40928</c:v>
                </c:pt>
                <c:pt idx="1835">
                  <c:v>40931</c:v>
                </c:pt>
                <c:pt idx="1836">
                  <c:v>40932</c:v>
                </c:pt>
                <c:pt idx="1837">
                  <c:v>40933</c:v>
                </c:pt>
                <c:pt idx="1838">
                  <c:v>40934</c:v>
                </c:pt>
                <c:pt idx="1839">
                  <c:v>40935</c:v>
                </c:pt>
                <c:pt idx="1840">
                  <c:v>40938</c:v>
                </c:pt>
                <c:pt idx="1841">
                  <c:v>40939</c:v>
                </c:pt>
                <c:pt idx="1842">
                  <c:v>40940</c:v>
                </c:pt>
                <c:pt idx="1843">
                  <c:v>40941</c:v>
                </c:pt>
                <c:pt idx="1844">
                  <c:v>40942</c:v>
                </c:pt>
                <c:pt idx="1845">
                  <c:v>40945</c:v>
                </c:pt>
                <c:pt idx="1846">
                  <c:v>40946</c:v>
                </c:pt>
                <c:pt idx="1847">
                  <c:v>40947</c:v>
                </c:pt>
                <c:pt idx="1848">
                  <c:v>40948</c:v>
                </c:pt>
                <c:pt idx="1849">
                  <c:v>40949</c:v>
                </c:pt>
                <c:pt idx="1850">
                  <c:v>40952</c:v>
                </c:pt>
                <c:pt idx="1851">
                  <c:v>40953</c:v>
                </c:pt>
                <c:pt idx="1852">
                  <c:v>40954</c:v>
                </c:pt>
                <c:pt idx="1853">
                  <c:v>40955</c:v>
                </c:pt>
                <c:pt idx="1854">
                  <c:v>40956</c:v>
                </c:pt>
                <c:pt idx="1855">
                  <c:v>40961</c:v>
                </c:pt>
                <c:pt idx="1856">
                  <c:v>40962</c:v>
                </c:pt>
                <c:pt idx="1857">
                  <c:v>40963</c:v>
                </c:pt>
                <c:pt idx="1858">
                  <c:v>40966</c:v>
                </c:pt>
                <c:pt idx="1859">
                  <c:v>40967</c:v>
                </c:pt>
                <c:pt idx="1860">
                  <c:v>40968</c:v>
                </c:pt>
                <c:pt idx="1861">
                  <c:v>40969</c:v>
                </c:pt>
                <c:pt idx="1862">
                  <c:v>40970</c:v>
                </c:pt>
                <c:pt idx="1863">
                  <c:v>40973</c:v>
                </c:pt>
                <c:pt idx="1864">
                  <c:v>40974</c:v>
                </c:pt>
                <c:pt idx="1865">
                  <c:v>40975</c:v>
                </c:pt>
                <c:pt idx="1866">
                  <c:v>40976</c:v>
                </c:pt>
                <c:pt idx="1867">
                  <c:v>40977</c:v>
                </c:pt>
                <c:pt idx="1868">
                  <c:v>40980</c:v>
                </c:pt>
                <c:pt idx="1869">
                  <c:v>40981</c:v>
                </c:pt>
                <c:pt idx="1870">
                  <c:v>40982</c:v>
                </c:pt>
                <c:pt idx="1871">
                  <c:v>40983</c:v>
                </c:pt>
                <c:pt idx="1872">
                  <c:v>40984</c:v>
                </c:pt>
                <c:pt idx="1873">
                  <c:v>40987</c:v>
                </c:pt>
                <c:pt idx="1874">
                  <c:v>40988</c:v>
                </c:pt>
                <c:pt idx="1875">
                  <c:v>40989</c:v>
                </c:pt>
                <c:pt idx="1876">
                  <c:v>40990</c:v>
                </c:pt>
                <c:pt idx="1877">
                  <c:v>40991</c:v>
                </c:pt>
                <c:pt idx="1878">
                  <c:v>40994</c:v>
                </c:pt>
                <c:pt idx="1879">
                  <c:v>40995</c:v>
                </c:pt>
                <c:pt idx="1880">
                  <c:v>40996</c:v>
                </c:pt>
                <c:pt idx="1881">
                  <c:v>40997</c:v>
                </c:pt>
                <c:pt idx="1882">
                  <c:v>40998</c:v>
                </c:pt>
                <c:pt idx="1883">
                  <c:v>41001</c:v>
                </c:pt>
                <c:pt idx="1884">
                  <c:v>41002</c:v>
                </c:pt>
                <c:pt idx="1885">
                  <c:v>41003</c:v>
                </c:pt>
                <c:pt idx="1886">
                  <c:v>41004</c:v>
                </c:pt>
                <c:pt idx="1887">
                  <c:v>41008</c:v>
                </c:pt>
                <c:pt idx="1888">
                  <c:v>41009</c:v>
                </c:pt>
                <c:pt idx="1889">
                  <c:v>41010</c:v>
                </c:pt>
                <c:pt idx="1890">
                  <c:v>41011</c:v>
                </c:pt>
                <c:pt idx="1891">
                  <c:v>41012</c:v>
                </c:pt>
                <c:pt idx="1892">
                  <c:v>41015</c:v>
                </c:pt>
                <c:pt idx="1893">
                  <c:v>41016</c:v>
                </c:pt>
                <c:pt idx="1894">
                  <c:v>41017</c:v>
                </c:pt>
                <c:pt idx="1895">
                  <c:v>41018</c:v>
                </c:pt>
                <c:pt idx="1896">
                  <c:v>41019</c:v>
                </c:pt>
                <c:pt idx="1897">
                  <c:v>41022</c:v>
                </c:pt>
                <c:pt idx="1898">
                  <c:v>41023</c:v>
                </c:pt>
                <c:pt idx="1899">
                  <c:v>41024</c:v>
                </c:pt>
                <c:pt idx="1900">
                  <c:v>41025</c:v>
                </c:pt>
                <c:pt idx="1901">
                  <c:v>41026</c:v>
                </c:pt>
                <c:pt idx="1902">
                  <c:v>41029</c:v>
                </c:pt>
                <c:pt idx="1903">
                  <c:v>41031</c:v>
                </c:pt>
                <c:pt idx="1904">
                  <c:v>41032</c:v>
                </c:pt>
                <c:pt idx="1905">
                  <c:v>41033</c:v>
                </c:pt>
                <c:pt idx="1906">
                  <c:v>41036</c:v>
                </c:pt>
                <c:pt idx="1907">
                  <c:v>41037</c:v>
                </c:pt>
                <c:pt idx="1908">
                  <c:v>41038</c:v>
                </c:pt>
                <c:pt idx="1909">
                  <c:v>41039</c:v>
                </c:pt>
                <c:pt idx="1910">
                  <c:v>41040</c:v>
                </c:pt>
                <c:pt idx="1911">
                  <c:v>41043</c:v>
                </c:pt>
                <c:pt idx="1912">
                  <c:v>41044</c:v>
                </c:pt>
                <c:pt idx="1913">
                  <c:v>41045</c:v>
                </c:pt>
                <c:pt idx="1914">
                  <c:v>41046</c:v>
                </c:pt>
                <c:pt idx="1915">
                  <c:v>41047</c:v>
                </c:pt>
                <c:pt idx="1916">
                  <c:v>41050</c:v>
                </c:pt>
                <c:pt idx="1917">
                  <c:v>41051</c:v>
                </c:pt>
                <c:pt idx="1918">
                  <c:v>41052</c:v>
                </c:pt>
                <c:pt idx="1919">
                  <c:v>41053</c:v>
                </c:pt>
                <c:pt idx="1920">
                  <c:v>41054</c:v>
                </c:pt>
                <c:pt idx="1921">
                  <c:v>41057</c:v>
                </c:pt>
                <c:pt idx="1922">
                  <c:v>41058</c:v>
                </c:pt>
                <c:pt idx="1923">
                  <c:v>41059</c:v>
                </c:pt>
                <c:pt idx="1924">
                  <c:v>41060</c:v>
                </c:pt>
                <c:pt idx="1925">
                  <c:v>41061</c:v>
                </c:pt>
                <c:pt idx="1926">
                  <c:v>41064</c:v>
                </c:pt>
                <c:pt idx="1927">
                  <c:v>41065</c:v>
                </c:pt>
                <c:pt idx="1928">
                  <c:v>41066</c:v>
                </c:pt>
                <c:pt idx="1929">
                  <c:v>41068</c:v>
                </c:pt>
                <c:pt idx="1930">
                  <c:v>41071</c:v>
                </c:pt>
                <c:pt idx="1931">
                  <c:v>41072</c:v>
                </c:pt>
                <c:pt idx="1932">
                  <c:v>41073</c:v>
                </c:pt>
                <c:pt idx="1933">
                  <c:v>41074</c:v>
                </c:pt>
                <c:pt idx="1934">
                  <c:v>41075</c:v>
                </c:pt>
                <c:pt idx="1935">
                  <c:v>41078</c:v>
                </c:pt>
                <c:pt idx="1936">
                  <c:v>41079</c:v>
                </c:pt>
                <c:pt idx="1937">
                  <c:v>41080</c:v>
                </c:pt>
                <c:pt idx="1938">
                  <c:v>41081</c:v>
                </c:pt>
                <c:pt idx="1939">
                  <c:v>41082</c:v>
                </c:pt>
                <c:pt idx="1940">
                  <c:v>41085</c:v>
                </c:pt>
                <c:pt idx="1941">
                  <c:v>41086</c:v>
                </c:pt>
                <c:pt idx="1942">
                  <c:v>41087</c:v>
                </c:pt>
                <c:pt idx="1943">
                  <c:v>41088</c:v>
                </c:pt>
                <c:pt idx="1944">
                  <c:v>41089</c:v>
                </c:pt>
                <c:pt idx="1945">
                  <c:v>41092</c:v>
                </c:pt>
                <c:pt idx="1946">
                  <c:v>41093</c:v>
                </c:pt>
                <c:pt idx="1947">
                  <c:v>41094</c:v>
                </c:pt>
                <c:pt idx="1948">
                  <c:v>41095</c:v>
                </c:pt>
                <c:pt idx="1949">
                  <c:v>41096</c:v>
                </c:pt>
                <c:pt idx="1950">
                  <c:v>41099</c:v>
                </c:pt>
                <c:pt idx="1951">
                  <c:v>41100</c:v>
                </c:pt>
                <c:pt idx="1952">
                  <c:v>41101</c:v>
                </c:pt>
                <c:pt idx="1953">
                  <c:v>41102</c:v>
                </c:pt>
                <c:pt idx="1954">
                  <c:v>41103</c:v>
                </c:pt>
                <c:pt idx="1955">
                  <c:v>41106</c:v>
                </c:pt>
                <c:pt idx="1956">
                  <c:v>41107</c:v>
                </c:pt>
                <c:pt idx="1957">
                  <c:v>41108</c:v>
                </c:pt>
                <c:pt idx="1958">
                  <c:v>41109</c:v>
                </c:pt>
                <c:pt idx="1959">
                  <c:v>41110</c:v>
                </c:pt>
                <c:pt idx="1960">
                  <c:v>41113</c:v>
                </c:pt>
                <c:pt idx="1961">
                  <c:v>41114</c:v>
                </c:pt>
                <c:pt idx="1962">
                  <c:v>41115</c:v>
                </c:pt>
                <c:pt idx="1963">
                  <c:v>41116</c:v>
                </c:pt>
                <c:pt idx="1964">
                  <c:v>41117</c:v>
                </c:pt>
                <c:pt idx="1965">
                  <c:v>41120</c:v>
                </c:pt>
                <c:pt idx="1966">
                  <c:v>41121</c:v>
                </c:pt>
                <c:pt idx="1967">
                  <c:v>41122</c:v>
                </c:pt>
                <c:pt idx="1968">
                  <c:v>41123</c:v>
                </c:pt>
                <c:pt idx="1969">
                  <c:v>41124</c:v>
                </c:pt>
                <c:pt idx="1970">
                  <c:v>41127</c:v>
                </c:pt>
                <c:pt idx="1971">
                  <c:v>41128</c:v>
                </c:pt>
                <c:pt idx="1972">
                  <c:v>41129</c:v>
                </c:pt>
                <c:pt idx="1973">
                  <c:v>41130</c:v>
                </c:pt>
                <c:pt idx="1974">
                  <c:v>41131</c:v>
                </c:pt>
                <c:pt idx="1975">
                  <c:v>41134</c:v>
                </c:pt>
                <c:pt idx="1976">
                  <c:v>41135</c:v>
                </c:pt>
                <c:pt idx="1977">
                  <c:v>41136</c:v>
                </c:pt>
                <c:pt idx="1978">
                  <c:v>41137</c:v>
                </c:pt>
                <c:pt idx="1979">
                  <c:v>41138</c:v>
                </c:pt>
                <c:pt idx="1980">
                  <c:v>41141</c:v>
                </c:pt>
                <c:pt idx="1981">
                  <c:v>41142</c:v>
                </c:pt>
                <c:pt idx="1982">
                  <c:v>41143</c:v>
                </c:pt>
                <c:pt idx="1983">
                  <c:v>41144</c:v>
                </c:pt>
                <c:pt idx="1984">
                  <c:v>41145</c:v>
                </c:pt>
                <c:pt idx="1985">
                  <c:v>41148</c:v>
                </c:pt>
                <c:pt idx="1986">
                  <c:v>41149</c:v>
                </c:pt>
                <c:pt idx="1987">
                  <c:v>41150</c:v>
                </c:pt>
                <c:pt idx="1988">
                  <c:v>41151</c:v>
                </c:pt>
                <c:pt idx="1989">
                  <c:v>41152</c:v>
                </c:pt>
                <c:pt idx="1990">
                  <c:v>41155</c:v>
                </c:pt>
                <c:pt idx="1991">
                  <c:v>41156</c:v>
                </c:pt>
                <c:pt idx="1992">
                  <c:v>41157</c:v>
                </c:pt>
                <c:pt idx="1993">
                  <c:v>41158</c:v>
                </c:pt>
                <c:pt idx="1994">
                  <c:v>41162</c:v>
                </c:pt>
                <c:pt idx="1995">
                  <c:v>41163</c:v>
                </c:pt>
                <c:pt idx="1996">
                  <c:v>41164</c:v>
                </c:pt>
                <c:pt idx="1997">
                  <c:v>41165</c:v>
                </c:pt>
                <c:pt idx="1998">
                  <c:v>41166</c:v>
                </c:pt>
                <c:pt idx="1999">
                  <c:v>41169</c:v>
                </c:pt>
                <c:pt idx="2000">
                  <c:v>41170</c:v>
                </c:pt>
                <c:pt idx="2001">
                  <c:v>41171</c:v>
                </c:pt>
                <c:pt idx="2002">
                  <c:v>41172</c:v>
                </c:pt>
                <c:pt idx="2003">
                  <c:v>41173</c:v>
                </c:pt>
                <c:pt idx="2004">
                  <c:v>41176</c:v>
                </c:pt>
                <c:pt idx="2005">
                  <c:v>41177</c:v>
                </c:pt>
                <c:pt idx="2006">
                  <c:v>41178</c:v>
                </c:pt>
                <c:pt idx="2007">
                  <c:v>41179</c:v>
                </c:pt>
                <c:pt idx="2008">
                  <c:v>41180</c:v>
                </c:pt>
                <c:pt idx="2009">
                  <c:v>41183</c:v>
                </c:pt>
                <c:pt idx="2010">
                  <c:v>41184</c:v>
                </c:pt>
                <c:pt idx="2011">
                  <c:v>41185</c:v>
                </c:pt>
                <c:pt idx="2012">
                  <c:v>41186</c:v>
                </c:pt>
                <c:pt idx="2013">
                  <c:v>41187</c:v>
                </c:pt>
                <c:pt idx="2014">
                  <c:v>41190</c:v>
                </c:pt>
                <c:pt idx="2015">
                  <c:v>41191</c:v>
                </c:pt>
                <c:pt idx="2016">
                  <c:v>41192</c:v>
                </c:pt>
                <c:pt idx="2017">
                  <c:v>41193</c:v>
                </c:pt>
                <c:pt idx="2018">
                  <c:v>41197</c:v>
                </c:pt>
                <c:pt idx="2019">
                  <c:v>41198</c:v>
                </c:pt>
                <c:pt idx="2020">
                  <c:v>41199</c:v>
                </c:pt>
                <c:pt idx="2021">
                  <c:v>41200</c:v>
                </c:pt>
                <c:pt idx="2022">
                  <c:v>41201</c:v>
                </c:pt>
                <c:pt idx="2023">
                  <c:v>41204</c:v>
                </c:pt>
                <c:pt idx="2024">
                  <c:v>41205</c:v>
                </c:pt>
                <c:pt idx="2025">
                  <c:v>41206</c:v>
                </c:pt>
                <c:pt idx="2026">
                  <c:v>41207</c:v>
                </c:pt>
                <c:pt idx="2027">
                  <c:v>41208</c:v>
                </c:pt>
                <c:pt idx="2028">
                  <c:v>41211</c:v>
                </c:pt>
                <c:pt idx="2029">
                  <c:v>41212</c:v>
                </c:pt>
                <c:pt idx="2030">
                  <c:v>41213</c:v>
                </c:pt>
                <c:pt idx="2031">
                  <c:v>41214</c:v>
                </c:pt>
                <c:pt idx="2032">
                  <c:v>41218</c:v>
                </c:pt>
                <c:pt idx="2033">
                  <c:v>41219</c:v>
                </c:pt>
                <c:pt idx="2034">
                  <c:v>41220</c:v>
                </c:pt>
                <c:pt idx="2035">
                  <c:v>41221</c:v>
                </c:pt>
                <c:pt idx="2036">
                  <c:v>41222</c:v>
                </c:pt>
                <c:pt idx="2037">
                  <c:v>41225</c:v>
                </c:pt>
                <c:pt idx="2038">
                  <c:v>41226</c:v>
                </c:pt>
                <c:pt idx="2039">
                  <c:v>41227</c:v>
                </c:pt>
                <c:pt idx="2040">
                  <c:v>41229</c:v>
                </c:pt>
                <c:pt idx="2041">
                  <c:v>41232</c:v>
                </c:pt>
                <c:pt idx="2042">
                  <c:v>41233</c:v>
                </c:pt>
                <c:pt idx="2043">
                  <c:v>41234</c:v>
                </c:pt>
                <c:pt idx="2044">
                  <c:v>41235</c:v>
                </c:pt>
                <c:pt idx="2045">
                  <c:v>41236</c:v>
                </c:pt>
                <c:pt idx="2046">
                  <c:v>41239</c:v>
                </c:pt>
                <c:pt idx="2047">
                  <c:v>41240</c:v>
                </c:pt>
                <c:pt idx="2048">
                  <c:v>41241</c:v>
                </c:pt>
                <c:pt idx="2049">
                  <c:v>41242</c:v>
                </c:pt>
                <c:pt idx="2050">
                  <c:v>41243</c:v>
                </c:pt>
                <c:pt idx="2051">
                  <c:v>41246</c:v>
                </c:pt>
                <c:pt idx="2052">
                  <c:v>41247</c:v>
                </c:pt>
                <c:pt idx="2053">
                  <c:v>41248</c:v>
                </c:pt>
                <c:pt idx="2054">
                  <c:v>41249</c:v>
                </c:pt>
                <c:pt idx="2055">
                  <c:v>41250</c:v>
                </c:pt>
                <c:pt idx="2056">
                  <c:v>41253</c:v>
                </c:pt>
                <c:pt idx="2057">
                  <c:v>41254</c:v>
                </c:pt>
                <c:pt idx="2058">
                  <c:v>41255</c:v>
                </c:pt>
                <c:pt idx="2059">
                  <c:v>41256</c:v>
                </c:pt>
                <c:pt idx="2060">
                  <c:v>41257</c:v>
                </c:pt>
                <c:pt idx="2061">
                  <c:v>41260</c:v>
                </c:pt>
                <c:pt idx="2062">
                  <c:v>41261</c:v>
                </c:pt>
                <c:pt idx="2063">
                  <c:v>41262</c:v>
                </c:pt>
                <c:pt idx="2064">
                  <c:v>41263</c:v>
                </c:pt>
                <c:pt idx="2065">
                  <c:v>41264</c:v>
                </c:pt>
                <c:pt idx="2066">
                  <c:v>41267</c:v>
                </c:pt>
                <c:pt idx="2067">
                  <c:v>41269</c:v>
                </c:pt>
                <c:pt idx="2068">
                  <c:v>41270</c:v>
                </c:pt>
                <c:pt idx="2069">
                  <c:v>41271</c:v>
                </c:pt>
                <c:pt idx="2070">
                  <c:v>41274</c:v>
                </c:pt>
                <c:pt idx="2071">
                  <c:v>41276</c:v>
                </c:pt>
                <c:pt idx="2072">
                  <c:v>41277</c:v>
                </c:pt>
                <c:pt idx="2073">
                  <c:v>41278</c:v>
                </c:pt>
                <c:pt idx="2074">
                  <c:v>41281</c:v>
                </c:pt>
                <c:pt idx="2075">
                  <c:v>41282</c:v>
                </c:pt>
                <c:pt idx="2076">
                  <c:v>41283</c:v>
                </c:pt>
                <c:pt idx="2077">
                  <c:v>41284</c:v>
                </c:pt>
                <c:pt idx="2078">
                  <c:v>41285</c:v>
                </c:pt>
                <c:pt idx="2079">
                  <c:v>41288</c:v>
                </c:pt>
                <c:pt idx="2080">
                  <c:v>41289</c:v>
                </c:pt>
                <c:pt idx="2081">
                  <c:v>41290</c:v>
                </c:pt>
                <c:pt idx="2082">
                  <c:v>41291</c:v>
                </c:pt>
                <c:pt idx="2083">
                  <c:v>41292</c:v>
                </c:pt>
                <c:pt idx="2084">
                  <c:v>41295</c:v>
                </c:pt>
                <c:pt idx="2085">
                  <c:v>41296</c:v>
                </c:pt>
                <c:pt idx="2086">
                  <c:v>41297</c:v>
                </c:pt>
                <c:pt idx="2087">
                  <c:v>41298</c:v>
                </c:pt>
                <c:pt idx="2088">
                  <c:v>41299</c:v>
                </c:pt>
                <c:pt idx="2089">
                  <c:v>41302</c:v>
                </c:pt>
                <c:pt idx="2090">
                  <c:v>41303</c:v>
                </c:pt>
                <c:pt idx="2091">
                  <c:v>41304</c:v>
                </c:pt>
                <c:pt idx="2092">
                  <c:v>41305</c:v>
                </c:pt>
                <c:pt idx="2093">
                  <c:v>41306</c:v>
                </c:pt>
                <c:pt idx="2094">
                  <c:v>41309</c:v>
                </c:pt>
                <c:pt idx="2095">
                  <c:v>41310</c:v>
                </c:pt>
                <c:pt idx="2096">
                  <c:v>41311</c:v>
                </c:pt>
                <c:pt idx="2097">
                  <c:v>41312</c:v>
                </c:pt>
                <c:pt idx="2098">
                  <c:v>41313</c:v>
                </c:pt>
                <c:pt idx="2099">
                  <c:v>41318</c:v>
                </c:pt>
                <c:pt idx="2100">
                  <c:v>41319</c:v>
                </c:pt>
                <c:pt idx="2101">
                  <c:v>41320</c:v>
                </c:pt>
                <c:pt idx="2102">
                  <c:v>41323</c:v>
                </c:pt>
                <c:pt idx="2103">
                  <c:v>41324</c:v>
                </c:pt>
                <c:pt idx="2104">
                  <c:v>41325</c:v>
                </c:pt>
                <c:pt idx="2105">
                  <c:v>41326</c:v>
                </c:pt>
                <c:pt idx="2106">
                  <c:v>41327</c:v>
                </c:pt>
                <c:pt idx="2107">
                  <c:v>41330</c:v>
                </c:pt>
                <c:pt idx="2108">
                  <c:v>41331</c:v>
                </c:pt>
                <c:pt idx="2109">
                  <c:v>41332</c:v>
                </c:pt>
                <c:pt idx="2110">
                  <c:v>41333</c:v>
                </c:pt>
                <c:pt idx="2111">
                  <c:v>41334</c:v>
                </c:pt>
                <c:pt idx="2112">
                  <c:v>41337</c:v>
                </c:pt>
                <c:pt idx="2113">
                  <c:v>41338</c:v>
                </c:pt>
                <c:pt idx="2114">
                  <c:v>41339</c:v>
                </c:pt>
                <c:pt idx="2115">
                  <c:v>41340</c:v>
                </c:pt>
                <c:pt idx="2116">
                  <c:v>41341</c:v>
                </c:pt>
                <c:pt idx="2117">
                  <c:v>41344</c:v>
                </c:pt>
                <c:pt idx="2118">
                  <c:v>41345</c:v>
                </c:pt>
                <c:pt idx="2119">
                  <c:v>41346</c:v>
                </c:pt>
                <c:pt idx="2120">
                  <c:v>41347</c:v>
                </c:pt>
                <c:pt idx="2121">
                  <c:v>41348</c:v>
                </c:pt>
                <c:pt idx="2122">
                  <c:v>41351</c:v>
                </c:pt>
                <c:pt idx="2123">
                  <c:v>41352</c:v>
                </c:pt>
                <c:pt idx="2124">
                  <c:v>41353</c:v>
                </c:pt>
                <c:pt idx="2125">
                  <c:v>41354</c:v>
                </c:pt>
                <c:pt idx="2126">
                  <c:v>41355</c:v>
                </c:pt>
                <c:pt idx="2127">
                  <c:v>41358</c:v>
                </c:pt>
                <c:pt idx="2128">
                  <c:v>41359</c:v>
                </c:pt>
                <c:pt idx="2129">
                  <c:v>41360</c:v>
                </c:pt>
                <c:pt idx="2130">
                  <c:v>41361</c:v>
                </c:pt>
                <c:pt idx="2131">
                  <c:v>41365</c:v>
                </c:pt>
                <c:pt idx="2132">
                  <c:v>41366</c:v>
                </c:pt>
                <c:pt idx="2133">
                  <c:v>41367</c:v>
                </c:pt>
                <c:pt idx="2134">
                  <c:v>41368</c:v>
                </c:pt>
                <c:pt idx="2135">
                  <c:v>41369</c:v>
                </c:pt>
                <c:pt idx="2136">
                  <c:v>41372</c:v>
                </c:pt>
                <c:pt idx="2137">
                  <c:v>41373</c:v>
                </c:pt>
                <c:pt idx="2138">
                  <c:v>41374</c:v>
                </c:pt>
                <c:pt idx="2139">
                  <c:v>41375</c:v>
                </c:pt>
                <c:pt idx="2140">
                  <c:v>41376</c:v>
                </c:pt>
                <c:pt idx="2141">
                  <c:v>41379</c:v>
                </c:pt>
                <c:pt idx="2142">
                  <c:v>41380</c:v>
                </c:pt>
                <c:pt idx="2143">
                  <c:v>41381</c:v>
                </c:pt>
                <c:pt idx="2144">
                  <c:v>41382</c:v>
                </c:pt>
                <c:pt idx="2145">
                  <c:v>41383</c:v>
                </c:pt>
                <c:pt idx="2146">
                  <c:v>41386</c:v>
                </c:pt>
                <c:pt idx="2147">
                  <c:v>41387</c:v>
                </c:pt>
                <c:pt idx="2148">
                  <c:v>41388</c:v>
                </c:pt>
                <c:pt idx="2149">
                  <c:v>41389</c:v>
                </c:pt>
                <c:pt idx="2150">
                  <c:v>41390</c:v>
                </c:pt>
                <c:pt idx="2151">
                  <c:v>41393</c:v>
                </c:pt>
                <c:pt idx="2152">
                  <c:v>41394</c:v>
                </c:pt>
                <c:pt idx="2153">
                  <c:v>41396</c:v>
                </c:pt>
                <c:pt idx="2154">
                  <c:v>41397</c:v>
                </c:pt>
                <c:pt idx="2155">
                  <c:v>41400</c:v>
                </c:pt>
                <c:pt idx="2156">
                  <c:v>41401</c:v>
                </c:pt>
                <c:pt idx="2157">
                  <c:v>41402</c:v>
                </c:pt>
                <c:pt idx="2158">
                  <c:v>41403</c:v>
                </c:pt>
                <c:pt idx="2159">
                  <c:v>41404</c:v>
                </c:pt>
                <c:pt idx="2160">
                  <c:v>41407</c:v>
                </c:pt>
                <c:pt idx="2161">
                  <c:v>41408</c:v>
                </c:pt>
                <c:pt idx="2162">
                  <c:v>41409</c:v>
                </c:pt>
                <c:pt idx="2163">
                  <c:v>41410</c:v>
                </c:pt>
                <c:pt idx="2164">
                  <c:v>41411</c:v>
                </c:pt>
                <c:pt idx="2165">
                  <c:v>41414</c:v>
                </c:pt>
                <c:pt idx="2166">
                  <c:v>41415</c:v>
                </c:pt>
                <c:pt idx="2167">
                  <c:v>41416</c:v>
                </c:pt>
                <c:pt idx="2168">
                  <c:v>41417</c:v>
                </c:pt>
                <c:pt idx="2169">
                  <c:v>41418</c:v>
                </c:pt>
                <c:pt idx="2170">
                  <c:v>41421</c:v>
                </c:pt>
                <c:pt idx="2171">
                  <c:v>41422</c:v>
                </c:pt>
                <c:pt idx="2172">
                  <c:v>41423</c:v>
                </c:pt>
                <c:pt idx="2173">
                  <c:v>41425</c:v>
                </c:pt>
                <c:pt idx="2174">
                  <c:v>41428</c:v>
                </c:pt>
                <c:pt idx="2175">
                  <c:v>41429</c:v>
                </c:pt>
                <c:pt idx="2176">
                  <c:v>41430</c:v>
                </c:pt>
                <c:pt idx="2177">
                  <c:v>41431</c:v>
                </c:pt>
                <c:pt idx="2178">
                  <c:v>41432</c:v>
                </c:pt>
                <c:pt idx="2179">
                  <c:v>41435</c:v>
                </c:pt>
                <c:pt idx="2180">
                  <c:v>41436</c:v>
                </c:pt>
                <c:pt idx="2181">
                  <c:v>41437</c:v>
                </c:pt>
                <c:pt idx="2182">
                  <c:v>41438</c:v>
                </c:pt>
                <c:pt idx="2183">
                  <c:v>41439</c:v>
                </c:pt>
                <c:pt idx="2184">
                  <c:v>41442</c:v>
                </c:pt>
                <c:pt idx="2185">
                  <c:v>41443</c:v>
                </c:pt>
                <c:pt idx="2186">
                  <c:v>41444</c:v>
                </c:pt>
                <c:pt idx="2187">
                  <c:v>41445</c:v>
                </c:pt>
                <c:pt idx="2188">
                  <c:v>41446</c:v>
                </c:pt>
                <c:pt idx="2189">
                  <c:v>41449</c:v>
                </c:pt>
                <c:pt idx="2190">
                  <c:v>41450</c:v>
                </c:pt>
                <c:pt idx="2191">
                  <c:v>41451</c:v>
                </c:pt>
                <c:pt idx="2192">
                  <c:v>41452</c:v>
                </c:pt>
                <c:pt idx="2193">
                  <c:v>41453</c:v>
                </c:pt>
                <c:pt idx="2194">
                  <c:v>41456</c:v>
                </c:pt>
                <c:pt idx="2195">
                  <c:v>41457</c:v>
                </c:pt>
                <c:pt idx="2196">
                  <c:v>41458</c:v>
                </c:pt>
                <c:pt idx="2197">
                  <c:v>41459</c:v>
                </c:pt>
                <c:pt idx="2198">
                  <c:v>41460</c:v>
                </c:pt>
                <c:pt idx="2199">
                  <c:v>41463</c:v>
                </c:pt>
                <c:pt idx="2200">
                  <c:v>41464</c:v>
                </c:pt>
                <c:pt idx="2201">
                  <c:v>41465</c:v>
                </c:pt>
                <c:pt idx="2202">
                  <c:v>41466</c:v>
                </c:pt>
                <c:pt idx="2203">
                  <c:v>41467</c:v>
                </c:pt>
                <c:pt idx="2204">
                  <c:v>41470</c:v>
                </c:pt>
                <c:pt idx="2205">
                  <c:v>41471</c:v>
                </c:pt>
                <c:pt idx="2206">
                  <c:v>41472</c:v>
                </c:pt>
                <c:pt idx="2207">
                  <c:v>41473</c:v>
                </c:pt>
                <c:pt idx="2208">
                  <c:v>41474</c:v>
                </c:pt>
                <c:pt idx="2209">
                  <c:v>41477</c:v>
                </c:pt>
                <c:pt idx="2210">
                  <c:v>41478</c:v>
                </c:pt>
                <c:pt idx="2211">
                  <c:v>41479</c:v>
                </c:pt>
                <c:pt idx="2212">
                  <c:v>41480</c:v>
                </c:pt>
                <c:pt idx="2213">
                  <c:v>41481</c:v>
                </c:pt>
                <c:pt idx="2214">
                  <c:v>41484</c:v>
                </c:pt>
                <c:pt idx="2215">
                  <c:v>41485</c:v>
                </c:pt>
                <c:pt idx="2216">
                  <c:v>41486</c:v>
                </c:pt>
                <c:pt idx="2217">
                  <c:v>41487</c:v>
                </c:pt>
                <c:pt idx="2218">
                  <c:v>41488</c:v>
                </c:pt>
                <c:pt idx="2219">
                  <c:v>41491</c:v>
                </c:pt>
                <c:pt idx="2220">
                  <c:v>41492</c:v>
                </c:pt>
                <c:pt idx="2221">
                  <c:v>41493</c:v>
                </c:pt>
                <c:pt idx="2222">
                  <c:v>41494</c:v>
                </c:pt>
                <c:pt idx="2223">
                  <c:v>41495</c:v>
                </c:pt>
                <c:pt idx="2224">
                  <c:v>41498</c:v>
                </c:pt>
                <c:pt idx="2225">
                  <c:v>41499</c:v>
                </c:pt>
                <c:pt idx="2226">
                  <c:v>41500</c:v>
                </c:pt>
                <c:pt idx="2227">
                  <c:v>41501</c:v>
                </c:pt>
                <c:pt idx="2228">
                  <c:v>41502</c:v>
                </c:pt>
                <c:pt idx="2229">
                  <c:v>41505</c:v>
                </c:pt>
                <c:pt idx="2230">
                  <c:v>41506</c:v>
                </c:pt>
                <c:pt idx="2231">
                  <c:v>41507</c:v>
                </c:pt>
                <c:pt idx="2232">
                  <c:v>41508</c:v>
                </c:pt>
                <c:pt idx="2233">
                  <c:v>41509</c:v>
                </c:pt>
                <c:pt idx="2234">
                  <c:v>41512</c:v>
                </c:pt>
                <c:pt idx="2235">
                  <c:v>41513</c:v>
                </c:pt>
                <c:pt idx="2236">
                  <c:v>41514</c:v>
                </c:pt>
                <c:pt idx="2237">
                  <c:v>41515</c:v>
                </c:pt>
                <c:pt idx="2238">
                  <c:v>41516</c:v>
                </c:pt>
                <c:pt idx="2239">
                  <c:v>41519</c:v>
                </c:pt>
                <c:pt idx="2240">
                  <c:v>41520</c:v>
                </c:pt>
                <c:pt idx="2241">
                  <c:v>41521</c:v>
                </c:pt>
                <c:pt idx="2242">
                  <c:v>41522</c:v>
                </c:pt>
                <c:pt idx="2243">
                  <c:v>41523</c:v>
                </c:pt>
                <c:pt idx="2244">
                  <c:v>41526</c:v>
                </c:pt>
                <c:pt idx="2245">
                  <c:v>41527</c:v>
                </c:pt>
                <c:pt idx="2246">
                  <c:v>41528</c:v>
                </c:pt>
                <c:pt idx="2247">
                  <c:v>41529</c:v>
                </c:pt>
                <c:pt idx="2248">
                  <c:v>41530</c:v>
                </c:pt>
                <c:pt idx="2249">
                  <c:v>41533</c:v>
                </c:pt>
                <c:pt idx="2250">
                  <c:v>41534</c:v>
                </c:pt>
                <c:pt idx="2251">
                  <c:v>41535</c:v>
                </c:pt>
                <c:pt idx="2252">
                  <c:v>41536</c:v>
                </c:pt>
                <c:pt idx="2253">
                  <c:v>41537</c:v>
                </c:pt>
                <c:pt idx="2254">
                  <c:v>41540</c:v>
                </c:pt>
                <c:pt idx="2255">
                  <c:v>41541</c:v>
                </c:pt>
                <c:pt idx="2256">
                  <c:v>41542</c:v>
                </c:pt>
                <c:pt idx="2257">
                  <c:v>41543</c:v>
                </c:pt>
                <c:pt idx="2258">
                  <c:v>41544</c:v>
                </c:pt>
                <c:pt idx="2259">
                  <c:v>41547</c:v>
                </c:pt>
                <c:pt idx="2260">
                  <c:v>41548</c:v>
                </c:pt>
                <c:pt idx="2261">
                  <c:v>41549</c:v>
                </c:pt>
                <c:pt idx="2262">
                  <c:v>41550</c:v>
                </c:pt>
                <c:pt idx="2263">
                  <c:v>41551</c:v>
                </c:pt>
                <c:pt idx="2264">
                  <c:v>41554</c:v>
                </c:pt>
                <c:pt idx="2265">
                  <c:v>41555</c:v>
                </c:pt>
                <c:pt idx="2266">
                  <c:v>41556</c:v>
                </c:pt>
                <c:pt idx="2267">
                  <c:v>41557</c:v>
                </c:pt>
                <c:pt idx="2268">
                  <c:v>41558</c:v>
                </c:pt>
                <c:pt idx="2269">
                  <c:v>41561</c:v>
                </c:pt>
                <c:pt idx="2270">
                  <c:v>41562</c:v>
                </c:pt>
                <c:pt idx="2271">
                  <c:v>41563</c:v>
                </c:pt>
                <c:pt idx="2272">
                  <c:v>41564</c:v>
                </c:pt>
                <c:pt idx="2273">
                  <c:v>41565</c:v>
                </c:pt>
                <c:pt idx="2274">
                  <c:v>41568</c:v>
                </c:pt>
                <c:pt idx="2275">
                  <c:v>41569</c:v>
                </c:pt>
                <c:pt idx="2276">
                  <c:v>41570</c:v>
                </c:pt>
                <c:pt idx="2277">
                  <c:v>41571</c:v>
                </c:pt>
                <c:pt idx="2278">
                  <c:v>41572</c:v>
                </c:pt>
                <c:pt idx="2279">
                  <c:v>41575</c:v>
                </c:pt>
                <c:pt idx="2280">
                  <c:v>41576</c:v>
                </c:pt>
                <c:pt idx="2281">
                  <c:v>41577</c:v>
                </c:pt>
                <c:pt idx="2282">
                  <c:v>41578</c:v>
                </c:pt>
                <c:pt idx="2283">
                  <c:v>41579</c:v>
                </c:pt>
                <c:pt idx="2284">
                  <c:v>41582</c:v>
                </c:pt>
                <c:pt idx="2285">
                  <c:v>41583</c:v>
                </c:pt>
                <c:pt idx="2286">
                  <c:v>41584</c:v>
                </c:pt>
                <c:pt idx="2287">
                  <c:v>41585</c:v>
                </c:pt>
                <c:pt idx="2288">
                  <c:v>41586</c:v>
                </c:pt>
                <c:pt idx="2289">
                  <c:v>41589</c:v>
                </c:pt>
                <c:pt idx="2290">
                  <c:v>41590</c:v>
                </c:pt>
                <c:pt idx="2291">
                  <c:v>41591</c:v>
                </c:pt>
                <c:pt idx="2292">
                  <c:v>41592</c:v>
                </c:pt>
                <c:pt idx="2293">
                  <c:v>41596</c:v>
                </c:pt>
                <c:pt idx="2294">
                  <c:v>41597</c:v>
                </c:pt>
                <c:pt idx="2295">
                  <c:v>41598</c:v>
                </c:pt>
                <c:pt idx="2296">
                  <c:v>41599</c:v>
                </c:pt>
                <c:pt idx="2297">
                  <c:v>41600</c:v>
                </c:pt>
                <c:pt idx="2298">
                  <c:v>41603</c:v>
                </c:pt>
                <c:pt idx="2299">
                  <c:v>41604</c:v>
                </c:pt>
                <c:pt idx="2300">
                  <c:v>41605</c:v>
                </c:pt>
                <c:pt idx="2301">
                  <c:v>41606</c:v>
                </c:pt>
                <c:pt idx="2302">
                  <c:v>41607</c:v>
                </c:pt>
                <c:pt idx="2303">
                  <c:v>41610</c:v>
                </c:pt>
                <c:pt idx="2304">
                  <c:v>41611</c:v>
                </c:pt>
                <c:pt idx="2305">
                  <c:v>41612</c:v>
                </c:pt>
                <c:pt idx="2306">
                  <c:v>41613</c:v>
                </c:pt>
                <c:pt idx="2307">
                  <c:v>41614</c:v>
                </c:pt>
                <c:pt idx="2308">
                  <c:v>41617</c:v>
                </c:pt>
                <c:pt idx="2309">
                  <c:v>41618</c:v>
                </c:pt>
                <c:pt idx="2310">
                  <c:v>41619</c:v>
                </c:pt>
                <c:pt idx="2311">
                  <c:v>41620</c:v>
                </c:pt>
                <c:pt idx="2312">
                  <c:v>41621</c:v>
                </c:pt>
                <c:pt idx="2313">
                  <c:v>41624</c:v>
                </c:pt>
                <c:pt idx="2314">
                  <c:v>41625</c:v>
                </c:pt>
                <c:pt idx="2315">
                  <c:v>41626</c:v>
                </c:pt>
                <c:pt idx="2316">
                  <c:v>41627</c:v>
                </c:pt>
                <c:pt idx="2317">
                  <c:v>41628</c:v>
                </c:pt>
                <c:pt idx="2318">
                  <c:v>41631</c:v>
                </c:pt>
                <c:pt idx="2319">
                  <c:v>41632</c:v>
                </c:pt>
                <c:pt idx="2320">
                  <c:v>41634</c:v>
                </c:pt>
                <c:pt idx="2321">
                  <c:v>41635</c:v>
                </c:pt>
                <c:pt idx="2322">
                  <c:v>41638</c:v>
                </c:pt>
                <c:pt idx="2323">
                  <c:v>41639</c:v>
                </c:pt>
                <c:pt idx="2324">
                  <c:v>41641</c:v>
                </c:pt>
                <c:pt idx="2325">
                  <c:v>41642</c:v>
                </c:pt>
                <c:pt idx="2326">
                  <c:v>41645</c:v>
                </c:pt>
                <c:pt idx="2327">
                  <c:v>41646</c:v>
                </c:pt>
                <c:pt idx="2328">
                  <c:v>41647</c:v>
                </c:pt>
                <c:pt idx="2329">
                  <c:v>41648</c:v>
                </c:pt>
                <c:pt idx="2330">
                  <c:v>41649</c:v>
                </c:pt>
                <c:pt idx="2331">
                  <c:v>41652</c:v>
                </c:pt>
                <c:pt idx="2332">
                  <c:v>41653</c:v>
                </c:pt>
                <c:pt idx="2333">
                  <c:v>41654</c:v>
                </c:pt>
                <c:pt idx="2334">
                  <c:v>41655</c:v>
                </c:pt>
                <c:pt idx="2335">
                  <c:v>41656</c:v>
                </c:pt>
                <c:pt idx="2336">
                  <c:v>41659</c:v>
                </c:pt>
                <c:pt idx="2337">
                  <c:v>41660</c:v>
                </c:pt>
                <c:pt idx="2338">
                  <c:v>41661</c:v>
                </c:pt>
                <c:pt idx="2339">
                  <c:v>41662</c:v>
                </c:pt>
                <c:pt idx="2340">
                  <c:v>41663</c:v>
                </c:pt>
                <c:pt idx="2341">
                  <c:v>41666</c:v>
                </c:pt>
                <c:pt idx="2342">
                  <c:v>41667</c:v>
                </c:pt>
                <c:pt idx="2343">
                  <c:v>41668</c:v>
                </c:pt>
                <c:pt idx="2344">
                  <c:v>41669</c:v>
                </c:pt>
                <c:pt idx="2345">
                  <c:v>41670</c:v>
                </c:pt>
                <c:pt idx="2346">
                  <c:v>41673</c:v>
                </c:pt>
                <c:pt idx="2347">
                  <c:v>41674</c:v>
                </c:pt>
                <c:pt idx="2348">
                  <c:v>41675</c:v>
                </c:pt>
                <c:pt idx="2349">
                  <c:v>41676</c:v>
                </c:pt>
                <c:pt idx="2350">
                  <c:v>41677</c:v>
                </c:pt>
                <c:pt idx="2351">
                  <c:v>41680</c:v>
                </c:pt>
                <c:pt idx="2352">
                  <c:v>41681</c:v>
                </c:pt>
                <c:pt idx="2353">
                  <c:v>41682</c:v>
                </c:pt>
                <c:pt idx="2354">
                  <c:v>41683</c:v>
                </c:pt>
                <c:pt idx="2355">
                  <c:v>41684</c:v>
                </c:pt>
                <c:pt idx="2356">
                  <c:v>41687</c:v>
                </c:pt>
                <c:pt idx="2357">
                  <c:v>41688</c:v>
                </c:pt>
                <c:pt idx="2358">
                  <c:v>41689</c:v>
                </c:pt>
                <c:pt idx="2359">
                  <c:v>41690</c:v>
                </c:pt>
                <c:pt idx="2360">
                  <c:v>41691</c:v>
                </c:pt>
                <c:pt idx="2361">
                  <c:v>41694</c:v>
                </c:pt>
                <c:pt idx="2362">
                  <c:v>41695</c:v>
                </c:pt>
                <c:pt idx="2363">
                  <c:v>41696</c:v>
                </c:pt>
                <c:pt idx="2364">
                  <c:v>41697</c:v>
                </c:pt>
                <c:pt idx="2365">
                  <c:v>41698</c:v>
                </c:pt>
                <c:pt idx="2366">
                  <c:v>41703</c:v>
                </c:pt>
                <c:pt idx="2367">
                  <c:v>41704</c:v>
                </c:pt>
                <c:pt idx="2368">
                  <c:v>41705</c:v>
                </c:pt>
                <c:pt idx="2369">
                  <c:v>41708</c:v>
                </c:pt>
                <c:pt idx="2370">
                  <c:v>41709</c:v>
                </c:pt>
                <c:pt idx="2371">
                  <c:v>41710</c:v>
                </c:pt>
                <c:pt idx="2372">
                  <c:v>41711</c:v>
                </c:pt>
                <c:pt idx="2373">
                  <c:v>41712</c:v>
                </c:pt>
                <c:pt idx="2374">
                  <c:v>41715</c:v>
                </c:pt>
                <c:pt idx="2375">
                  <c:v>41716</c:v>
                </c:pt>
                <c:pt idx="2376">
                  <c:v>41717</c:v>
                </c:pt>
                <c:pt idx="2377">
                  <c:v>41718</c:v>
                </c:pt>
                <c:pt idx="2378">
                  <c:v>41719</c:v>
                </c:pt>
                <c:pt idx="2379">
                  <c:v>41722</c:v>
                </c:pt>
                <c:pt idx="2380">
                  <c:v>41723</c:v>
                </c:pt>
                <c:pt idx="2381">
                  <c:v>41724</c:v>
                </c:pt>
                <c:pt idx="2382">
                  <c:v>41725</c:v>
                </c:pt>
                <c:pt idx="2383">
                  <c:v>41726</c:v>
                </c:pt>
                <c:pt idx="2384">
                  <c:v>41729</c:v>
                </c:pt>
                <c:pt idx="2385">
                  <c:v>41730</c:v>
                </c:pt>
                <c:pt idx="2386">
                  <c:v>41731</c:v>
                </c:pt>
                <c:pt idx="2387">
                  <c:v>41732</c:v>
                </c:pt>
                <c:pt idx="2388">
                  <c:v>41733</c:v>
                </c:pt>
                <c:pt idx="2389">
                  <c:v>41736</c:v>
                </c:pt>
                <c:pt idx="2390">
                  <c:v>41737</c:v>
                </c:pt>
                <c:pt idx="2391">
                  <c:v>41738</c:v>
                </c:pt>
                <c:pt idx="2392">
                  <c:v>41739</c:v>
                </c:pt>
                <c:pt idx="2393">
                  <c:v>41740</c:v>
                </c:pt>
                <c:pt idx="2394">
                  <c:v>41743</c:v>
                </c:pt>
                <c:pt idx="2395">
                  <c:v>41744</c:v>
                </c:pt>
                <c:pt idx="2396">
                  <c:v>41745</c:v>
                </c:pt>
                <c:pt idx="2397">
                  <c:v>41746</c:v>
                </c:pt>
                <c:pt idx="2398">
                  <c:v>41751</c:v>
                </c:pt>
                <c:pt idx="2399">
                  <c:v>41752</c:v>
                </c:pt>
                <c:pt idx="2400">
                  <c:v>41753</c:v>
                </c:pt>
                <c:pt idx="2401">
                  <c:v>41754</c:v>
                </c:pt>
                <c:pt idx="2402">
                  <c:v>41757</c:v>
                </c:pt>
                <c:pt idx="2403">
                  <c:v>41758</c:v>
                </c:pt>
                <c:pt idx="2404">
                  <c:v>41759</c:v>
                </c:pt>
                <c:pt idx="2405">
                  <c:v>41761</c:v>
                </c:pt>
                <c:pt idx="2406">
                  <c:v>41764</c:v>
                </c:pt>
                <c:pt idx="2407">
                  <c:v>41765</c:v>
                </c:pt>
                <c:pt idx="2408">
                  <c:v>41766</c:v>
                </c:pt>
                <c:pt idx="2409">
                  <c:v>41767</c:v>
                </c:pt>
                <c:pt idx="2410">
                  <c:v>41768</c:v>
                </c:pt>
                <c:pt idx="2411">
                  <c:v>41771</c:v>
                </c:pt>
                <c:pt idx="2412">
                  <c:v>41772</c:v>
                </c:pt>
                <c:pt idx="2413">
                  <c:v>41773</c:v>
                </c:pt>
                <c:pt idx="2414">
                  <c:v>41774</c:v>
                </c:pt>
                <c:pt idx="2415">
                  <c:v>41775</c:v>
                </c:pt>
                <c:pt idx="2416">
                  <c:v>41778</c:v>
                </c:pt>
                <c:pt idx="2417">
                  <c:v>41779</c:v>
                </c:pt>
                <c:pt idx="2418">
                  <c:v>41780</c:v>
                </c:pt>
                <c:pt idx="2419">
                  <c:v>41781</c:v>
                </c:pt>
                <c:pt idx="2420">
                  <c:v>41782</c:v>
                </c:pt>
                <c:pt idx="2421">
                  <c:v>41785</c:v>
                </c:pt>
                <c:pt idx="2422">
                  <c:v>41786</c:v>
                </c:pt>
                <c:pt idx="2423">
                  <c:v>41787</c:v>
                </c:pt>
                <c:pt idx="2424">
                  <c:v>41788</c:v>
                </c:pt>
                <c:pt idx="2425">
                  <c:v>41789</c:v>
                </c:pt>
                <c:pt idx="2426">
                  <c:v>41792</c:v>
                </c:pt>
                <c:pt idx="2427">
                  <c:v>41793</c:v>
                </c:pt>
                <c:pt idx="2428">
                  <c:v>41794</c:v>
                </c:pt>
                <c:pt idx="2429">
                  <c:v>41795</c:v>
                </c:pt>
                <c:pt idx="2430">
                  <c:v>41796</c:v>
                </c:pt>
                <c:pt idx="2431">
                  <c:v>41799</c:v>
                </c:pt>
                <c:pt idx="2432">
                  <c:v>41800</c:v>
                </c:pt>
                <c:pt idx="2433">
                  <c:v>41801</c:v>
                </c:pt>
                <c:pt idx="2434">
                  <c:v>41802</c:v>
                </c:pt>
                <c:pt idx="2435">
                  <c:v>41803</c:v>
                </c:pt>
                <c:pt idx="2436">
                  <c:v>41806</c:v>
                </c:pt>
                <c:pt idx="2437">
                  <c:v>41807</c:v>
                </c:pt>
                <c:pt idx="2438">
                  <c:v>41808</c:v>
                </c:pt>
                <c:pt idx="2439">
                  <c:v>41810</c:v>
                </c:pt>
                <c:pt idx="2440">
                  <c:v>41813</c:v>
                </c:pt>
                <c:pt idx="2441">
                  <c:v>41814</c:v>
                </c:pt>
                <c:pt idx="2442">
                  <c:v>41815</c:v>
                </c:pt>
                <c:pt idx="2443">
                  <c:v>41816</c:v>
                </c:pt>
                <c:pt idx="2444">
                  <c:v>41817</c:v>
                </c:pt>
                <c:pt idx="2445">
                  <c:v>41820</c:v>
                </c:pt>
                <c:pt idx="2446">
                  <c:v>41821</c:v>
                </c:pt>
                <c:pt idx="2447">
                  <c:v>41822</c:v>
                </c:pt>
                <c:pt idx="2448">
                  <c:v>41823</c:v>
                </c:pt>
                <c:pt idx="2449">
                  <c:v>41824</c:v>
                </c:pt>
                <c:pt idx="2450">
                  <c:v>41827</c:v>
                </c:pt>
                <c:pt idx="2451">
                  <c:v>41828</c:v>
                </c:pt>
                <c:pt idx="2452">
                  <c:v>41829</c:v>
                </c:pt>
                <c:pt idx="2453">
                  <c:v>41830</c:v>
                </c:pt>
                <c:pt idx="2454">
                  <c:v>41831</c:v>
                </c:pt>
                <c:pt idx="2455">
                  <c:v>41834</c:v>
                </c:pt>
                <c:pt idx="2456">
                  <c:v>41835</c:v>
                </c:pt>
                <c:pt idx="2457">
                  <c:v>41836</c:v>
                </c:pt>
                <c:pt idx="2458">
                  <c:v>41837</c:v>
                </c:pt>
                <c:pt idx="2459">
                  <c:v>41838</c:v>
                </c:pt>
                <c:pt idx="2460">
                  <c:v>41841</c:v>
                </c:pt>
                <c:pt idx="2461">
                  <c:v>41842</c:v>
                </c:pt>
                <c:pt idx="2462">
                  <c:v>41843</c:v>
                </c:pt>
                <c:pt idx="2463">
                  <c:v>41844</c:v>
                </c:pt>
                <c:pt idx="2464">
                  <c:v>41845</c:v>
                </c:pt>
                <c:pt idx="2465">
                  <c:v>41848</c:v>
                </c:pt>
                <c:pt idx="2466">
                  <c:v>41849</c:v>
                </c:pt>
                <c:pt idx="2467">
                  <c:v>41850</c:v>
                </c:pt>
                <c:pt idx="2468">
                  <c:v>41851</c:v>
                </c:pt>
                <c:pt idx="2469">
                  <c:v>41852</c:v>
                </c:pt>
                <c:pt idx="2470">
                  <c:v>41855</c:v>
                </c:pt>
                <c:pt idx="2471">
                  <c:v>41856</c:v>
                </c:pt>
                <c:pt idx="2472">
                  <c:v>41857</c:v>
                </c:pt>
                <c:pt idx="2473">
                  <c:v>41858</c:v>
                </c:pt>
                <c:pt idx="2474">
                  <c:v>41859</c:v>
                </c:pt>
                <c:pt idx="2475">
                  <c:v>41862</c:v>
                </c:pt>
                <c:pt idx="2476">
                  <c:v>41863</c:v>
                </c:pt>
                <c:pt idx="2477">
                  <c:v>41864</c:v>
                </c:pt>
                <c:pt idx="2478">
                  <c:v>41865</c:v>
                </c:pt>
                <c:pt idx="2479">
                  <c:v>41866</c:v>
                </c:pt>
                <c:pt idx="2480">
                  <c:v>41869</c:v>
                </c:pt>
                <c:pt idx="2481">
                  <c:v>41870</c:v>
                </c:pt>
                <c:pt idx="2482">
                  <c:v>41871</c:v>
                </c:pt>
                <c:pt idx="2483">
                  <c:v>41872</c:v>
                </c:pt>
                <c:pt idx="2484">
                  <c:v>41873</c:v>
                </c:pt>
                <c:pt idx="2485">
                  <c:v>41876</c:v>
                </c:pt>
                <c:pt idx="2486">
                  <c:v>41877</c:v>
                </c:pt>
                <c:pt idx="2487">
                  <c:v>41878</c:v>
                </c:pt>
                <c:pt idx="2488">
                  <c:v>41879</c:v>
                </c:pt>
                <c:pt idx="2489">
                  <c:v>41880</c:v>
                </c:pt>
                <c:pt idx="2490">
                  <c:v>41883</c:v>
                </c:pt>
                <c:pt idx="2491">
                  <c:v>41884</c:v>
                </c:pt>
                <c:pt idx="2492">
                  <c:v>41885</c:v>
                </c:pt>
                <c:pt idx="2493">
                  <c:v>41886</c:v>
                </c:pt>
                <c:pt idx="2494">
                  <c:v>41887</c:v>
                </c:pt>
                <c:pt idx="2495">
                  <c:v>41890</c:v>
                </c:pt>
                <c:pt idx="2496">
                  <c:v>41891</c:v>
                </c:pt>
                <c:pt idx="2497">
                  <c:v>41892</c:v>
                </c:pt>
                <c:pt idx="2498">
                  <c:v>41893</c:v>
                </c:pt>
                <c:pt idx="2499">
                  <c:v>41894</c:v>
                </c:pt>
                <c:pt idx="2500">
                  <c:v>41897</c:v>
                </c:pt>
                <c:pt idx="2501">
                  <c:v>41898</c:v>
                </c:pt>
                <c:pt idx="2502">
                  <c:v>41899</c:v>
                </c:pt>
                <c:pt idx="2503">
                  <c:v>41900</c:v>
                </c:pt>
                <c:pt idx="2504">
                  <c:v>41901</c:v>
                </c:pt>
                <c:pt idx="2505">
                  <c:v>41904</c:v>
                </c:pt>
                <c:pt idx="2506">
                  <c:v>41905</c:v>
                </c:pt>
                <c:pt idx="2507">
                  <c:v>41906</c:v>
                </c:pt>
                <c:pt idx="2508">
                  <c:v>41907</c:v>
                </c:pt>
                <c:pt idx="2509">
                  <c:v>41908</c:v>
                </c:pt>
                <c:pt idx="2510">
                  <c:v>41911</c:v>
                </c:pt>
                <c:pt idx="2511">
                  <c:v>41912</c:v>
                </c:pt>
                <c:pt idx="2512">
                  <c:v>41913</c:v>
                </c:pt>
                <c:pt idx="2513">
                  <c:v>41914</c:v>
                </c:pt>
                <c:pt idx="2514">
                  <c:v>41915</c:v>
                </c:pt>
                <c:pt idx="2515">
                  <c:v>41918</c:v>
                </c:pt>
                <c:pt idx="2516">
                  <c:v>41919</c:v>
                </c:pt>
                <c:pt idx="2517">
                  <c:v>41920</c:v>
                </c:pt>
                <c:pt idx="2518">
                  <c:v>41921</c:v>
                </c:pt>
                <c:pt idx="2519">
                  <c:v>41922</c:v>
                </c:pt>
                <c:pt idx="2520">
                  <c:v>41925</c:v>
                </c:pt>
                <c:pt idx="2521">
                  <c:v>41926</c:v>
                </c:pt>
                <c:pt idx="2522">
                  <c:v>41927</c:v>
                </c:pt>
                <c:pt idx="2523">
                  <c:v>41928</c:v>
                </c:pt>
                <c:pt idx="2524">
                  <c:v>41929</c:v>
                </c:pt>
                <c:pt idx="2525">
                  <c:v>41932</c:v>
                </c:pt>
                <c:pt idx="2526">
                  <c:v>41933</c:v>
                </c:pt>
                <c:pt idx="2527">
                  <c:v>41934</c:v>
                </c:pt>
                <c:pt idx="2528">
                  <c:v>41935</c:v>
                </c:pt>
                <c:pt idx="2529">
                  <c:v>41936</c:v>
                </c:pt>
                <c:pt idx="2530">
                  <c:v>41939</c:v>
                </c:pt>
                <c:pt idx="2531">
                  <c:v>41940</c:v>
                </c:pt>
                <c:pt idx="2532">
                  <c:v>41941</c:v>
                </c:pt>
                <c:pt idx="2533">
                  <c:v>41942</c:v>
                </c:pt>
                <c:pt idx="2534">
                  <c:v>41943</c:v>
                </c:pt>
                <c:pt idx="2535">
                  <c:v>41946</c:v>
                </c:pt>
                <c:pt idx="2536">
                  <c:v>41947</c:v>
                </c:pt>
                <c:pt idx="2537">
                  <c:v>41948</c:v>
                </c:pt>
                <c:pt idx="2538">
                  <c:v>41949</c:v>
                </c:pt>
                <c:pt idx="2539">
                  <c:v>41950</c:v>
                </c:pt>
                <c:pt idx="2540">
                  <c:v>41953</c:v>
                </c:pt>
                <c:pt idx="2541">
                  <c:v>41954</c:v>
                </c:pt>
                <c:pt idx="2542">
                  <c:v>41955</c:v>
                </c:pt>
                <c:pt idx="2543">
                  <c:v>41956</c:v>
                </c:pt>
                <c:pt idx="2544">
                  <c:v>41957</c:v>
                </c:pt>
                <c:pt idx="2545">
                  <c:v>41960</c:v>
                </c:pt>
                <c:pt idx="2546">
                  <c:v>41961</c:v>
                </c:pt>
                <c:pt idx="2547">
                  <c:v>41962</c:v>
                </c:pt>
                <c:pt idx="2548">
                  <c:v>41963</c:v>
                </c:pt>
                <c:pt idx="2549">
                  <c:v>41964</c:v>
                </c:pt>
                <c:pt idx="2550">
                  <c:v>41967</c:v>
                </c:pt>
                <c:pt idx="2551">
                  <c:v>41968</c:v>
                </c:pt>
                <c:pt idx="2552">
                  <c:v>41969</c:v>
                </c:pt>
                <c:pt idx="2553">
                  <c:v>41970</c:v>
                </c:pt>
                <c:pt idx="2554">
                  <c:v>41971</c:v>
                </c:pt>
                <c:pt idx="2555">
                  <c:v>41974</c:v>
                </c:pt>
                <c:pt idx="2556">
                  <c:v>41975</c:v>
                </c:pt>
                <c:pt idx="2557">
                  <c:v>41976</c:v>
                </c:pt>
                <c:pt idx="2558">
                  <c:v>41977</c:v>
                </c:pt>
                <c:pt idx="2559">
                  <c:v>41978</c:v>
                </c:pt>
                <c:pt idx="2560">
                  <c:v>41981</c:v>
                </c:pt>
                <c:pt idx="2561">
                  <c:v>41982</c:v>
                </c:pt>
                <c:pt idx="2562">
                  <c:v>41983</c:v>
                </c:pt>
                <c:pt idx="2563">
                  <c:v>41984</c:v>
                </c:pt>
                <c:pt idx="2564">
                  <c:v>41985</c:v>
                </c:pt>
                <c:pt idx="2565">
                  <c:v>41988</c:v>
                </c:pt>
                <c:pt idx="2566">
                  <c:v>41989</c:v>
                </c:pt>
                <c:pt idx="2567">
                  <c:v>41990</c:v>
                </c:pt>
                <c:pt idx="2568">
                  <c:v>41991</c:v>
                </c:pt>
                <c:pt idx="2569">
                  <c:v>41992</c:v>
                </c:pt>
                <c:pt idx="2570">
                  <c:v>41995</c:v>
                </c:pt>
                <c:pt idx="2571">
                  <c:v>41996</c:v>
                </c:pt>
                <c:pt idx="2572">
                  <c:v>41997</c:v>
                </c:pt>
                <c:pt idx="2573">
                  <c:v>41999</c:v>
                </c:pt>
                <c:pt idx="2574">
                  <c:v>42002</c:v>
                </c:pt>
                <c:pt idx="2575">
                  <c:v>42003</c:v>
                </c:pt>
                <c:pt idx="2576">
                  <c:v>42004</c:v>
                </c:pt>
                <c:pt idx="2577">
                  <c:v>42006</c:v>
                </c:pt>
                <c:pt idx="2578">
                  <c:v>42009</c:v>
                </c:pt>
                <c:pt idx="2579">
                  <c:v>42010</c:v>
                </c:pt>
                <c:pt idx="2580">
                  <c:v>42011</c:v>
                </c:pt>
                <c:pt idx="2581">
                  <c:v>42012</c:v>
                </c:pt>
                <c:pt idx="2582">
                  <c:v>42013</c:v>
                </c:pt>
                <c:pt idx="2583">
                  <c:v>42016</c:v>
                </c:pt>
                <c:pt idx="2584">
                  <c:v>42017</c:v>
                </c:pt>
                <c:pt idx="2585">
                  <c:v>42018</c:v>
                </c:pt>
                <c:pt idx="2586">
                  <c:v>42019</c:v>
                </c:pt>
                <c:pt idx="2587">
                  <c:v>42020</c:v>
                </c:pt>
                <c:pt idx="2588">
                  <c:v>42023</c:v>
                </c:pt>
                <c:pt idx="2589">
                  <c:v>42024</c:v>
                </c:pt>
                <c:pt idx="2590">
                  <c:v>42025</c:v>
                </c:pt>
                <c:pt idx="2591">
                  <c:v>42026</c:v>
                </c:pt>
                <c:pt idx="2592">
                  <c:v>42027</c:v>
                </c:pt>
                <c:pt idx="2593">
                  <c:v>42030</c:v>
                </c:pt>
                <c:pt idx="2594">
                  <c:v>42031</c:v>
                </c:pt>
                <c:pt idx="2595">
                  <c:v>42032</c:v>
                </c:pt>
                <c:pt idx="2596">
                  <c:v>42033</c:v>
                </c:pt>
                <c:pt idx="2597">
                  <c:v>42034</c:v>
                </c:pt>
                <c:pt idx="2598">
                  <c:v>42037</c:v>
                </c:pt>
                <c:pt idx="2599">
                  <c:v>42038</c:v>
                </c:pt>
                <c:pt idx="2600">
                  <c:v>42039</c:v>
                </c:pt>
                <c:pt idx="2601">
                  <c:v>42040</c:v>
                </c:pt>
                <c:pt idx="2602">
                  <c:v>42041</c:v>
                </c:pt>
                <c:pt idx="2603">
                  <c:v>42044</c:v>
                </c:pt>
                <c:pt idx="2604">
                  <c:v>42045</c:v>
                </c:pt>
                <c:pt idx="2605">
                  <c:v>42046</c:v>
                </c:pt>
                <c:pt idx="2606">
                  <c:v>42047</c:v>
                </c:pt>
                <c:pt idx="2607">
                  <c:v>42048</c:v>
                </c:pt>
                <c:pt idx="2608">
                  <c:v>42053</c:v>
                </c:pt>
                <c:pt idx="2609">
                  <c:v>42054</c:v>
                </c:pt>
                <c:pt idx="2610">
                  <c:v>42055</c:v>
                </c:pt>
                <c:pt idx="2611">
                  <c:v>42058</c:v>
                </c:pt>
                <c:pt idx="2612">
                  <c:v>42059</c:v>
                </c:pt>
                <c:pt idx="2613">
                  <c:v>42060</c:v>
                </c:pt>
                <c:pt idx="2614">
                  <c:v>42061</c:v>
                </c:pt>
                <c:pt idx="2615">
                  <c:v>42062</c:v>
                </c:pt>
                <c:pt idx="2616">
                  <c:v>42065</c:v>
                </c:pt>
                <c:pt idx="2617">
                  <c:v>42066</c:v>
                </c:pt>
                <c:pt idx="2618">
                  <c:v>42067</c:v>
                </c:pt>
                <c:pt idx="2619">
                  <c:v>42068</c:v>
                </c:pt>
                <c:pt idx="2620">
                  <c:v>42069</c:v>
                </c:pt>
                <c:pt idx="2621">
                  <c:v>42072</c:v>
                </c:pt>
                <c:pt idx="2622">
                  <c:v>42073</c:v>
                </c:pt>
                <c:pt idx="2623">
                  <c:v>42074</c:v>
                </c:pt>
                <c:pt idx="2624">
                  <c:v>42075</c:v>
                </c:pt>
                <c:pt idx="2625">
                  <c:v>42076</c:v>
                </c:pt>
                <c:pt idx="2626">
                  <c:v>42079</c:v>
                </c:pt>
                <c:pt idx="2627">
                  <c:v>42080</c:v>
                </c:pt>
                <c:pt idx="2628">
                  <c:v>42081</c:v>
                </c:pt>
                <c:pt idx="2629">
                  <c:v>42082</c:v>
                </c:pt>
                <c:pt idx="2630">
                  <c:v>42083</c:v>
                </c:pt>
                <c:pt idx="2631">
                  <c:v>42086</c:v>
                </c:pt>
                <c:pt idx="2632">
                  <c:v>42087</c:v>
                </c:pt>
                <c:pt idx="2633">
                  <c:v>42088</c:v>
                </c:pt>
                <c:pt idx="2634">
                  <c:v>42089</c:v>
                </c:pt>
                <c:pt idx="2635">
                  <c:v>42090</c:v>
                </c:pt>
                <c:pt idx="2636">
                  <c:v>42093</c:v>
                </c:pt>
                <c:pt idx="2637">
                  <c:v>42094</c:v>
                </c:pt>
                <c:pt idx="2638">
                  <c:v>42095</c:v>
                </c:pt>
                <c:pt idx="2639">
                  <c:v>42096</c:v>
                </c:pt>
                <c:pt idx="2640">
                  <c:v>42100</c:v>
                </c:pt>
                <c:pt idx="2641">
                  <c:v>42101</c:v>
                </c:pt>
                <c:pt idx="2642">
                  <c:v>42102</c:v>
                </c:pt>
                <c:pt idx="2643">
                  <c:v>42103</c:v>
                </c:pt>
                <c:pt idx="2644">
                  <c:v>42104</c:v>
                </c:pt>
                <c:pt idx="2645">
                  <c:v>42107</c:v>
                </c:pt>
                <c:pt idx="2646">
                  <c:v>42108</c:v>
                </c:pt>
                <c:pt idx="2647">
                  <c:v>42109</c:v>
                </c:pt>
                <c:pt idx="2648">
                  <c:v>42110</c:v>
                </c:pt>
                <c:pt idx="2649">
                  <c:v>42111</c:v>
                </c:pt>
                <c:pt idx="2650">
                  <c:v>42114</c:v>
                </c:pt>
                <c:pt idx="2651">
                  <c:v>42116</c:v>
                </c:pt>
                <c:pt idx="2652">
                  <c:v>42117</c:v>
                </c:pt>
                <c:pt idx="2653">
                  <c:v>42118</c:v>
                </c:pt>
                <c:pt idx="2654">
                  <c:v>42121</c:v>
                </c:pt>
                <c:pt idx="2655">
                  <c:v>42122</c:v>
                </c:pt>
                <c:pt idx="2656">
                  <c:v>42123</c:v>
                </c:pt>
                <c:pt idx="2657">
                  <c:v>42124</c:v>
                </c:pt>
                <c:pt idx="2658">
                  <c:v>42128</c:v>
                </c:pt>
                <c:pt idx="2659">
                  <c:v>42129</c:v>
                </c:pt>
                <c:pt idx="2660">
                  <c:v>42130</c:v>
                </c:pt>
                <c:pt idx="2661">
                  <c:v>42131</c:v>
                </c:pt>
                <c:pt idx="2662">
                  <c:v>42132</c:v>
                </c:pt>
                <c:pt idx="2663">
                  <c:v>42135</c:v>
                </c:pt>
                <c:pt idx="2664">
                  <c:v>42136</c:v>
                </c:pt>
                <c:pt idx="2665">
                  <c:v>42137</c:v>
                </c:pt>
                <c:pt idx="2666">
                  <c:v>42138</c:v>
                </c:pt>
                <c:pt idx="2667">
                  <c:v>42139</c:v>
                </c:pt>
                <c:pt idx="2668">
                  <c:v>42142</c:v>
                </c:pt>
                <c:pt idx="2669">
                  <c:v>42143</c:v>
                </c:pt>
                <c:pt idx="2670">
                  <c:v>42144</c:v>
                </c:pt>
                <c:pt idx="2671">
                  <c:v>42145</c:v>
                </c:pt>
                <c:pt idx="2672">
                  <c:v>42146</c:v>
                </c:pt>
                <c:pt idx="2673">
                  <c:v>42149</c:v>
                </c:pt>
                <c:pt idx="2674">
                  <c:v>42150</c:v>
                </c:pt>
                <c:pt idx="2675">
                  <c:v>42151</c:v>
                </c:pt>
                <c:pt idx="2676">
                  <c:v>42152</c:v>
                </c:pt>
                <c:pt idx="2677">
                  <c:v>42153</c:v>
                </c:pt>
                <c:pt idx="2678">
                  <c:v>42156</c:v>
                </c:pt>
                <c:pt idx="2679">
                  <c:v>42157</c:v>
                </c:pt>
                <c:pt idx="2680">
                  <c:v>42158</c:v>
                </c:pt>
                <c:pt idx="2681">
                  <c:v>42160</c:v>
                </c:pt>
                <c:pt idx="2682">
                  <c:v>42163</c:v>
                </c:pt>
                <c:pt idx="2683">
                  <c:v>42164</c:v>
                </c:pt>
                <c:pt idx="2684">
                  <c:v>42165</c:v>
                </c:pt>
                <c:pt idx="2685">
                  <c:v>42166</c:v>
                </c:pt>
                <c:pt idx="2686">
                  <c:v>42167</c:v>
                </c:pt>
                <c:pt idx="2687">
                  <c:v>42170</c:v>
                </c:pt>
                <c:pt idx="2688">
                  <c:v>42171</c:v>
                </c:pt>
                <c:pt idx="2689">
                  <c:v>42172</c:v>
                </c:pt>
                <c:pt idx="2690">
                  <c:v>42173</c:v>
                </c:pt>
                <c:pt idx="2691">
                  <c:v>42174</c:v>
                </c:pt>
                <c:pt idx="2692">
                  <c:v>42177</c:v>
                </c:pt>
                <c:pt idx="2693">
                  <c:v>42178</c:v>
                </c:pt>
                <c:pt idx="2694">
                  <c:v>42179</c:v>
                </c:pt>
                <c:pt idx="2695">
                  <c:v>42180</c:v>
                </c:pt>
                <c:pt idx="2696">
                  <c:v>42181</c:v>
                </c:pt>
                <c:pt idx="2697">
                  <c:v>42184</c:v>
                </c:pt>
                <c:pt idx="2698">
                  <c:v>42185</c:v>
                </c:pt>
                <c:pt idx="2699">
                  <c:v>42186</c:v>
                </c:pt>
                <c:pt idx="2700">
                  <c:v>42187</c:v>
                </c:pt>
                <c:pt idx="2701">
                  <c:v>42188</c:v>
                </c:pt>
                <c:pt idx="2702">
                  <c:v>42191</c:v>
                </c:pt>
                <c:pt idx="2703">
                  <c:v>42192</c:v>
                </c:pt>
                <c:pt idx="2704">
                  <c:v>42193</c:v>
                </c:pt>
                <c:pt idx="2705">
                  <c:v>42194</c:v>
                </c:pt>
                <c:pt idx="2706">
                  <c:v>42195</c:v>
                </c:pt>
                <c:pt idx="2707">
                  <c:v>42198</c:v>
                </c:pt>
                <c:pt idx="2708">
                  <c:v>42199</c:v>
                </c:pt>
                <c:pt idx="2709">
                  <c:v>42200</c:v>
                </c:pt>
                <c:pt idx="2710">
                  <c:v>42201</c:v>
                </c:pt>
                <c:pt idx="2711">
                  <c:v>42202</c:v>
                </c:pt>
                <c:pt idx="2712">
                  <c:v>42205</c:v>
                </c:pt>
                <c:pt idx="2713">
                  <c:v>42206</c:v>
                </c:pt>
                <c:pt idx="2714">
                  <c:v>42207</c:v>
                </c:pt>
                <c:pt idx="2715">
                  <c:v>42208</c:v>
                </c:pt>
                <c:pt idx="2716">
                  <c:v>42209</c:v>
                </c:pt>
                <c:pt idx="2717">
                  <c:v>42212</c:v>
                </c:pt>
                <c:pt idx="2718">
                  <c:v>42213</c:v>
                </c:pt>
                <c:pt idx="2719">
                  <c:v>42214</c:v>
                </c:pt>
                <c:pt idx="2720">
                  <c:v>42215</c:v>
                </c:pt>
                <c:pt idx="2721">
                  <c:v>42216</c:v>
                </c:pt>
                <c:pt idx="2722">
                  <c:v>42219</c:v>
                </c:pt>
                <c:pt idx="2723">
                  <c:v>42220</c:v>
                </c:pt>
                <c:pt idx="2724">
                  <c:v>42221</c:v>
                </c:pt>
                <c:pt idx="2725">
                  <c:v>42222</c:v>
                </c:pt>
                <c:pt idx="2726">
                  <c:v>42223</c:v>
                </c:pt>
                <c:pt idx="2727">
                  <c:v>42226</c:v>
                </c:pt>
                <c:pt idx="2728">
                  <c:v>42227</c:v>
                </c:pt>
                <c:pt idx="2729">
                  <c:v>42228</c:v>
                </c:pt>
                <c:pt idx="2730">
                  <c:v>42229</c:v>
                </c:pt>
                <c:pt idx="2731">
                  <c:v>42230</c:v>
                </c:pt>
                <c:pt idx="2732">
                  <c:v>42233</c:v>
                </c:pt>
                <c:pt idx="2733">
                  <c:v>42234</c:v>
                </c:pt>
                <c:pt idx="2734">
                  <c:v>42235</c:v>
                </c:pt>
                <c:pt idx="2735">
                  <c:v>42236</c:v>
                </c:pt>
                <c:pt idx="2736">
                  <c:v>42237</c:v>
                </c:pt>
                <c:pt idx="2737">
                  <c:v>42240</c:v>
                </c:pt>
                <c:pt idx="2738">
                  <c:v>42241</c:v>
                </c:pt>
                <c:pt idx="2739">
                  <c:v>42242</c:v>
                </c:pt>
                <c:pt idx="2740">
                  <c:v>42243</c:v>
                </c:pt>
                <c:pt idx="2741">
                  <c:v>42244</c:v>
                </c:pt>
                <c:pt idx="2742">
                  <c:v>42247</c:v>
                </c:pt>
                <c:pt idx="2743">
                  <c:v>42248</c:v>
                </c:pt>
                <c:pt idx="2744">
                  <c:v>42249</c:v>
                </c:pt>
                <c:pt idx="2745">
                  <c:v>42250</c:v>
                </c:pt>
                <c:pt idx="2746">
                  <c:v>42251</c:v>
                </c:pt>
                <c:pt idx="2747">
                  <c:v>42255</c:v>
                </c:pt>
                <c:pt idx="2748">
                  <c:v>42256</c:v>
                </c:pt>
                <c:pt idx="2749">
                  <c:v>42257</c:v>
                </c:pt>
                <c:pt idx="2750">
                  <c:v>42258</c:v>
                </c:pt>
                <c:pt idx="2751">
                  <c:v>42261</c:v>
                </c:pt>
                <c:pt idx="2752">
                  <c:v>42262</c:v>
                </c:pt>
                <c:pt idx="2753">
                  <c:v>42263</c:v>
                </c:pt>
                <c:pt idx="2754">
                  <c:v>42264</c:v>
                </c:pt>
                <c:pt idx="2755">
                  <c:v>42265</c:v>
                </c:pt>
                <c:pt idx="2756">
                  <c:v>42268</c:v>
                </c:pt>
                <c:pt idx="2757">
                  <c:v>42269</c:v>
                </c:pt>
                <c:pt idx="2758">
                  <c:v>42270</c:v>
                </c:pt>
                <c:pt idx="2759">
                  <c:v>42271</c:v>
                </c:pt>
                <c:pt idx="2760">
                  <c:v>42272</c:v>
                </c:pt>
                <c:pt idx="2761">
                  <c:v>42275</c:v>
                </c:pt>
                <c:pt idx="2762">
                  <c:v>42276</c:v>
                </c:pt>
                <c:pt idx="2763">
                  <c:v>42277</c:v>
                </c:pt>
                <c:pt idx="2764">
                  <c:v>42278</c:v>
                </c:pt>
                <c:pt idx="2765">
                  <c:v>42279</c:v>
                </c:pt>
                <c:pt idx="2766">
                  <c:v>42282</c:v>
                </c:pt>
                <c:pt idx="2767">
                  <c:v>42283</c:v>
                </c:pt>
                <c:pt idx="2768">
                  <c:v>42284</c:v>
                </c:pt>
                <c:pt idx="2769">
                  <c:v>42285</c:v>
                </c:pt>
                <c:pt idx="2770">
                  <c:v>42286</c:v>
                </c:pt>
                <c:pt idx="2771">
                  <c:v>42290</c:v>
                </c:pt>
                <c:pt idx="2772">
                  <c:v>42291</c:v>
                </c:pt>
                <c:pt idx="2773">
                  <c:v>42292</c:v>
                </c:pt>
                <c:pt idx="2774">
                  <c:v>42293</c:v>
                </c:pt>
                <c:pt idx="2775">
                  <c:v>42296</c:v>
                </c:pt>
                <c:pt idx="2776">
                  <c:v>42297</c:v>
                </c:pt>
                <c:pt idx="2777">
                  <c:v>42298</c:v>
                </c:pt>
                <c:pt idx="2778">
                  <c:v>42299</c:v>
                </c:pt>
                <c:pt idx="2779">
                  <c:v>42300</c:v>
                </c:pt>
                <c:pt idx="2780">
                  <c:v>42303</c:v>
                </c:pt>
                <c:pt idx="2781">
                  <c:v>42304</c:v>
                </c:pt>
                <c:pt idx="2782">
                  <c:v>42305</c:v>
                </c:pt>
                <c:pt idx="2783">
                  <c:v>42306</c:v>
                </c:pt>
                <c:pt idx="2784">
                  <c:v>42307</c:v>
                </c:pt>
                <c:pt idx="2785">
                  <c:v>42311</c:v>
                </c:pt>
                <c:pt idx="2786">
                  <c:v>42312</c:v>
                </c:pt>
                <c:pt idx="2787">
                  <c:v>42313</c:v>
                </c:pt>
                <c:pt idx="2788">
                  <c:v>42314</c:v>
                </c:pt>
                <c:pt idx="2789">
                  <c:v>42317</c:v>
                </c:pt>
                <c:pt idx="2790">
                  <c:v>42318</c:v>
                </c:pt>
                <c:pt idx="2791">
                  <c:v>42319</c:v>
                </c:pt>
                <c:pt idx="2792">
                  <c:v>42320</c:v>
                </c:pt>
                <c:pt idx="2793">
                  <c:v>42321</c:v>
                </c:pt>
                <c:pt idx="2794">
                  <c:v>42324</c:v>
                </c:pt>
                <c:pt idx="2795">
                  <c:v>42325</c:v>
                </c:pt>
                <c:pt idx="2796">
                  <c:v>42326</c:v>
                </c:pt>
                <c:pt idx="2797">
                  <c:v>42327</c:v>
                </c:pt>
                <c:pt idx="2798">
                  <c:v>42328</c:v>
                </c:pt>
                <c:pt idx="2799">
                  <c:v>42331</c:v>
                </c:pt>
                <c:pt idx="2800">
                  <c:v>42332</c:v>
                </c:pt>
                <c:pt idx="2801">
                  <c:v>42333</c:v>
                </c:pt>
                <c:pt idx="2802">
                  <c:v>42334</c:v>
                </c:pt>
                <c:pt idx="2803">
                  <c:v>42335</c:v>
                </c:pt>
                <c:pt idx="2804">
                  <c:v>42338</c:v>
                </c:pt>
                <c:pt idx="2805">
                  <c:v>42339</c:v>
                </c:pt>
                <c:pt idx="2806">
                  <c:v>42340</c:v>
                </c:pt>
                <c:pt idx="2807">
                  <c:v>42341</c:v>
                </c:pt>
                <c:pt idx="2808">
                  <c:v>42342</c:v>
                </c:pt>
                <c:pt idx="2809">
                  <c:v>42345</c:v>
                </c:pt>
                <c:pt idx="2810">
                  <c:v>42346</c:v>
                </c:pt>
                <c:pt idx="2811">
                  <c:v>42347</c:v>
                </c:pt>
                <c:pt idx="2812">
                  <c:v>42348</c:v>
                </c:pt>
                <c:pt idx="2813">
                  <c:v>42349</c:v>
                </c:pt>
                <c:pt idx="2814">
                  <c:v>42352</c:v>
                </c:pt>
                <c:pt idx="2815">
                  <c:v>42353</c:v>
                </c:pt>
                <c:pt idx="2816">
                  <c:v>42354</c:v>
                </c:pt>
                <c:pt idx="2817">
                  <c:v>42355</c:v>
                </c:pt>
                <c:pt idx="2818">
                  <c:v>42356</c:v>
                </c:pt>
                <c:pt idx="2819">
                  <c:v>42359</c:v>
                </c:pt>
                <c:pt idx="2820">
                  <c:v>42360</c:v>
                </c:pt>
                <c:pt idx="2821">
                  <c:v>42361</c:v>
                </c:pt>
                <c:pt idx="2822">
                  <c:v>42362</c:v>
                </c:pt>
                <c:pt idx="2823">
                  <c:v>42366</c:v>
                </c:pt>
                <c:pt idx="2824">
                  <c:v>42367</c:v>
                </c:pt>
                <c:pt idx="2825">
                  <c:v>42368</c:v>
                </c:pt>
                <c:pt idx="2826">
                  <c:v>42369</c:v>
                </c:pt>
                <c:pt idx="2827">
                  <c:v>42373</c:v>
                </c:pt>
                <c:pt idx="2828">
                  <c:v>42374</c:v>
                </c:pt>
                <c:pt idx="2829">
                  <c:v>42375</c:v>
                </c:pt>
                <c:pt idx="2830">
                  <c:v>42376</c:v>
                </c:pt>
                <c:pt idx="2831">
                  <c:v>42377</c:v>
                </c:pt>
                <c:pt idx="2832">
                  <c:v>42380</c:v>
                </c:pt>
                <c:pt idx="2833">
                  <c:v>42381</c:v>
                </c:pt>
                <c:pt idx="2834">
                  <c:v>42382</c:v>
                </c:pt>
                <c:pt idx="2835">
                  <c:v>42383</c:v>
                </c:pt>
                <c:pt idx="2836">
                  <c:v>42384</c:v>
                </c:pt>
                <c:pt idx="2837">
                  <c:v>42387</c:v>
                </c:pt>
                <c:pt idx="2838">
                  <c:v>42388</c:v>
                </c:pt>
                <c:pt idx="2839">
                  <c:v>42389</c:v>
                </c:pt>
                <c:pt idx="2840">
                  <c:v>42390</c:v>
                </c:pt>
                <c:pt idx="2841">
                  <c:v>42391</c:v>
                </c:pt>
                <c:pt idx="2842">
                  <c:v>42394</c:v>
                </c:pt>
                <c:pt idx="2843">
                  <c:v>42395</c:v>
                </c:pt>
                <c:pt idx="2844">
                  <c:v>42396</c:v>
                </c:pt>
                <c:pt idx="2845">
                  <c:v>42397</c:v>
                </c:pt>
                <c:pt idx="2846">
                  <c:v>42398</c:v>
                </c:pt>
                <c:pt idx="2847">
                  <c:v>42401</c:v>
                </c:pt>
                <c:pt idx="2848">
                  <c:v>42402</c:v>
                </c:pt>
                <c:pt idx="2849">
                  <c:v>42403</c:v>
                </c:pt>
                <c:pt idx="2850">
                  <c:v>42404</c:v>
                </c:pt>
                <c:pt idx="2851">
                  <c:v>42405</c:v>
                </c:pt>
                <c:pt idx="2852">
                  <c:v>42410</c:v>
                </c:pt>
                <c:pt idx="2853">
                  <c:v>42411</c:v>
                </c:pt>
                <c:pt idx="2854">
                  <c:v>42412</c:v>
                </c:pt>
                <c:pt idx="2855">
                  <c:v>42415</c:v>
                </c:pt>
                <c:pt idx="2856">
                  <c:v>42416</c:v>
                </c:pt>
                <c:pt idx="2857">
                  <c:v>42417</c:v>
                </c:pt>
                <c:pt idx="2858">
                  <c:v>42418</c:v>
                </c:pt>
                <c:pt idx="2859">
                  <c:v>42419</c:v>
                </c:pt>
                <c:pt idx="2860">
                  <c:v>42422</c:v>
                </c:pt>
                <c:pt idx="2861">
                  <c:v>42423</c:v>
                </c:pt>
                <c:pt idx="2862">
                  <c:v>42424</c:v>
                </c:pt>
                <c:pt idx="2863">
                  <c:v>42425</c:v>
                </c:pt>
                <c:pt idx="2864">
                  <c:v>42426</c:v>
                </c:pt>
                <c:pt idx="2865">
                  <c:v>42429</c:v>
                </c:pt>
                <c:pt idx="2866">
                  <c:v>42430</c:v>
                </c:pt>
                <c:pt idx="2867">
                  <c:v>42431</c:v>
                </c:pt>
                <c:pt idx="2868">
                  <c:v>42432</c:v>
                </c:pt>
                <c:pt idx="2869">
                  <c:v>42433</c:v>
                </c:pt>
                <c:pt idx="2870">
                  <c:v>42436</c:v>
                </c:pt>
                <c:pt idx="2871">
                  <c:v>42437</c:v>
                </c:pt>
                <c:pt idx="2872">
                  <c:v>42438</c:v>
                </c:pt>
                <c:pt idx="2873">
                  <c:v>42439</c:v>
                </c:pt>
                <c:pt idx="2874">
                  <c:v>42440</c:v>
                </c:pt>
                <c:pt idx="2875">
                  <c:v>42443</c:v>
                </c:pt>
                <c:pt idx="2876">
                  <c:v>42444</c:v>
                </c:pt>
                <c:pt idx="2877">
                  <c:v>42445</c:v>
                </c:pt>
                <c:pt idx="2878">
                  <c:v>42446</c:v>
                </c:pt>
                <c:pt idx="2879">
                  <c:v>42447</c:v>
                </c:pt>
                <c:pt idx="2880">
                  <c:v>42450</c:v>
                </c:pt>
                <c:pt idx="2881">
                  <c:v>42451</c:v>
                </c:pt>
                <c:pt idx="2882">
                  <c:v>42452</c:v>
                </c:pt>
                <c:pt idx="2883">
                  <c:v>42453</c:v>
                </c:pt>
                <c:pt idx="2884">
                  <c:v>42457</c:v>
                </c:pt>
                <c:pt idx="2885">
                  <c:v>42458</c:v>
                </c:pt>
                <c:pt idx="2886">
                  <c:v>42459</c:v>
                </c:pt>
                <c:pt idx="2887">
                  <c:v>42460</c:v>
                </c:pt>
                <c:pt idx="2888">
                  <c:v>42461</c:v>
                </c:pt>
                <c:pt idx="2889">
                  <c:v>42464</c:v>
                </c:pt>
                <c:pt idx="2890">
                  <c:v>42465</c:v>
                </c:pt>
                <c:pt idx="2891">
                  <c:v>42466</c:v>
                </c:pt>
                <c:pt idx="2892">
                  <c:v>42467</c:v>
                </c:pt>
                <c:pt idx="2893">
                  <c:v>42468</c:v>
                </c:pt>
                <c:pt idx="2894">
                  <c:v>42471</c:v>
                </c:pt>
                <c:pt idx="2895">
                  <c:v>42472</c:v>
                </c:pt>
                <c:pt idx="2896">
                  <c:v>42473</c:v>
                </c:pt>
                <c:pt idx="2897">
                  <c:v>42474</c:v>
                </c:pt>
                <c:pt idx="2898">
                  <c:v>42475</c:v>
                </c:pt>
                <c:pt idx="2899">
                  <c:v>42478</c:v>
                </c:pt>
                <c:pt idx="2900">
                  <c:v>42479</c:v>
                </c:pt>
                <c:pt idx="2901">
                  <c:v>42480</c:v>
                </c:pt>
                <c:pt idx="2902">
                  <c:v>42482</c:v>
                </c:pt>
                <c:pt idx="2903">
                  <c:v>42485</c:v>
                </c:pt>
                <c:pt idx="2904">
                  <c:v>42486</c:v>
                </c:pt>
                <c:pt idx="2905">
                  <c:v>42487</c:v>
                </c:pt>
                <c:pt idx="2906">
                  <c:v>42488</c:v>
                </c:pt>
                <c:pt idx="2907">
                  <c:v>42489</c:v>
                </c:pt>
                <c:pt idx="2908">
                  <c:v>42492</c:v>
                </c:pt>
                <c:pt idx="2909">
                  <c:v>42493</c:v>
                </c:pt>
                <c:pt idx="2910">
                  <c:v>42494</c:v>
                </c:pt>
                <c:pt idx="2911">
                  <c:v>42495</c:v>
                </c:pt>
                <c:pt idx="2912">
                  <c:v>42496</c:v>
                </c:pt>
                <c:pt idx="2913">
                  <c:v>42499</c:v>
                </c:pt>
                <c:pt idx="2914">
                  <c:v>42500</c:v>
                </c:pt>
                <c:pt idx="2915">
                  <c:v>42501</c:v>
                </c:pt>
                <c:pt idx="2916">
                  <c:v>42502</c:v>
                </c:pt>
                <c:pt idx="2917">
                  <c:v>42503</c:v>
                </c:pt>
                <c:pt idx="2918">
                  <c:v>42506</c:v>
                </c:pt>
                <c:pt idx="2919">
                  <c:v>42507</c:v>
                </c:pt>
                <c:pt idx="2920">
                  <c:v>42508</c:v>
                </c:pt>
                <c:pt idx="2921">
                  <c:v>42509</c:v>
                </c:pt>
                <c:pt idx="2922">
                  <c:v>42510</c:v>
                </c:pt>
                <c:pt idx="2923">
                  <c:v>42513</c:v>
                </c:pt>
                <c:pt idx="2924">
                  <c:v>42514</c:v>
                </c:pt>
                <c:pt idx="2925">
                  <c:v>42515</c:v>
                </c:pt>
                <c:pt idx="2926">
                  <c:v>42517</c:v>
                </c:pt>
                <c:pt idx="2927">
                  <c:v>42520</c:v>
                </c:pt>
                <c:pt idx="2928">
                  <c:v>42521</c:v>
                </c:pt>
                <c:pt idx="2929">
                  <c:v>42522</c:v>
                </c:pt>
                <c:pt idx="2930">
                  <c:v>42523</c:v>
                </c:pt>
                <c:pt idx="2931">
                  <c:v>42524</c:v>
                </c:pt>
                <c:pt idx="2932">
                  <c:v>42527</c:v>
                </c:pt>
                <c:pt idx="2933">
                  <c:v>42528</c:v>
                </c:pt>
                <c:pt idx="2934">
                  <c:v>42529</c:v>
                </c:pt>
                <c:pt idx="2935">
                  <c:v>42530</c:v>
                </c:pt>
                <c:pt idx="2936">
                  <c:v>42531</c:v>
                </c:pt>
                <c:pt idx="2937">
                  <c:v>42534</c:v>
                </c:pt>
                <c:pt idx="2938">
                  <c:v>42535</c:v>
                </c:pt>
                <c:pt idx="2939">
                  <c:v>42536</c:v>
                </c:pt>
                <c:pt idx="2940">
                  <c:v>42537</c:v>
                </c:pt>
                <c:pt idx="2941">
                  <c:v>42538</c:v>
                </c:pt>
                <c:pt idx="2942">
                  <c:v>42541</c:v>
                </c:pt>
                <c:pt idx="2943">
                  <c:v>42542</c:v>
                </c:pt>
                <c:pt idx="2944">
                  <c:v>42543</c:v>
                </c:pt>
                <c:pt idx="2945">
                  <c:v>42544</c:v>
                </c:pt>
                <c:pt idx="2946">
                  <c:v>42545</c:v>
                </c:pt>
                <c:pt idx="2947">
                  <c:v>42548</c:v>
                </c:pt>
                <c:pt idx="2948">
                  <c:v>42549</c:v>
                </c:pt>
                <c:pt idx="2949">
                  <c:v>42550</c:v>
                </c:pt>
                <c:pt idx="2950">
                  <c:v>42551</c:v>
                </c:pt>
                <c:pt idx="2951">
                  <c:v>42552</c:v>
                </c:pt>
                <c:pt idx="2952">
                  <c:v>42555</c:v>
                </c:pt>
                <c:pt idx="2953">
                  <c:v>42556</c:v>
                </c:pt>
                <c:pt idx="2954">
                  <c:v>42557</c:v>
                </c:pt>
                <c:pt idx="2955">
                  <c:v>42558</c:v>
                </c:pt>
                <c:pt idx="2956">
                  <c:v>42559</c:v>
                </c:pt>
                <c:pt idx="2957">
                  <c:v>42562</c:v>
                </c:pt>
                <c:pt idx="2958">
                  <c:v>42563</c:v>
                </c:pt>
                <c:pt idx="2959">
                  <c:v>42564</c:v>
                </c:pt>
                <c:pt idx="2960">
                  <c:v>42565</c:v>
                </c:pt>
                <c:pt idx="2961">
                  <c:v>42566</c:v>
                </c:pt>
                <c:pt idx="2962">
                  <c:v>42569</c:v>
                </c:pt>
                <c:pt idx="2963">
                  <c:v>42570</c:v>
                </c:pt>
                <c:pt idx="2964">
                  <c:v>42571</c:v>
                </c:pt>
                <c:pt idx="2965">
                  <c:v>42572</c:v>
                </c:pt>
                <c:pt idx="2966">
                  <c:v>42573</c:v>
                </c:pt>
                <c:pt idx="2967">
                  <c:v>42576</c:v>
                </c:pt>
                <c:pt idx="2968">
                  <c:v>42577</c:v>
                </c:pt>
                <c:pt idx="2969">
                  <c:v>42578</c:v>
                </c:pt>
                <c:pt idx="2970">
                  <c:v>42579</c:v>
                </c:pt>
                <c:pt idx="2971">
                  <c:v>42580</c:v>
                </c:pt>
                <c:pt idx="2972">
                  <c:v>42583</c:v>
                </c:pt>
                <c:pt idx="2973">
                  <c:v>42584</c:v>
                </c:pt>
                <c:pt idx="2974">
                  <c:v>42585</c:v>
                </c:pt>
                <c:pt idx="2975">
                  <c:v>42586</c:v>
                </c:pt>
                <c:pt idx="2976">
                  <c:v>42587</c:v>
                </c:pt>
                <c:pt idx="2977">
                  <c:v>42590</c:v>
                </c:pt>
                <c:pt idx="2978">
                  <c:v>42591</c:v>
                </c:pt>
                <c:pt idx="2979">
                  <c:v>42592</c:v>
                </c:pt>
                <c:pt idx="2980">
                  <c:v>42593</c:v>
                </c:pt>
                <c:pt idx="2981">
                  <c:v>42594</c:v>
                </c:pt>
                <c:pt idx="2982">
                  <c:v>42597</c:v>
                </c:pt>
                <c:pt idx="2983">
                  <c:v>42598</c:v>
                </c:pt>
                <c:pt idx="2984">
                  <c:v>42599</c:v>
                </c:pt>
                <c:pt idx="2985">
                  <c:v>42600</c:v>
                </c:pt>
                <c:pt idx="2986">
                  <c:v>42601</c:v>
                </c:pt>
                <c:pt idx="2987">
                  <c:v>42604</c:v>
                </c:pt>
                <c:pt idx="2988">
                  <c:v>42605</c:v>
                </c:pt>
                <c:pt idx="2989">
                  <c:v>42606</c:v>
                </c:pt>
                <c:pt idx="2990">
                  <c:v>42607</c:v>
                </c:pt>
                <c:pt idx="2991">
                  <c:v>42608</c:v>
                </c:pt>
                <c:pt idx="2992">
                  <c:v>42611</c:v>
                </c:pt>
                <c:pt idx="2993">
                  <c:v>42612</c:v>
                </c:pt>
                <c:pt idx="2994">
                  <c:v>42613</c:v>
                </c:pt>
                <c:pt idx="2995">
                  <c:v>42614</c:v>
                </c:pt>
                <c:pt idx="2996">
                  <c:v>42615</c:v>
                </c:pt>
                <c:pt idx="2997">
                  <c:v>42618</c:v>
                </c:pt>
                <c:pt idx="2998">
                  <c:v>42619</c:v>
                </c:pt>
                <c:pt idx="2999">
                  <c:v>42621</c:v>
                </c:pt>
                <c:pt idx="3000">
                  <c:v>42622</c:v>
                </c:pt>
                <c:pt idx="3001">
                  <c:v>42625</c:v>
                </c:pt>
                <c:pt idx="3002">
                  <c:v>42626</c:v>
                </c:pt>
                <c:pt idx="3003">
                  <c:v>42627</c:v>
                </c:pt>
                <c:pt idx="3004">
                  <c:v>42628</c:v>
                </c:pt>
                <c:pt idx="3005">
                  <c:v>42629</c:v>
                </c:pt>
                <c:pt idx="3006">
                  <c:v>42632</c:v>
                </c:pt>
                <c:pt idx="3007">
                  <c:v>42633</c:v>
                </c:pt>
                <c:pt idx="3008">
                  <c:v>42634</c:v>
                </c:pt>
                <c:pt idx="3009">
                  <c:v>42635</c:v>
                </c:pt>
                <c:pt idx="3010">
                  <c:v>42636</c:v>
                </c:pt>
                <c:pt idx="3011">
                  <c:v>42639</c:v>
                </c:pt>
                <c:pt idx="3012">
                  <c:v>42640</c:v>
                </c:pt>
                <c:pt idx="3013">
                  <c:v>42641</c:v>
                </c:pt>
                <c:pt idx="3014">
                  <c:v>42642</c:v>
                </c:pt>
                <c:pt idx="3015">
                  <c:v>42643</c:v>
                </c:pt>
                <c:pt idx="3016">
                  <c:v>42646</c:v>
                </c:pt>
                <c:pt idx="3017">
                  <c:v>42647</c:v>
                </c:pt>
                <c:pt idx="3018">
                  <c:v>42648</c:v>
                </c:pt>
                <c:pt idx="3019">
                  <c:v>42649</c:v>
                </c:pt>
                <c:pt idx="3020">
                  <c:v>42650</c:v>
                </c:pt>
                <c:pt idx="3021">
                  <c:v>42653</c:v>
                </c:pt>
                <c:pt idx="3022">
                  <c:v>42654</c:v>
                </c:pt>
                <c:pt idx="3023">
                  <c:v>42656</c:v>
                </c:pt>
                <c:pt idx="3024">
                  <c:v>42657</c:v>
                </c:pt>
                <c:pt idx="3025">
                  <c:v>42660</c:v>
                </c:pt>
                <c:pt idx="3026">
                  <c:v>42661</c:v>
                </c:pt>
                <c:pt idx="3027">
                  <c:v>42662</c:v>
                </c:pt>
                <c:pt idx="3028">
                  <c:v>42663</c:v>
                </c:pt>
                <c:pt idx="3029">
                  <c:v>42664</c:v>
                </c:pt>
                <c:pt idx="3030">
                  <c:v>42667</c:v>
                </c:pt>
                <c:pt idx="3031">
                  <c:v>42668</c:v>
                </c:pt>
                <c:pt idx="3032">
                  <c:v>42669</c:v>
                </c:pt>
                <c:pt idx="3033">
                  <c:v>42670</c:v>
                </c:pt>
                <c:pt idx="3034">
                  <c:v>42671</c:v>
                </c:pt>
                <c:pt idx="3035">
                  <c:v>42674</c:v>
                </c:pt>
                <c:pt idx="3036">
                  <c:v>42675</c:v>
                </c:pt>
                <c:pt idx="3037">
                  <c:v>42677</c:v>
                </c:pt>
                <c:pt idx="3038">
                  <c:v>42678</c:v>
                </c:pt>
                <c:pt idx="3039">
                  <c:v>42681</c:v>
                </c:pt>
                <c:pt idx="3040">
                  <c:v>42682</c:v>
                </c:pt>
                <c:pt idx="3041">
                  <c:v>42683</c:v>
                </c:pt>
                <c:pt idx="3042">
                  <c:v>42684</c:v>
                </c:pt>
                <c:pt idx="3043">
                  <c:v>42685</c:v>
                </c:pt>
                <c:pt idx="3044">
                  <c:v>42688</c:v>
                </c:pt>
                <c:pt idx="3045">
                  <c:v>42690</c:v>
                </c:pt>
                <c:pt idx="3046">
                  <c:v>42691</c:v>
                </c:pt>
                <c:pt idx="3047">
                  <c:v>42692</c:v>
                </c:pt>
                <c:pt idx="3048">
                  <c:v>42695</c:v>
                </c:pt>
                <c:pt idx="3049">
                  <c:v>42696</c:v>
                </c:pt>
                <c:pt idx="3050">
                  <c:v>42697</c:v>
                </c:pt>
                <c:pt idx="3051">
                  <c:v>42698</c:v>
                </c:pt>
                <c:pt idx="3052">
                  <c:v>42699</c:v>
                </c:pt>
                <c:pt idx="3053">
                  <c:v>42702</c:v>
                </c:pt>
                <c:pt idx="3054">
                  <c:v>42703</c:v>
                </c:pt>
                <c:pt idx="3055">
                  <c:v>42704</c:v>
                </c:pt>
                <c:pt idx="3056">
                  <c:v>42705</c:v>
                </c:pt>
                <c:pt idx="3057">
                  <c:v>42706</c:v>
                </c:pt>
                <c:pt idx="3058">
                  <c:v>42709</c:v>
                </c:pt>
                <c:pt idx="3059">
                  <c:v>42710</c:v>
                </c:pt>
                <c:pt idx="3060">
                  <c:v>42711</c:v>
                </c:pt>
                <c:pt idx="3061">
                  <c:v>42712</c:v>
                </c:pt>
                <c:pt idx="3062">
                  <c:v>42713</c:v>
                </c:pt>
                <c:pt idx="3063">
                  <c:v>42716</c:v>
                </c:pt>
                <c:pt idx="3064">
                  <c:v>42717</c:v>
                </c:pt>
                <c:pt idx="3065">
                  <c:v>42718</c:v>
                </c:pt>
                <c:pt idx="3066">
                  <c:v>42719</c:v>
                </c:pt>
                <c:pt idx="3067">
                  <c:v>42720</c:v>
                </c:pt>
                <c:pt idx="3068">
                  <c:v>42723</c:v>
                </c:pt>
                <c:pt idx="3069">
                  <c:v>42724</c:v>
                </c:pt>
                <c:pt idx="3070">
                  <c:v>42725</c:v>
                </c:pt>
                <c:pt idx="3071">
                  <c:v>42726</c:v>
                </c:pt>
                <c:pt idx="3072">
                  <c:v>42727</c:v>
                </c:pt>
                <c:pt idx="3073">
                  <c:v>42730</c:v>
                </c:pt>
                <c:pt idx="3074">
                  <c:v>42731</c:v>
                </c:pt>
                <c:pt idx="3075">
                  <c:v>42732</c:v>
                </c:pt>
                <c:pt idx="3076">
                  <c:v>42733</c:v>
                </c:pt>
                <c:pt idx="3077">
                  <c:v>42734</c:v>
                </c:pt>
                <c:pt idx="3078">
                  <c:v>42737</c:v>
                </c:pt>
                <c:pt idx="3079">
                  <c:v>42738</c:v>
                </c:pt>
                <c:pt idx="3080">
                  <c:v>42739</c:v>
                </c:pt>
                <c:pt idx="3081">
                  <c:v>42740</c:v>
                </c:pt>
                <c:pt idx="3082">
                  <c:v>42741</c:v>
                </c:pt>
                <c:pt idx="3083">
                  <c:v>42744</c:v>
                </c:pt>
                <c:pt idx="3084">
                  <c:v>42745</c:v>
                </c:pt>
                <c:pt idx="3085">
                  <c:v>42746</c:v>
                </c:pt>
                <c:pt idx="3086">
                  <c:v>42747</c:v>
                </c:pt>
                <c:pt idx="3087">
                  <c:v>42748</c:v>
                </c:pt>
                <c:pt idx="3088">
                  <c:v>42751</c:v>
                </c:pt>
                <c:pt idx="3089">
                  <c:v>42752</c:v>
                </c:pt>
                <c:pt idx="3090">
                  <c:v>42753</c:v>
                </c:pt>
                <c:pt idx="3091">
                  <c:v>42754</c:v>
                </c:pt>
                <c:pt idx="3092">
                  <c:v>42755</c:v>
                </c:pt>
                <c:pt idx="3093">
                  <c:v>42758</c:v>
                </c:pt>
                <c:pt idx="3094">
                  <c:v>42759</c:v>
                </c:pt>
                <c:pt idx="3095">
                  <c:v>42760</c:v>
                </c:pt>
                <c:pt idx="3096">
                  <c:v>42761</c:v>
                </c:pt>
                <c:pt idx="3097">
                  <c:v>42762</c:v>
                </c:pt>
                <c:pt idx="3098">
                  <c:v>42765</c:v>
                </c:pt>
                <c:pt idx="3099">
                  <c:v>42766</c:v>
                </c:pt>
                <c:pt idx="3100">
                  <c:v>42767</c:v>
                </c:pt>
                <c:pt idx="3101">
                  <c:v>42768</c:v>
                </c:pt>
                <c:pt idx="3102">
                  <c:v>42769</c:v>
                </c:pt>
                <c:pt idx="3103">
                  <c:v>42772</c:v>
                </c:pt>
                <c:pt idx="3104">
                  <c:v>42773</c:v>
                </c:pt>
                <c:pt idx="3105">
                  <c:v>42774</c:v>
                </c:pt>
                <c:pt idx="3106">
                  <c:v>42775</c:v>
                </c:pt>
                <c:pt idx="3107">
                  <c:v>42776</c:v>
                </c:pt>
                <c:pt idx="3108">
                  <c:v>42779</c:v>
                </c:pt>
                <c:pt idx="3109">
                  <c:v>42780</c:v>
                </c:pt>
                <c:pt idx="3110">
                  <c:v>42781</c:v>
                </c:pt>
                <c:pt idx="3111">
                  <c:v>42782</c:v>
                </c:pt>
                <c:pt idx="3112">
                  <c:v>42783</c:v>
                </c:pt>
                <c:pt idx="3113">
                  <c:v>42786</c:v>
                </c:pt>
                <c:pt idx="3114">
                  <c:v>42787</c:v>
                </c:pt>
                <c:pt idx="3115">
                  <c:v>42788</c:v>
                </c:pt>
                <c:pt idx="3116">
                  <c:v>42789</c:v>
                </c:pt>
                <c:pt idx="3117">
                  <c:v>42790</c:v>
                </c:pt>
                <c:pt idx="3118">
                  <c:v>42795</c:v>
                </c:pt>
                <c:pt idx="3119">
                  <c:v>42796</c:v>
                </c:pt>
                <c:pt idx="3120">
                  <c:v>42797</c:v>
                </c:pt>
                <c:pt idx="3121">
                  <c:v>42800</c:v>
                </c:pt>
                <c:pt idx="3122">
                  <c:v>42801</c:v>
                </c:pt>
                <c:pt idx="3123">
                  <c:v>42802</c:v>
                </c:pt>
                <c:pt idx="3124">
                  <c:v>42803</c:v>
                </c:pt>
                <c:pt idx="3125">
                  <c:v>42804</c:v>
                </c:pt>
                <c:pt idx="3126">
                  <c:v>42807</c:v>
                </c:pt>
                <c:pt idx="3127">
                  <c:v>42808</c:v>
                </c:pt>
                <c:pt idx="3128">
                  <c:v>42809</c:v>
                </c:pt>
                <c:pt idx="3129">
                  <c:v>42810</c:v>
                </c:pt>
                <c:pt idx="3130">
                  <c:v>42811</c:v>
                </c:pt>
                <c:pt idx="3131">
                  <c:v>42814</c:v>
                </c:pt>
                <c:pt idx="3132">
                  <c:v>42815</c:v>
                </c:pt>
                <c:pt idx="3133">
                  <c:v>42816</c:v>
                </c:pt>
                <c:pt idx="3134">
                  <c:v>42817</c:v>
                </c:pt>
                <c:pt idx="3135">
                  <c:v>42818</c:v>
                </c:pt>
                <c:pt idx="3136">
                  <c:v>42821</c:v>
                </c:pt>
                <c:pt idx="3137">
                  <c:v>42822</c:v>
                </c:pt>
                <c:pt idx="3138">
                  <c:v>42823</c:v>
                </c:pt>
                <c:pt idx="3139">
                  <c:v>42824</c:v>
                </c:pt>
                <c:pt idx="3140">
                  <c:v>42825</c:v>
                </c:pt>
                <c:pt idx="3141">
                  <c:v>42828</c:v>
                </c:pt>
                <c:pt idx="3142">
                  <c:v>42829</c:v>
                </c:pt>
                <c:pt idx="3143">
                  <c:v>42830</c:v>
                </c:pt>
                <c:pt idx="3144">
                  <c:v>42831</c:v>
                </c:pt>
                <c:pt idx="3145">
                  <c:v>42832</c:v>
                </c:pt>
                <c:pt idx="3146">
                  <c:v>42835</c:v>
                </c:pt>
                <c:pt idx="3147">
                  <c:v>42836</c:v>
                </c:pt>
                <c:pt idx="3148">
                  <c:v>42837</c:v>
                </c:pt>
                <c:pt idx="3149">
                  <c:v>42838</c:v>
                </c:pt>
                <c:pt idx="3150">
                  <c:v>42842</c:v>
                </c:pt>
                <c:pt idx="3151">
                  <c:v>42843</c:v>
                </c:pt>
                <c:pt idx="3152">
                  <c:v>42844</c:v>
                </c:pt>
                <c:pt idx="3153">
                  <c:v>42845</c:v>
                </c:pt>
                <c:pt idx="3154">
                  <c:v>42849</c:v>
                </c:pt>
                <c:pt idx="3155">
                  <c:v>42850</c:v>
                </c:pt>
                <c:pt idx="3156">
                  <c:v>42851</c:v>
                </c:pt>
                <c:pt idx="3157">
                  <c:v>42852</c:v>
                </c:pt>
                <c:pt idx="3158">
                  <c:v>42853</c:v>
                </c:pt>
                <c:pt idx="3159">
                  <c:v>42857</c:v>
                </c:pt>
                <c:pt idx="3160">
                  <c:v>42858</c:v>
                </c:pt>
                <c:pt idx="3161">
                  <c:v>42859</c:v>
                </c:pt>
                <c:pt idx="3162">
                  <c:v>42860</c:v>
                </c:pt>
                <c:pt idx="3163">
                  <c:v>42863</c:v>
                </c:pt>
                <c:pt idx="3164">
                  <c:v>42864</c:v>
                </c:pt>
                <c:pt idx="3165">
                  <c:v>42865</c:v>
                </c:pt>
                <c:pt idx="3166">
                  <c:v>42866</c:v>
                </c:pt>
                <c:pt idx="3167">
                  <c:v>42867</c:v>
                </c:pt>
                <c:pt idx="3168">
                  <c:v>42870</c:v>
                </c:pt>
                <c:pt idx="3169">
                  <c:v>42871</c:v>
                </c:pt>
                <c:pt idx="3170">
                  <c:v>42872</c:v>
                </c:pt>
                <c:pt idx="3171">
                  <c:v>42873</c:v>
                </c:pt>
                <c:pt idx="3172">
                  <c:v>42874</c:v>
                </c:pt>
                <c:pt idx="3173">
                  <c:v>42877</c:v>
                </c:pt>
                <c:pt idx="3174">
                  <c:v>42878</c:v>
                </c:pt>
                <c:pt idx="3175">
                  <c:v>42879</c:v>
                </c:pt>
                <c:pt idx="3176">
                  <c:v>42880</c:v>
                </c:pt>
                <c:pt idx="3177">
                  <c:v>42881</c:v>
                </c:pt>
                <c:pt idx="3178">
                  <c:v>42884</c:v>
                </c:pt>
                <c:pt idx="3179">
                  <c:v>42885</c:v>
                </c:pt>
                <c:pt idx="3180">
                  <c:v>42886</c:v>
                </c:pt>
                <c:pt idx="3181">
                  <c:v>42887</c:v>
                </c:pt>
                <c:pt idx="3182">
                  <c:v>42888</c:v>
                </c:pt>
                <c:pt idx="3183">
                  <c:v>42891</c:v>
                </c:pt>
                <c:pt idx="3184">
                  <c:v>42892</c:v>
                </c:pt>
                <c:pt idx="3185">
                  <c:v>42893</c:v>
                </c:pt>
                <c:pt idx="3186">
                  <c:v>42894</c:v>
                </c:pt>
                <c:pt idx="3187">
                  <c:v>42895</c:v>
                </c:pt>
                <c:pt idx="3188">
                  <c:v>42898</c:v>
                </c:pt>
                <c:pt idx="3189">
                  <c:v>42899</c:v>
                </c:pt>
                <c:pt idx="3190">
                  <c:v>42900</c:v>
                </c:pt>
                <c:pt idx="3191">
                  <c:v>42902</c:v>
                </c:pt>
                <c:pt idx="3192">
                  <c:v>42905</c:v>
                </c:pt>
                <c:pt idx="3193">
                  <c:v>42906</c:v>
                </c:pt>
                <c:pt idx="3194">
                  <c:v>42907</c:v>
                </c:pt>
                <c:pt idx="3195">
                  <c:v>42908</c:v>
                </c:pt>
                <c:pt idx="3196">
                  <c:v>42909</c:v>
                </c:pt>
                <c:pt idx="3197">
                  <c:v>42912</c:v>
                </c:pt>
                <c:pt idx="3198">
                  <c:v>42913</c:v>
                </c:pt>
                <c:pt idx="3199">
                  <c:v>42914</c:v>
                </c:pt>
                <c:pt idx="3200">
                  <c:v>42915</c:v>
                </c:pt>
                <c:pt idx="3201">
                  <c:v>42916</c:v>
                </c:pt>
                <c:pt idx="3202">
                  <c:v>42919</c:v>
                </c:pt>
                <c:pt idx="3203">
                  <c:v>42920</c:v>
                </c:pt>
                <c:pt idx="3204">
                  <c:v>42921</c:v>
                </c:pt>
                <c:pt idx="3205">
                  <c:v>42922</c:v>
                </c:pt>
                <c:pt idx="3206">
                  <c:v>42923</c:v>
                </c:pt>
                <c:pt idx="3207">
                  <c:v>42926</c:v>
                </c:pt>
                <c:pt idx="3208">
                  <c:v>42927</c:v>
                </c:pt>
                <c:pt idx="3209">
                  <c:v>42928</c:v>
                </c:pt>
                <c:pt idx="3210">
                  <c:v>42929</c:v>
                </c:pt>
                <c:pt idx="3211">
                  <c:v>42930</c:v>
                </c:pt>
                <c:pt idx="3212">
                  <c:v>42933</c:v>
                </c:pt>
                <c:pt idx="3213">
                  <c:v>42934</c:v>
                </c:pt>
                <c:pt idx="3214">
                  <c:v>42935</c:v>
                </c:pt>
                <c:pt idx="3215">
                  <c:v>42936</c:v>
                </c:pt>
                <c:pt idx="3216">
                  <c:v>42937</c:v>
                </c:pt>
                <c:pt idx="3217">
                  <c:v>42940</c:v>
                </c:pt>
                <c:pt idx="3218">
                  <c:v>42941</c:v>
                </c:pt>
                <c:pt idx="3219">
                  <c:v>42942</c:v>
                </c:pt>
                <c:pt idx="3220">
                  <c:v>42943</c:v>
                </c:pt>
                <c:pt idx="3221">
                  <c:v>42944</c:v>
                </c:pt>
                <c:pt idx="3222">
                  <c:v>42947</c:v>
                </c:pt>
                <c:pt idx="3223">
                  <c:v>42948</c:v>
                </c:pt>
                <c:pt idx="3224">
                  <c:v>42949</c:v>
                </c:pt>
                <c:pt idx="3225">
                  <c:v>42950</c:v>
                </c:pt>
                <c:pt idx="3226">
                  <c:v>42951</c:v>
                </c:pt>
                <c:pt idx="3227">
                  <c:v>42954</c:v>
                </c:pt>
                <c:pt idx="3228">
                  <c:v>42955</c:v>
                </c:pt>
                <c:pt idx="3229">
                  <c:v>42956</c:v>
                </c:pt>
                <c:pt idx="3230">
                  <c:v>42957</c:v>
                </c:pt>
                <c:pt idx="3231">
                  <c:v>42958</c:v>
                </c:pt>
                <c:pt idx="3232">
                  <c:v>42961</c:v>
                </c:pt>
                <c:pt idx="3233">
                  <c:v>42962</c:v>
                </c:pt>
                <c:pt idx="3234">
                  <c:v>42963</c:v>
                </c:pt>
                <c:pt idx="3235">
                  <c:v>42964</c:v>
                </c:pt>
                <c:pt idx="3236">
                  <c:v>42965</c:v>
                </c:pt>
                <c:pt idx="3237">
                  <c:v>42968</c:v>
                </c:pt>
                <c:pt idx="3238">
                  <c:v>42969</c:v>
                </c:pt>
                <c:pt idx="3239">
                  <c:v>42970</c:v>
                </c:pt>
                <c:pt idx="3240">
                  <c:v>42971</c:v>
                </c:pt>
                <c:pt idx="3241">
                  <c:v>42972</c:v>
                </c:pt>
                <c:pt idx="3242">
                  <c:v>42975</c:v>
                </c:pt>
                <c:pt idx="3243">
                  <c:v>42976</c:v>
                </c:pt>
                <c:pt idx="3244">
                  <c:v>42977</c:v>
                </c:pt>
                <c:pt idx="3245">
                  <c:v>42978</c:v>
                </c:pt>
                <c:pt idx="3246">
                  <c:v>42979</c:v>
                </c:pt>
                <c:pt idx="3247">
                  <c:v>42982</c:v>
                </c:pt>
                <c:pt idx="3248">
                  <c:v>42983</c:v>
                </c:pt>
                <c:pt idx="3249">
                  <c:v>42984</c:v>
                </c:pt>
                <c:pt idx="3250">
                  <c:v>42986</c:v>
                </c:pt>
                <c:pt idx="3251">
                  <c:v>42989</c:v>
                </c:pt>
                <c:pt idx="3252">
                  <c:v>42990</c:v>
                </c:pt>
                <c:pt idx="3253">
                  <c:v>42991</c:v>
                </c:pt>
                <c:pt idx="3254">
                  <c:v>42992</c:v>
                </c:pt>
                <c:pt idx="3255">
                  <c:v>42993</c:v>
                </c:pt>
                <c:pt idx="3256">
                  <c:v>42996</c:v>
                </c:pt>
                <c:pt idx="3257">
                  <c:v>42997</c:v>
                </c:pt>
                <c:pt idx="3258">
                  <c:v>42998</c:v>
                </c:pt>
                <c:pt idx="3259">
                  <c:v>42999</c:v>
                </c:pt>
                <c:pt idx="3260">
                  <c:v>43000</c:v>
                </c:pt>
                <c:pt idx="3261">
                  <c:v>43003</c:v>
                </c:pt>
                <c:pt idx="3262">
                  <c:v>43004</c:v>
                </c:pt>
                <c:pt idx="3263">
                  <c:v>43005</c:v>
                </c:pt>
                <c:pt idx="3264">
                  <c:v>43006</c:v>
                </c:pt>
                <c:pt idx="3265">
                  <c:v>43007</c:v>
                </c:pt>
                <c:pt idx="3266">
                  <c:v>43010</c:v>
                </c:pt>
                <c:pt idx="3267">
                  <c:v>43011</c:v>
                </c:pt>
                <c:pt idx="3268">
                  <c:v>43012</c:v>
                </c:pt>
                <c:pt idx="3269">
                  <c:v>43013</c:v>
                </c:pt>
                <c:pt idx="3270">
                  <c:v>43014</c:v>
                </c:pt>
                <c:pt idx="3271">
                  <c:v>43017</c:v>
                </c:pt>
                <c:pt idx="3272">
                  <c:v>43018</c:v>
                </c:pt>
                <c:pt idx="3273">
                  <c:v>43019</c:v>
                </c:pt>
                <c:pt idx="3274">
                  <c:v>43021</c:v>
                </c:pt>
                <c:pt idx="3275">
                  <c:v>43024</c:v>
                </c:pt>
                <c:pt idx="3276">
                  <c:v>43025</c:v>
                </c:pt>
                <c:pt idx="3277">
                  <c:v>43026</c:v>
                </c:pt>
                <c:pt idx="3278">
                  <c:v>43027</c:v>
                </c:pt>
                <c:pt idx="3279">
                  <c:v>43028</c:v>
                </c:pt>
                <c:pt idx="3280">
                  <c:v>43031</c:v>
                </c:pt>
                <c:pt idx="3281">
                  <c:v>43032</c:v>
                </c:pt>
                <c:pt idx="3282">
                  <c:v>43033</c:v>
                </c:pt>
                <c:pt idx="3283">
                  <c:v>43034</c:v>
                </c:pt>
                <c:pt idx="3284">
                  <c:v>43035</c:v>
                </c:pt>
                <c:pt idx="3285">
                  <c:v>43038</c:v>
                </c:pt>
                <c:pt idx="3286">
                  <c:v>43039</c:v>
                </c:pt>
                <c:pt idx="3287">
                  <c:v>43040</c:v>
                </c:pt>
                <c:pt idx="3288">
                  <c:v>43042</c:v>
                </c:pt>
                <c:pt idx="3289">
                  <c:v>43045</c:v>
                </c:pt>
                <c:pt idx="3290">
                  <c:v>43046</c:v>
                </c:pt>
                <c:pt idx="3291">
                  <c:v>43047</c:v>
                </c:pt>
                <c:pt idx="3292">
                  <c:v>43048</c:v>
                </c:pt>
                <c:pt idx="3293">
                  <c:v>43049</c:v>
                </c:pt>
                <c:pt idx="3294">
                  <c:v>43052</c:v>
                </c:pt>
                <c:pt idx="3295">
                  <c:v>43053</c:v>
                </c:pt>
                <c:pt idx="3296">
                  <c:v>43055</c:v>
                </c:pt>
                <c:pt idx="3297">
                  <c:v>43056</c:v>
                </c:pt>
                <c:pt idx="3298">
                  <c:v>43059</c:v>
                </c:pt>
                <c:pt idx="3299">
                  <c:v>43060</c:v>
                </c:pt>
                <c:pt idx="3300">
                  <c:v>43061</c:v>
                </c:pt>
                <c:pt idx="3301">
                  <c:v>43062</c:v>
                </c:pt>
                <c:pt idx="3302">
                  <c:v>43063</c:v>
                </c:pt>
                <c:pt idx="3303">
                  <c:v>43066</c:v>
                </c:pt>
                <c:pt idx="3304">
                  <c:v>43067</c:v>
                </c:pt>
                <c:pt idx="3305">
                  <c:v>43068</c:v>
                </c:pt>
                <c:pt idx="3306">
                  <c:v>43069</c:v>
                </c:pt>
                <c:pt idx="3307">
                  <c:v>43070</c:v>
                </c:pt>
                <c:pt idx="3308">
                  <c:v>43073</c:v>
                </c:pt>
                <c:pt idx="3309">
                  <c:v>43074</c:v>
                </c:pt>
                <c:pt idx="3310">
                  <c:v>43075</c:v>
                </c:pt>
                <c:pt idx="3311">
                  <c:v>43076</c:v>
                </c:pt>
                <c:pt idx="3312">
                  <c:v>43077</c:v>
                </c:pt>
                <c:pt idx="3313">
                  <c:v>43080</c:v>
                </c:pt>
                <c:pt idx="3314">
                  <c:v>43081</c:v>
                </c:pt>
                <c:pt idx="3315">
                  <c:v>43082</c:v>
                </c:pt>
                <c:pt idx="3316">
                  <c:v>43083</c:v>
                </c:pt>
                <c:pt idx="3317">
                  <c:v>43084</c:v>
                </c:pt>
                <c:pt idx="3318">
                  <c:v>43087</c:v>
                </c:pt>
                <c:pt idx="3319">
                  <c:v>43088</c:v>
                </c:pt>
                <c:pt idx="3320">
                  <c:v>43089</c:v>
                </c:pt>
                <c:pt idx="3321">
                  <c:v>43090</c:v>
                </c:pt>
                <c:pt idx="3322">
                  <c:v>43091</c:v>
                </c:pt>
                <c:pt idx="3323">
                  <c:v>43095</c:v>
                </c:pt>
                <c:pt idx="3324">
                  <c:v>43096</c:v>
                </c:pt>
                <c:pt idx="3325">
                  <c:v>43097</c:v>
                </c:pt>
                <c:pt idx="3326">
                  <c:v>43098</c:v>
                </c:pt>
                <c:pt idx="3327">
                  <c:v>43102</c:v>
                </c:pt>
                <c:pt idx="3328">
                  <c:v>43103</c:v>
                </c:pt>
                <c:pt idx="3329">
                  <c:v>43104</c:v>
                </c:pt>
                <c:pt idx="3330">
                  <c:v>43105</c:v>
                </c:pt>
                <c:pt idx="3331">
                  <c:v>43108</c:v>
                </c:pt>
                <c:pt idx="3332">
                  <c:v>43109</c:v>
                </c:pt>
                <c:pt idx="3333">
                  <c:v>43110</c:v>
                </c:pt>
                <c:pt idx="3334">
                  <c:v>43111</c:v>
                </c:pt>
                <c:pt idx="3335">
                  <c:v>43112</c:v>
                </c:pt>
                <c:pt idx="3336">
                  <c:v>43115</c:v>
                </c:pt>
                <c:pt idx="3337">
                  <c:v>43116</c:v>
                </c:pt>
                <c:pt idx="3338">
                  <c:v>43117</c:v>
                </c:pt>
                <c:pt idx="3339">
                  <c:v>43118</c:v>
                </c:pt>
                <c:pt idx="3340">
                  <c:v>43119</c:v>
                </c:pt>
                <c:pt idx="3341">
                  <c:v>43122</c:v>
                </c:pt>
                <c:pt idx="3342">
                  <c:v>43123</c:v>
                </c:pt>
                <c:pt idx="3343">
                  <c:v>43124</c:v>
                </c:pt>
                <c:pt idx="3344">
                  <c:v>43125</c:v>
                </c:pt>
                <c:pt idx="3345">
                  <c:v>43126</c:v>
                </c:pt>
                <c:pt idx="3346">
                  <c:v>43129</c:v>
                </c:pt>
                <c:pt idx="3347">
                  <c:v>43130</c:v>
                </c:pt>
                <c:pt idx="3348">
                  <c:v>43131</c:v>
                </c:pt>
                <c:pt idx="3349">
                  <c:v>43132</c:v>
                </c:pt>
                <c:pt idx="3350">
                  <c:v>43133</c:v>
                </c:pt>
                <c:pt idx="3351">
                  <c:v>43136</c:v>
                </c:pt>
                <c:pt idx="3352">
                  <c:v>43137</c:v>
                </c:pt>
                <c:pt idx="3353">
                  <c:v>43138</c:v>
                </c:pt>
                <c:pt idx="3354">
                  <c:v>43139</c:v>
                </c:pt>
                <c:pt idx="3355">
                  <c:v>43140</c:v>
                </c:pt>
                <c:pt idx="3356">
                  <c:v>43145</c:v>
                </c:pt>
                <c:pt idx="3357">
                  <c:v>43146</c:v>
                </c:pt>
                <c:pt idx="3358">
                  <c:v>43147</c:v>
                </c:pt>
                <c:pt idx="3359">
                  <c:v>43150</c:v>
                </c:pt>
                <c:pt idx="3360">
                  <c:v>43151</c:v>
                </c:pt>
                <c:pt idx="3361">
                  <c:v>43152</c:v>
                </c:pt>
                <c:pt idx="3362">
                  <c:v>43153</c:v>
                </c:pt>
                <c:pt idx="3363">
                  <c:v>43154</c:v>
                </c:pt>
                <c:pt idx="3364">
                  <c:v>43157</c:v>
                </c:pt>
                <c:pt idx="3365">
                  <c:v>43158</c:v>
                </c:pt>
                <c:pt idx="3366">
                  <c:v>43159</c:v>
                </c:pt>
                <c:pt idx="3367">
                  <c:v>43160</c:v>
                </c:pt>
                <c:pt idx="3368">
                  <c:v>43161</c:v>
                </c:pt>
                <c:pt idx="3369">
                  <c:v>43164</c:v>
                </c:pt>
                <c:pt idx="3370">
                  <c:v>43165</c:v>
                </c:pt>
                <c:pt idx="3371">
                  <c:v>43166</c:v>
                </c:pt>
                <c:pt idx="3372">
                  <c:v>43167</c:v>
                </c:pt>
                <c:pt idx="3373">
                  <c:v>43168</c:v>
                </c:pt>
                <c:pt idx="3374">
                  <c:v>43171</c:v>
                </c:pt>
                <c:pt idx="3375">
                  <c:v>43172</c:v>
                </c:pt>
                <c:pt idx="3376">
                  <c:v>43173</c:v>
                </c:pt>
                <c:pt idx="3377">
                  <c:v>43174</c:v>
                </c:pt>
                <c:pt idx="3378">
                  <c:v>43175</c:v>
                </c:pt>
                <c:pt idx="3379">
                  <c:v>43178</c:v>
                </c:pt>
                <c:pt idx="3380">
                  <c:v>43179</c:v>
                </c:pt>
                <c:pt idx="3381">
                  <c:v>43180</c:v>
                </c:pt>
                <c:pt idx="3382">
                  <c:v>43181</c:v>
                </c:pt>
                <c:pt idx="3383">
                  <c:v>43182</c:v>
                </c:pt>
                <c:pt idx="3384">
                  <c:v>43185</c:v>
                </c:pt>
                <c:pt idx="3385">
                  <c:v>43186</c:v>
                </c:pt>
                <c:pt idx="3386">
                  <c:v>43187</c:v>
                </c:pt>
                <c:pt idx="3387">
                  <c:v>43188</c:v>
                </c:pt>
                <c:pt idx="3388">
                  <c:v>43192</c:v>
                </c:pt>
                <c:pt idx="3389">
                  <c:v>43193</c:v>
                </c:pt>
                <c:pt idx="3390">
                  <c:v>43194</c:v>
                </c:pt>
                <c:pt idx="3391">
                  <c:v>43195</c:v>
                </c:pt>
                <c:pt idx="3392">
                  <c:v>43196</c:v>
                </c:pt>
                <c:pt idx="3393">
                  <c:v>43199</c:v>
                </c:pt>
                <c:pt idx="3394">
                  <c:v>43200</c:v>
                </c:pt>
                <c:pt idx="3395">
                  <c:v>43201</c:v>
                </c:pt>
                <c:pt idx="3396">
                  <c:v>43202</c:v>
                </c:pt>
                <c:pt idx="3397">
                  <c:v>43203</c:v>
                </c:pt>
                <c:pt idx="3398">
                  <c:v>43206</c:v>
                </c:pt>
                <c:pt idx="3399">
                  <c:v>43207</c:v>
                </c:pt>
                <c:pt idx="3400">
                  <c:v>43208</c:v>
                </c:pt>
                <c:pt idx="3401">
                  <c:v>43209</c:v>
                </c:pt>
                <c:pt idx="3402">
                  <c:v>43210</c:v>
                </c:pt>
                <c:pt idx="3403">
                  <c:v>43213</c:v>
                </c:pt>
                <c:pt idx="3404">
                  <c:v>43214</c:v>
                </c:pt>
                <c:pt idx="3405">
                  <c:v>43215</c:v>
                </c:pt>
                <c:pt idx="3406">
                  <c:v>43216</c:v>
                </c:pt>
                <c:pt idx="3407">
                  <c:v>43217</c:v>
                </c:pt>
                <c:pt idx="3408">
                  <c:v>43220</c:v>
                </c:pt>
                <c:pt idx="3409">
                  <c:v>43222</c:v>
                </c:pt>
                <c:pt idx="3410">
                  <c:v>43223</c:v>
                </c:pt>
                <c:pt idx="3411">
                  <c:v>43224</c:v>
                </c:pt>
                <c:pt idx="3412">
                  <c:v>43227</c:v>
                </c:pt>
                <c:pt idx="3413">
                  <c:v>43228</c:v>
                </c:pt>
                <c:pt idx="3414">
                  <c:v>43229</c:v>
                </c:pt>
                <c:pt idx="3415">
                  <c:v>43230</c:v>
                </c:pt>
                <c:pt idx="3416">
                  <c:v>43231</c:v>
                </c:pt>
                <c:pt idx="3417">
                  <c:v>43234</c:v>
                </c:pt>
                <c:pt idx="3418">
                  <c:v>43235</c:v>
                </c:pt>
                <c:pt idx="3419">
                  <c:v>43236</c:v>
                </c:pt>
                <c:pt idx="3420">
                  <c:v>43237</c:v>
                </c:pt>
                <c:pt idx="3421">
                  <c:v>43238</c:v>
                </c:pt>
                <c:pt idx="3422">
                  <c:v>43241</c:v>
                </c:pt>
                <c:pt idx="3423">
                  <c:v>43242</c:v>
                </c:pt>
                <c:pt idx="3424">
                  <c:v>43243</c:v>
                </c:pt>
                <c:pt idx="3425">
                  <c:v>43244</c:v>
                </c:pt>
                <c:pt idx="3426">
                  <c:v>43245</c:v>
                </c:pt>
                <c:pt idx="3427">
                  <c:v>43248</c:v>
                </c:pt>
                <c:pt idx="3428">
                  <c:v>43249</c:v>
                </c:pt>
                <c:pt idx="3429">
                  <c:v>43250</c:v>
                </c:pt>
                <c:pt idx="3430">
                  <c:v>43252</c:v>
                </c:pt>
                <c:pt idx="3431">
                  <c:v>43255</c:v>
                </c:pt>
                <c:pt idx="3432">
                  <c:v>43256</c:v>
                </c:pt>
                <c:pt idx="3433">
                  <c:v>43257</c:v>
                </c:pt>
                <c:pt idx="3434">
                  <c:v>43258</c:v>
                </c:pt>
                <c:pt idx="3435">
                  <c:v>43259</c:v>
                </c:pt>
                <c:pt idx="3436">
                  <c:v>43262</c:v>
                </c:pt>
                <c:pt idx="3437">
                  <c:v>43263</c:v>
                </c:pt>
                <c:pt idx="3438">
                  <c:v>43264</c:v>
                </c:pt>
                <c:pt idx="3439">
                  <c:v>43265</c:v>
                </c:pt>
                <c:pt idx="3440">
                  <c:v>43266</c:v>
                </c:pt>
                <c:pt idx="3441">
                  <c:v>43269</c:v>
                </c:pt>
                <c:pt idx="3442">
                  <c:v>43270</c:v>
                </c:pt>
                <c:pt idx="3443">
                  <c:v>43271</c:v>
                </c:pt>
                <c:pt idx="3444">
                  <c:v>43272</c:v>
                </c:pt>
                <c:pt idx="3445">
                  <c:v>43273</c:v>
                </c:pt>
                <c:pt idx="3446">
                  <c:v>43276</c:v>
                </c:pt>
                <c:pt idx="3447">
                  <c:v>43277</c:v>
                </c:pt>
                <c:pt idx="3448">
                  <c:v>43278</c:v>
                </c:pt>
                <c:pt idx="3449">
                  <c:v>43279</c:v>
                </c:pt>
                <c:pt idx="3450">
                  <c:v>43280</c:v>
                </c:pt>
                <c:pt idx="3451">
                  <c:v>43283</c:v>
                </c:pt>
                <c:pt idx="3452">
                  <c:v>43284</c:v>
                </c:pt>
                <c:pt idx="3453">
                  <c:v>43285</c:v>
                </c:pt>
                <c:pt idx="3454">
                  <c:v>43286</c:v>
                </c:pt>
                <c:pt idx="3455">
                  <c:v>43287</c:v>
                </c:pt>
                <c:pt idx="3456">
                  <c:v>43290</c:v>
                </c:pt>
                <c:pt idx="3457">
                  <c:v>43291</c:v>
                </c:pt>
                <c:pt idx="3458">
                  <c:v>43292</c:v>
                </c:pt>
                <c:pt idx="3459">
                  <c:v>43293</c:v>
                </c:pt>
                <c:pt idx="3460">
                  <c:v>43294</c:v>
                </c:pt>
                <c:pt idx="3461">
                  <c:v>43297</c:v>
                </c:pt>
                <c:pt idx="3462">
                  <c:v>43298</c:v>
                </c:pt>
                <c:pt idx="3463">
                  <c:v>43299</c:v>
                </c:pt>
                <c:pt idx="3464">
                  <c:v>43300</c:v>
                </c:pt>
                <c:pt idx="3465">
                  <c:v>43301</c:v>
                </c:pt>
                <c:pt idx="3466">
                  <c:v>43304</c:v>
                </c:pt>
                <c:pt idx="3467">
                  <c:v>43305</c:v>
                </c:pt>
                <c:pt idx="3468">
                  <c:v>43306</c:v>
                </c:pt>
                <c:pt idx="3469">
                  <c:v>43307</c:v>
                </c:pt>
                <c:pt idx="3470">
                  <c:v>43308</c:v>
                </c:pt>
                <c:pt idx="3471">
                  <c:v>43311</c:v>
                </c:pt>
                <c:pt idx="3472">
                  <c:v>43312</c:v>
                </c:pt>
                <c:pt idx="3473">
                  <c:v>43313</c:v>
                </c:pt>
                <c:pt idx="3474">
                  <c:v>43314</c:v>
                </c:pt>
                <c:pt idx="3475">
                  <c:v>43315</c:v>
                </c:pt>
                <c:pt idx="3476">
                  <c:v>43318</c:v>
                </c:pt>
                <c:pt idx="3477">
                  <c:v>43319</c:v>
                </c:pt>
                <c:pt idx="3478">
                  <c:v>43320</c:v>
                </c:pt>
                <c:pt idx="3479">
                  <c:v>43321</c:v>
                </c:pt>
                <c:pt idx="3480">
                  <c:v>43322</c:v>
                </c:pt>
                <c:pt idx="3481">
                  <c:v>43325</c:v>
                </c:pt>
                <c:pt idx="3482">
                  <c:v>43326</c:v>
                </c:pt>
                <c:pt idx="3483">
                  <c:v>43327</c:v>
                </c:pt>
                <c:pt idx="3484">
                  <c:v>43328</c:v>
                </c:pt>
                <c:pt idx="3485">
                  <c:v>43329</c:v>
                </c:pt>
                <c:pt idx="3486">
                  <c:v>43332</c:v>
                </c:pt>
                <c:pt idx="3487">
                  <c:v>43333</c:v>
                </c:pt>
                <c:pt idx="3488">
                  <c:v>43334</c:v>
                </c:pt>
                <c:pt idx="3489">
                  <c:v>43335</c:v>
                </c:pt>
                <c:pt idx="3490">
                  <c:v>43336</c:v>
                </c:pt>
                <c:pt idx="3491">
                  <c:v>43339</c:v>
                </c:pt>
                <c:pt idx="3492">
                  <c:v>43340</c:v>
                </c:pt>
                <c:pt idx="3493">
                  <c:v>43341</c:v>
                </c:pt>
                <c:pt idx="3494">
                  <c:v>43342</c:v>
                </c:pt>
                <c:pt idx="3495">
                  <c:v>43343</c:v>
                </c:pt>
                <c:pt idx="3496">
                  <c:v>43346</c:v>
                </c:pt>
                <c:pt idx="3497">
                  <c:v>43347</c:v>
                </c:pt>
                <c:pt idx="3498">
                  <c:v>43348</c:v>
                </c:pt>
                <c:pt idx="3499">
                  <c:v>43349</c:v>
                </c:pt>
                <c:pt idx="3500">
                  <c:v>43353</c:v>
                </c:pt>
                <c:pt idx="3501">
                  <c:v>43354</c:v>
                </c:pt>
                <c:pt idx="3502">
                  <c:v>43355</c:v>
                </c:pt>
                <c:pt idx="3503">
                  <c:v>43356</c:v>
                </c:pt>
                <c:pt idx="3504">
                  <c:v>43357</c:v>
                </c:pt>
                <c:pt idx="3505">
                  <c:v>43360</c:v>
                </c:pt>
                <c:pt idx="3506">
                  <c:v>43361</c:v>
                </c:pt>
                <c:pt idx="3507">
                  <c:v>43362</c:v>
                </c:pt>
                <c:pt idx="3508">
                  <c:v>43363</c:v>
                </c:pt>
                <c:pt idx="3509">
                  <c:v>43364</c:v>
                </c:pt>
                <c:pt idx="3510">
                  <c:v>43367</c:v>
                </c:pt>
                <c:pt idx="3511">
                  <c:v>43368</c:v>
                </c:pt>
                <c:pt idx="3512">
                  <c:v>43369</c:v>
                </c:pt>
                <c:pt idx="3513">
                  <c:v>43370</c:v>
                </c:pt>
                <c:pt idx="3514">
                  <c:v>43371</c:v>
                </c:pt>
                <c:pt idx="3515">
                  <c:v>43374</c:v>
                </c:pt>
                <c:pt idx="3516">
                  <c:v>43375</c:v>
                </c:pt>
                <c:pt idx="3517">
                  <c:v>43376</c:v>
                </c:pt>
                <c:pt idx="3518">
                  <c:v>43377</c:v>
                </c:pt>
                <c:pt idx="3519">
                  <c:v>43378</c:v>
                </c:pt>
                <c:pt idx="3520">
                  <c:v>43381</c:v>
                </c:pt>
                <c:pt idx="3521">
                  <c:v>43382</c:v>
                </c:pt>
                <c:pt idx="3522">
                  <c:v>43383</c:v>
                </c:pt>
                <c:pt idx="3523">
                  <c:v>43384</c:v>
                </c:pt>
                <c:pt idx="3524">
                  <c:v>43388</c:v>
                </c:pt>
                <c:pt idx="3525">
                  <c:v>43389</c:v>
                </c:pt>
                <c:pt idx="3526">
                  <c:v>43390</c:v>
                </c:pt>
                <c:pt idx="3527">
                  <c:v>43391</c:v>
                </c:pt>
                <c:pt idx="3528">
                  <c:v>43392</c:v>
                </c:pt>
                <c:pt idx="3529">
                  <c:v>43395</c:v>
                </c:pt>
                <c:pt idx="3530">
                  <c:v>43396</c:v>
                </c:pt>
                <c:pt idx="3531">
                  <c:v>43397</c:v>
                </c:pt>
                <c:pt idx="3532">
                  <c:v>43398</c:v>
                </c:pt>
                <c:pt idx="3533">
                  <c:v>43399</c:v>
                </c:pt>
                <c:pt idx="3534">
                  <c:v>43402</c:v>
                </c:pt>
                <c:pt idx="3535">
                  <c:v>43403</c:v>
                </c:pt>
                <c:pt idx="3536">
                  <c:v>43404</c:v>
                </c:pt>
                <c:pt idx="3537">
                  <c:v>43405</c:v>
                </c:pt>
                <c:pt idx="3538">
                  <c:v>43409</c:v>
                </c:pt>
                <c:pt idx="3539">
                  <c:v>43410</c:v>
                </c:pt>
                <c:pt idx="3540">
                  <c:v>43411</c:v>
                </c:pt>
                <c:pt idx="3541">
                  <c:v>43412</c:v>
                </c:pt>
                <c:pt idx="3542">
                  <c:v>43413</c:v>
                </c:pt>
                <c:pt idx="3543">
                  <c:v>43416</c:v>
                </c:pt>
                <c:pt idx="3544">
                  <c:v>43417</c:v>
                </c:pt>
                <c:pt idx="3545">
                  <c:v>43418</c:v>
                </c:pt>
                <c:pt idx="3546">
                  <c:v>43420</c:v>
                </c:pt>
                <c:pt idx="3547">
                  <c:v>43423</c:v>
                </c:pt>
                <c:pt idx="3548">
                  <c:v>43424</c:v>
                </c:pt>
                <c:pt idx="3549">
                  <c:v>43425</c:v>
                </c:pt>
                <c:pt idx="3550">
                  <c:v>43426</c:v>
                </c:pt>
                <c:pt idx="3551">
                  <c:v>43427</c:v>
                </c:pt>
                <c:pt idx="3552">
                  <c:v>43430</c:v>
                </c:pt>
                <c:pt idx="3553">
                  <c:v>43431</c:v>
                </c:pt>
                <c:pt idx="3554">
                  <c:v>43432</c:v>
                </c:pt>
                <c:pt idx="3555">
                  <c:v>43433</c:v>
                </c:pt>
                <c:pt idx="3556">
                  <c:v>43434</c:v>
                </c:pt>
                <c:pt idx="3557">
                  <c:v>43437</c:v>
                </c:pt>
                <c:pt idx="3558">
                  <c:v>43438</c:v>
                </c:pt>
                <c:pt idx="3559">
                  <c:v>43439</c:v>
                </c:pt>
                <c:pt idx="3560">
                  <c:v>43440</c:v>
                </c:pt>
                <c:pt idx="3561">
                  <c:v>43441</c:v>
                </c:pt>
                <c:pt idx="3562">
                  <c:v>43444</c:v>
                </c:pt>
                <c:pt idx="3563">
                  <c:v>43445</c:v>
                </c:pt>
                <c:pt idx="3564">
                  <c:v>43446</c:v>
                </c:pt>
                <c:pt idx="3565">
                  <c:v>43447</c:v>
                </c:pt>
                <c:pt idx="3566">
                  <c:v>43448</c:v>
                </c:pt>
                <c:pt idx="3567">
                  <c:v>43451</c:v>
                </c:pt>
                <c:pt idx="3568">
                  <c:v>43452</c:v>
                </c:pt>
                <c:pt idx="3569">
                  <c:v>43453</c:v>
                </c:pt>
                <c:pt idx="3570">
                  <c:v>43454</c:v>
                </c:pt>
                <c:pt idx="3571">
                  <c:v>43455</c:v>
                </c:pt>
                <c:pt idx="3572">
                  <c:v>43458</c:v>
                </c:pt>
                <c:pt idx="3573">
                  <c:v>43460</c:v>
                </c:pt>
                <c:pt idx="3574">
                  <c:v>43461</c:v>
                </c:pt>
                <c:pt idx="3575">
                  <c:v>43462</c:v>
                </c:pt>
                <c:pt idx="3576">
                  <c:v>43465</c:v>
                </c:pt>
                <c:pt idx="3577">
                  <c:v>43467</c:v>
                </c:pt>
                <c:pt idx="3578">
                  <c:v>43468</c:v>
                </c:pt>
                <c:pt idx="3579">
                  <c:v>43469</c:v>
                </c:pt>
                <c:pt idx="3580">
                  <c:v>43472</c:v>
                </c:pt>
                <c:pt idx="3581">
                  <c:v>43473</c:v>
                </c:pt>
                <c:pt idx="3582">
                  <c:v>43474</c:v>
                </c:pt>
                <c:pt idx="3583">
                  <c:v>43475</c:v>
                </c:pt>
                <c:pt idx="3584">
                  <c:v>43476</c:v>
                </c:pt>
                <c:pt idx="3585">
                  <c:v>43479</c:v>
                </c:pt>
                <c:pt idx="3586">
                  <c:v>43480</c:v>
                </c:pt>
                <c:pt idx="3587">
                  <c:v>43481</c:v>
                </c:pt>
                <c:pt idx="3588">
                  <c:v>43482</c:v>
                </c:pt>
                <c:pt idx="3589">
                  <c:v>43483</c:v>
                </c:pt>
                <c:pt idx="3590">
                  <c:v>43486</c:v>
                </c:pt>
                <c:pt idx="3591">
                  <c:v>43487</c:v>
                </c:pt>
                <c:pt idx="3592">
                  <c:v>43488</c:v>
                </c:pt>
                <c:pt idx="3593">
                  <c:v>43489</c:v>
                </c:pt>
                <c:pt idx="3594">
                  <c:v>43490</c:v>
                </c:pt>
                <c:pt idx="3595">
                  <c:v>43493</c:v>
                </c:pt>
                <c:pt idx="3596">
                  <c:v>43494</c:v>
                </c:pt>
                <c:pt idx="3597">
                  <c:v>43495</c:v>
                </c:pt>
                <c:pt idx="3598">
                  <c:v>43496</c:v>
                </c:pt>
                <c:pt idx="3599">
                  <c:v>43497</c:v>
                </c:pt>
                <c:pt idx="3600">
                  <c:v>43500</c:v>
                </c:pt>
                <c:pt idx="3601">
                  <c:v>43501</c:v>
                </c:pt>
                <c:pt idx="3602">
                  <c:v>43502</c:v>
                </c:pt>
                <c:pt idx="3603">
                  <c:v>43503</c:v>
                </c:pt>
                <c:pt idx="3604">
                  <c:v>43504</c:v>
                </c:pt>
                <c:pt idx="3605">
                  <c:v>43507</c:v>
                </c:pt>
                <c:pt idx="3606">
                  <c:v>43508</c:v>
                </c:pt>
                <c:pt idx="3607">
                  <c:v>43509</c:v>
                </c:pt>
                <c:pt idx="3608">
                  <c:v>43510</c:v>
                </c:pt>
                <c:pt idx="3609">
                  <c:v>43511</c:v>
                </c:pt>
                <c:pt idx="3610">
                  <c:v>43514</c:v>
                </c:pt>
                <c:pt idx="3611">
                  <c:v>43515</c:v>
                </c:pt>
                <c:pt idx="3612">
                  <c:v>43516</c:v>
                </c:pt>
                <c:pt idx="3613">
                  <c:v>43517</c:v>
                </c:pt>
                <c:pt idx="3614">
                  <c:v>43518</c:v>
                </c:pt>
                <c:pt idx="3615">
                  <c:v>43521</c:v>
                </c:pt>
                <c:pt idx="3616">
                  <c:v>43522</c:v>
                </c:pt>
                <c:pt idx="3617">
                  <c:v>43523</c:v>
                </c:pt>
                <c:pt idx="3618">
                  <c:v>43524</c:v>
                </c:pt>
                <c:pt idx="3619">
                  <c:v>43525</c:v>
                </c:pt>
                <c:pt idx="3620">
                  <c:v>43530</c:v>
                </c:pt>
                <c:pt idx="3621">
                  <c:v>43531</c:v>
                </c:pt>
                <c:pt idx="3622">
                  <c:v>43532</c:v>
                </c:pt>
                <c:pt idx="3623">
                  <c:v>43535</c:v>
                </c:pt>
                <c:pt idx="3624">
                  <c:v>43536</c:v>
                </c:pt>
                <c:pt idx="3625">
                  <c:v>43537</c:v>
                </c:pt>
                <c:pt idx="3626">
                  <c:v>43538</c:v>
                </c:pt>
                <c:pt idx="3627">
                  <c:v>43539</c:v>
                </c:pt>
                <c:pt idx="3628">
                  <c:v>43542</c:v>
                </c:pt>
                <c:pt idx="3629">
                  <c:v>43543</c:v>
                </c:pt>
                <c:pt idx="3630">
                  <c:v>43544</c:v>
                </c:pt>
                <c:pt idx="3631">
                  <c:v>43545</c:v>
                </c:pt>
                <c:pt idx="3632">
                  <c:v>43546</c:v>
                </c:pt>
                <c:pt idx="3633">
                  <c:v>43549</c:v>
                </c:pt>
                <c:pt idx="3634">
                  <c:v>43550</c:v>
                </c:pt>
                <c:pt idx="3635">
                  <c:v>43551</c:v>
                </c:pt>
                <c:pt idx="3636">
                  <c:v>43552</c:v>
                </c:pt>
                <c:pt idx="3637">
                  <c:v>43553</c:v>
                </c:pt>
                <c:pt idx="3638">
                  <c:v>43556</c:v>
                </c:pt>
                <c:pt idx="3639">
                  <c:v>43557</c:v>
                </c:pt>
                <c:pt idx="3640">
                  <c:v>43558</c:v>
                </c:pt>
                <c:pt idx="3641">
                  <c:v>43559</c:v>
                </c:pt>
                <c:pt idx="3642">
                  <c:v>43560</c:v>
                </c:pt>
                <c:pt idx="3643">
                  <c:v>43563</c:v>
                </c:pt>
                <c:pt idx="3644">
                  <c:v>43564</c:v>
                </c:pt>
                <c:pt idx="3645">
                  <c:v>43565</c:v>
                </c:pt>
                <c:pt idx="3646">
                  <c:v>43566</c:v>
                </c:pt>
                <c:pt idx="3647">
                  <c:v>43567</c:v>
                </c:pt>
                <c:pt idx="3648">
                  <c:v>43570</c:v>
                </c:pt>
                <c:pt idx="3649">
                  <c:v>43571</c:v>
                </c:pt>
                <c:pt idx="3650">
                  <c:v>43572</c:v>
                </c:pt>
                <c:pt idx="3651">
                  <c:v>43573</c:v>
                </c:pt>
                <c:pt idx="3652">
                  <c:v>43577</c:v>
                </c:pt>
                <c:pt idx="3653">
                  <c:v>43578</c:v>
                </c:pt>
                <c:pt idx="3654">
                  <c:v>43579</c:v>
                </c:pt>
                <c:pt idx="3655">
                  <c:v>43580</c:v>
                </c:pt>
                <c:pt idx="3656">
                  <c:v>43581</c:v>
                </c:pt>
                <c:pt idx="3657">
                  <c:v>43584</c:v>
                </c:pt>
                <c:pt idx="3658">
                  <c:v>43585</c:v>
                </c:pt>
                <c:pt idx="3659">
                  <c:v>43587</c:v>
                </c:pt>
                <c:pt idx="3660">
                  <c:v>43588</c:v>
                </c:pt>
                <c:pt idx="3661">
                  <c:v>43591</c:v>
                </c:pt>
                <c:pt idx="3662">
                  <c:v>43592</c:v>
                </c:pt>
                <c:pt idx="3663">
                  <c:v>43593</c:v>
                </c:pt>
                <c:pt idx="3664">
                  <c:v>43594</c:v>
                </c:pt>
                <c:pt idx="3665">
                  <c:v>43595</c:v>
                </c:pt>
                <c:pt idx="3666">
                  <c:v>43598</c:v>
                </c:pt>
                <c:pt idx="3667">
                  <c:v>43599</c:v>
                </c:pt>
                <c:pt idx="3668">
                  <c:v>43600</c:v>
                </c:pt>
                <c:pt idx="3669">
                  <c:v>43601</c:v>
                </c:pt>
                <c:pt idx="3670">
                  <c:v>43602</c:v>
                </c:pt>
                <c:pt idx="3671">
                  <c:v>43605</c:v>
                </c:pt>
                <c:pt idx="3672">
                  <c:v>43606</c:v>
                </c:pt>
                <c:pt idx="3673">
                  <c:v>43607</c:v>
                </c:pt>
                <c:pt idx="3674">
                  <c:v>43608</c:v>
                </c:pt>
                <c:pt idx="3675">
                  <c:v>43609</c:v>
                </c:pt>
                <c:pt idx="3676">
                  <c:v>43612</c:v>
                </c:pt>
                <c:pt idx="3677">
                  <c:v>43613</c:v>
                </c:pt>
                <c:pt idx="3678">
                  <c:v>43614</c:v>
                </c:pt>
                <c:pt idx="3679">
                  <c:v>43615</c:v>
                </c:pt>
                <c:pt idx="3680">
                  <c:v>43616</c:v>
                </c:pt>
              </c:numCache>
            </c:numRef>
          </c:cat>
          <c:val>
            <c:numRef>
              <c:f>'[DadosIndustria918.xlsx]Quantum Axis'!$J$2:$J$3686</c:f>
              <c:numCache>
                <c:formatCode>0%</c:formatCode>
                <c:ptCount val="3685"/>
                <c:pt idx="0">
                  <c:v>0</c:v>
                </c:pt>
                <c:pt idx="1">
                  <c:v>-6.0073132509141924E-3</c:v>
                </c:pt>
                <c:pt idx="2">
                  <c:v>1.1231063903882843E-2</c:v>
                </c:pt>
                <c:pt idx="3">
                  <c:v>1.027337628417202E-2</c:v>
                </c:pt>
                <c:pt idx="4">
                  <c:v>1.1884032735504091E-2</c:v>
                </c:pt>
                <c:pt idx="5">
                  <c:v>3.5042660630332456E-2</c:v>
                </c:pt>
                <c:pt idx="6">
                  <c:v>5.1279818909977237E-2</c:v>
                </c:pt>
                <c:pt idx="7">
                  <c:v>5.3674037959254628E-2</c:v>
                </c:pt>
                <c:pt idx="8">
                  <c:v>4.5925474490684293E-2</c:v>
                </c:pt>
                <c:pt idx="9">
                  <c:v>4.9277381159672728E-2</c:v>
                </c:pt>
                <c:pt idx="10">
                  <c:v>4.1528817691102393E-2</c:v>
                </c:pt>
                <c:pt idx="11">
                  <c:v>4.2704161588020373E-2</c:v>
                </c:pt>
                <c:pt idx="12">
                  <c:v>1.3799407974926181E-2</c:v>
                </c:pt>
                <c:pt idx="13">
                  <c:v>-5.6590632073816316E-4</c:v>
                </c:pt>
                <c:pt idx="14">
                  <c:v>1.7194845899356048E-2</c:v>
                </c:pt>
                <c:pt idx="15">
                  <c:v>1.9110221138777916E-2</c:v>
                </c:pt>
                <c:pt idx="16">
                  <c:v>-3.4825004353122857E-3</c:v>
                </c:pt>
                <c:pt idx="17">
                  <c:v>-4.3095942886990368E-3</c:v>
                </c:pt>
                <c:pt idx="18">
                  <c:v>3.7436879679610957E-3</c:v>
                </c:pt>
                <c:pt idx="19">
                  <c:v>-1.031690753961334E-2</c:v>
                </c:pt>
                <c:pt idx="20">
                  <c:v>-1.6106564513320487E-2</c:v>
                </c:pt>
                <c:pt idx="21">
                  <c:v>-5.3978756747343759E-3</c:v>
                </c:pt>
                <c:pt idx="22">
                  <c:v>8.6191885773987398E-3</c:v>
                </c:pt>
                <c:pt idx="23">
                  <c:v>-1.9153752394217571E-3</c:v>
                </c:pt>
                <c:pt idx="24">
                  <c:v>3.4825004353127298E-3</c:v>
                </c:pt>
                <c:pt idx="25">
                  <c:v>1.3059376632422293E-2</c:v>
                </c:pt>
                <c:pt idx="26">
                  <c:v>2.99495037436881E-2</c:v>
                </c:pt>
                <c:pt idx="27">
                  <c:v>3.9482848685356231E-2</c:v>
                </c:pt>
                <c:pt idx="28">
                  <c:v>2.4769284346160658E-2</c:v>
                </c:pt>
                <c:pt idx="29">
                  <c:v>1.0403970050496314E-2</c:v>
                </c:pt>
                <c:pt idx="30">
                  <c:v>1.0578095072262039E-2</c:v>
                </c:pt>
                <c:pt idx="31">
                  <c:v>2.0982065122758353E-2</c:v>
                </c:pt>
                <c:pt idx="32">
                  <c:v>2.3855127981891266E-2</c:v>
                </c:pt>
                <c:pt idx="33">
                  <c:v>4.6273724534215743E-2</c:v>
                </c:pt>
                <c:pt idx="34">
                  <c:v>3.4825004353125744E-2</c:v>
                </c:pt>
                <c:pt idx="35">
                  <c:v>5.2106912763364432E-2</c:v>
                </c:pt>
                <c:pt idx="36">
                  <c:v>5.0975100121887884E-2</c:v>
                </c:pt>
                <c:pt idx="37">
                  <c:v>4.6230193278774534E-2</c:v>
                </c:pt>
                <c:pt idx="38">
                  <c:v>6.4078008009751386E-2</c:v>
                </c:pt>
                <c:pt idx="39">
                  <c:v>5.955075744384497E-2</c:v>
                </c:pt>
                <c:pt idx="40">
                  <c:v>6.0769632596204159E-2</c:v>
                </c:pt>
                <c:pt idx="41">
                  <c:v>8.244819780602497E-2</c:v>
                </c:pt>
                <c:pt idx="42">
                  <c:v>8.8150792268849143E-2</c:v>
                </c:pt>
                <c:pt idx="43">
                  <c:v>8.1925822740728016E-2</c:v>
                </c:pt>
                <c:pt idx="44">
                  <c:v>9.3853386731673538E-2</c:v>
                </c:pt>
                <c:pt idx="45">
                  <c:v>9.8467699808462594E-2</c:v>
                </c:pt>
                <c:pt idx="46">
                  <c:v>9.6987637123454817E-2</c:v>
                </c:pt>
                <c:pt idx="47">
                  <c:v>0.10861048232631054</c:v>
                </c:pt>
                <c:pt idx="48">
                  <c:v>0.11579313947414271</c:v>
                </c:pt>
                <c:pt idx="49">
                  <c:v>8.7759010969876705E-2</c:v>
                </c:pt>
                <c:pt idx="50">
                  <c:v>8.6888385861048523E-2</c:v>
                </c:pt>
                <c:pt idx="51">
                  <c:v>6.7647570955946756E-2</c:v>
                </c:pt>
                <c:pt idx="52">
                  <c:v>8.5364791920599536E-2</c:v>
                </c:pt>
                <c:pt idx="53">
                  <c:v>9.8075918509490378E-2</c:v>
                </c:pt>
                <c:pt idx="54">
                  <c:v>0.11278948284868595</c:v>
                </c:pt>
                <c:pt idx="55">
                  <c:v>0.11331185791398291</c:v>
                </c:pt>
                <c:pt idx="56">
                  <c:v>0.12445585930698311</c:v>
                </c:pt>
                <c:pt idx="57">
                  <c:v>0.11696848337106114</c:v>
                </c:pt>
                <c:pt idx="58">
                  <c:v>0.11161413895176797</c:v>
                </c:pt>
                <c:pt idx="59">
                  <c:v>0.12698067212258457</c:v>
                </c:pt>
                <c:pt idx="60">
                  <c:v>0.11975448371931097</c:v>
                </c:pt>
                <c:pt idx="61">
                  <c:v>0.12650182831272905</c:v>
                </c:pt>
                <c:pt idx="62">
                  <c:v>0.12650182831272905</c:v>
                </c:pt>
                <c:pt idx="63">
                  <c:v>0.12902664112833051</c:v>
                </c:pt>
                <c:pt idx="64">
                  <c:v>0.13686226710778371</c:v>
                </c:pt>
                <c:pt idx="65">
                  <c:v>0.13882117360264679</c:v>
                </c:pt>
                <c:pt idx="66">
                  <c:v>0.14034476754309599</c:v>
                </c:pt>
                <c:pt idx="67">
                  <c:v>0.14034476754309599</c:v>
                </c:pt>
                <c:pt idx="68">
                  <c:v>0.11971095246386909</c:v>
                </c:pt>
                <c:pt idx="69">
                  <c:v>8.1664635208079428E-2</c:v>
                </c:pt>
                <c:pt idx="70">
                  <c:v>7.4830228103778484E-2</c:v>
                </c:pt>
                <c:pt idx="71">
                  <c:v>6.0682570085321297E-2</c:v>
                </c:pt>
                <c:pt idx="72">
                  <c:v>7.7267978408497306E-2</c:v>
                </c:pt>
                <c:pt idx="73">
                  <c:v>5.7417725927215724E-2</c:v>
                </c:pt>
                <c:pt idx="74">
                  <c:v>6.0813163851645369E-2</c:v>
                </c:pt>
                <c:pt idx="75">
                  <c:v>6.6907539613442424E-2</c:v>
                </c:pt>
                <c:pt idx="76">
                  <c:v>7.9792791224098991E-2</c:v>
                </c:pt>
                <c:pt idx="77">
                  <c:v>8.4973010621626432E-2</c:v>
                </c:pt>
                <c:pt idx="78">
                  <c:v>6.7168727146091012E-2</c:v>
                </c:pt>
                <c:pt idx="79">
                  <c:v>4.8624412328051703E-2</c:v>
                </c:pt>
                <c:pt idx="80">
                  <c:v>5.6547100818387763E-2</c:v>
                </c:pt>
                <c:pt idx="81">
                  <c:v>2.7729409716176434E-2</c:v>
                </c:pt>
                <c:pt idx="82">
                  <c:v>3.6827442103430474E-2</c:v>
                </c:pt>
                <c:pt idx="83">
                  <c:v>5.3325787915723621E-2</c:v>
                </c:pt>
                <c:pt idx="84">
                  <c:v>5.3325787915723621E-2</c:v>
                </c:pt>
                <c:pt idx="85">
                  <c:v>6.782169597771226E-2</c:v>
                </c:pt>
                <c:pt idx="86">
                  <c:v>4.6012537001567377E-2</c:v>
                </c:pt>
                <c:pt idx="87">
                  <c:v>4.3357130419641621E-2</c:v>
                </c:pt>
                <c:pt idx="88">
                  <c:v>5.9986069998259062E-2</c:v>
                </c:pt>
                <c:pt idx="89">
                  <c:v>5.123628765453625E-2</c:v>
                </c:pt>
                <c:pt idx="90">
                  <c:v>7.1086540135817833E-2</c:v>
                </c:pt>
                <c:pt idx="91">
                  <c:v>8.2752916594114989E-2</c:v>
                </c:pt>
                <c:pt idx="92">
                  <c:v>0.1201027337628422</c:v>
                </c:pt>
                <c:pt idx="93">
                  <c:v>0.14543792442974102</c:v>
                </c:pt>
                <c:pt idx="94">
                  <c:v>0.14987811248476435</c:v>
                </c:pt>
                <c:pt idx="95">
                  <c:v>0.1609785826223229</c:v>
                </c:pt>
                <c:pt idx="96">
                  <c:v>0.15492773811596749</c:v>
                </c:pt>
                <c:pt idx="97">
                  <c:v>0.15836670729583857</c:v>
                </c:pt>
                <c:pt idx="98">
                  <c:v>0.14852864356608064</c:v>
                </c:pt>
                <c:pt idx="99">
                  <c:v>0.17926170990771384</c:v>
                </c:pt>
                <c:pt idx="100">
                  <c:v>0.16472227059028377</c:v>
                </c:pt>
                <c:pt idx="101">
                  <c:v>0.16894480236810017</c:v>
                </c:pt>
                <c:pt idx="102">
                  <c:v>0.16402577050322109</c:v>
                </c:pt>
                <c:pt idx="103">
                  <c:v>0.18396308549538554</c:v>
                </c:pt>
                <c:pt idx="104">
                  <c:v>0.23785477973184732</c:v>
                </c:pt>
                <c:pt idx="105">
                  <c:v>0.2373759359219918</c:v>
                </c:pt>
                <c:pt idx="106">
                  <c:v>0.22492599686574932</c:v>
                </c:pt>
                <c:pt idx="107">
                  <c:v>0.20707818213477247</c:v>
                </c:pt>
                <c:pt idx="108">
                  <c:v>0.22753787219223365</c:v>
                </c:pt>
                <c:pt idx="109">
                  <c:v>0.24795403099425339</c:v>
                </c:pt>
                <c:pt idx="110">
                  <c:v>0.27098206512275769</c:v>
                </c:pt>
                <c:pt idx="111">
                  <c:v>0.28221312902664053</c:v>
                </c:pt>
                <c:pt idx="112">
                  <c:v>0.26332056416506999</c:v>
                </c:pt>
                <c:pt idx="113">
                  <c:v>0.24125021765627674</c:v>
                </c:pt>
                <c:pt idx="114">
                  <c:v>0.24355737419467127</c:v>
                </c:pt>
                <c:pt idx="115">
                  <c:v>0.22209646526205762</c:v>
                </c:pt>
                <c:pt idx="116">
                  <c:v>0.2231412153926513</c:v>
                </c:pt>
                <c:pt idx="117">
                  <c:v>0.20089674386209233</c:v>
                </c:pt>
                <c:pt idx="118">
                  <c:v>0.21130071391258864</c:v>
                </c:pt>
                <c:pt idx="119">
                  <c:v>0.22257530907191292</c:v>
                </c:pt>
                <c:pt idx="120">
                  <c:v>0.2011579313947407</c:v>
                </c:pt>
                <c:pt idx="121">
                  <c:v>0.19323524290440464</c:v>
                </c:pt>
                <c:pt idx="122">
                  <c:v>0.15871495733936891</c:v>
                </c:pt>
                <c:pt idx="123">
                  <c:v>0.14260839282604842</c:v>
                </c:pt>
                <c:pt idx="124">
                  <c:v>0.16232805154100571</c:v>
                </c:pt>
                <c:pt idx="125">
                  <c:v>0.14300017412502108</c:v>
                </c:pt>
                <c:pt idx="126">
                  <c:v>0.1249347031168373</c:v>
                </c:pt>
                <c:pt idx="127">
                  <c:v>0.15222880027859942</c:v>
                </c:pt>
                <c:pt idx="128">
                  <c:v>0.15836670729583791</c:v>
                </c:pt>
                <c:pt idx="129">
                  <c:v>0.16546230193278721</c:v>
                </c:pt>
                <c:pt idx="130">
                  <c:v>0.1494863311857908</c:v>
                </c:pt>
                <c:pt idx="131">
                  <c:v>0.13346682918335295</c:v>
                </c:pt>
                <c:pt idx="132">
                  <c:v>0.11853560856695045</c:v>
                </c:pt>
                <c:pt idx="133">
                  <c:v>0.14517673689709132</c:v>
                </c:pt>
                <c:pt idx="134">
                  <c:v>0.12676301584537608</c:v>
                </c:pt>
                <c:pt idx="135">
                  <c:v>0.12741598467699711</c:v>
                </c:pt>
                <c:pt idx="136">
                  <c:v>0.1407800800975092</c:v>
                </c:pt>
                <c:pt idx="137">
                  <c:v>0.13468570433571236</c:v>
                </c:pt>
                <c:pt idx="138">
                  <c:v>8.7584885948110092E-2</c:v>
                </c:pt>
                <c:pt idx="139">
                  <c:v>7.3263102907887179E-2</c:v>
                </c:pt>
                <c:pt idx="140">
                  <c:v>8.2927041615879604E-2</c:v>
                </c:pt>
                <c:pt idx="141">
                  <c:v>0.11292007661500891</c:v>
                </c:pt>
                <c:pt idx="142">
                  <c:v>9.0980323872539737E-2</c:v>
                </c:pt>
                <c:pt idx="143">
                  <c:v>7.8138603517324601E-2</c:v>
                </c:pt>
                <c:pt idx="144">
                  <c:v>9.8337106042137412E-2</c:v>
                </c:pt>
                <c:pt idx="145">
                  <c:v>0.10151488768936012</c:v>
                </c:pt>
                <c:pt idx="146">
                  <c:v>9.8772418596551503E-2</c:v>
                </c:pt>
                <c:pt idx="147">
                  <c:v>6.3860351732543119E-2</c:v>
                </c:pt>
                <c:pt idx="148">
                  <c:v>8.1446978930871383E-2</c:v>
                </c:pt>
                <c:pt idx="149">
                  <c:v>7.5396134424515759E-2</c:v>
                </c:pt>
                <c:pt idx="150">
                  <c:v>7.587497823437106E-2</c:v>
                </c:pt>
                <c:pt idx="151">
                  <c:v>0.10891520111439901</c:v>
                </c:pt>
                <c:pt idx="152">
                  <c:v>0.10721748215218407</c:v>
                </c:pt>
                <c:pt idx="153">
                  <c:v>0.11392129549016095</c:v>
                </c:pt>
                <c:pt idx="154">
                  <c:v>0.10847988855998514</c:v>
                </c:pt>
                <c:pt idx="155">
                  <c:v>7.7920947240117444E-2</c:v>
                </c:pt>
                <c:pt idx="156">
                  <c:v>7.5134946891867394E-2</c:v>
                </c:pt>
                <c:pt idx="157">
                  <c:v>4.9843287480410003E-2</c:v>
                </c:pt>
                <c:pt idx="158">
                  <c:v>3.9831098728886349E-2</c:v>
                </c:pt>
                <c:pt idx="159">
                  <c:v>6.120494515061714E-2</c:v>
                </c:pt>
                <c:pt idx="160">
                  <c:v>6.2685007835625139E-2</c:v>
                </c:pt>
                <c:pt idx="161">
                  <c:v>8.3841197980148996E-2</c:v>
                </c:pt>
                <c:pt idx="162">
                  <c:v>8.0837541354692011E-2</c:v>
                </c:pt>
                <c:pt idx="163">
                  <c:v>6.7473445934180143E-2</c:v>
                </c:pt>
                <c:pt idx="164">
                  <c:v>5.4065819258226844E-2</c:v>
                </c:pt>
                <c:pt idx="165">
                  <c:v>6.8474664809332397E-2</c:v>
                </c:pt>
                <c:pt idx="166">
                  <c:v>6.5558070694758053E-2</c:v>
                </c:pt>
                <c:pt idx="167">
                  <c:v>9.938185617273132E-2</c:v>
                </c:pt>
                <c:pt idx="168">
                  <c:v>0.106738638342329</c:v>
                </c:pt>
                <c:pt idx="169">
                  <c:v>9.7292355911543726E-2</c:v>
                </c:pt>
                <c:pt idx="170">
                  <c:v>0.12954901619362635</c:v>
                </c:pt>
                <c:pt idx="171">
                  <c:v>0.15962911370363853</c:v>
                </c:pt>
                <c:pt idx="172">
                  <c:v>0.147701549712693</c:v>
                </c:pt>
                <c:pt idx="173">
                  <c:v>0.11248476406059482</c:v>
                </c:pt>
                <c:pt idx="174">
                  <c:v>8.9413198676649097E-2</c:v>
                </c:pt>
                <c:pt idx="175">
                  <c:v>7.526554065819191E-2</c:v>
                </c:pt>
                <c:pt idx="176">
                  <c:v>6.5775726971965209E-2</c:v>
                </c:pt>
                <c:pt idx="177">
                  <c:v>8.6104823263102315E-2</c:v>
                </c:pt>
                <c:pt idx="178">
                  <c:v>8.397179174647329E-2</c:v>
                </c:pt>
                <c:pt idx="179">
                  <c:v>0.12066864008357947</c:v>
                </c:pt>
                <c:pt idx="180">
                  <c:v>0.10921991990248947</c:v>
                </c:pt>
                <c:pt idx="181">
                  <c:v>0.12092982761622784</c:v>
                </c:pt>
                <c:pt idx="182">
                  <c:v>0.13581751697718891</c:v>
                </c:pt>
                <c:pt idx="183">
                  <c:v>0.13377154797144275</c:v>
                </c:pt>
                <c:pt idx="184">
                  <c:v>0.11966742120842699</c:v>
                </c:pt>
                <c:pt idx="185">
                  <c:v>0.11779557722444634</c:v>
                </c:pt>
                <c:pt idx="186">
                  <c:v>8.0228103778512194E-2</c:v>
                </c:pt>
                <c:pt idx="187">
                  <c:v>8.4624760578094316E-2</c:v>
                </c:pt>
                <c:pt idx="188">
                  <c:v>9.8075918509489046E-2</c:v>
                </c:pt>
                <c:pt idx="189">
                  <c:v>9.9643043705379686E-2</c:v>
                </c:pt>
                <c:pt idx="190">
                  <c:v>9.3766324220789787E-2</c:v>
                </c:pt>
                <c:pt idx="191">
                  <c:v>9.0501480062684214E-2</c:v>
                </c:pt>
                <c:pt idx="192">
                  <c:v>0.10181960647744992</c:v>
                </c:pt>
                <c:pt idx="193">
                  <c:v>9.0196761274594417E-2</c:v>
                </c:pt>
                <c:pt idx="194">
                  <c:v>7.409019676127393E-2</c:v>
                </c:pt>
                <c:pt idx="195">
                  <c:v>6.7212258401531555E-2</c:v>
                </c:pt>
                <c:pt idx="196">
                  <c:v>6.429566428695721E-2</c:v>
                </c:pt>
                <c:pt idx="197">
                  <c:v>6.3120320390039231E-2</c:v>
                </c:pt>
                <c:pt idx="198">
                  <c:v>8.8934354866793575E-2</c:v>
                </c:pt>
                <c:pt idx="199">
                  <c:v>0.11161413895176664</c:v>
                </c:pt>
                <c:pt idx="200">
                  <c:v>0.12550060943757546</c:v>
                </c:pt>
                <c:pt idx="201">
                  <c:v>0.12828660978582551</c:v>
                </c:pt>
                <c:pt idx="202">
                  <c:v>9.7901793487723543E-2</c:v>
                </c:pt>
                <c:pt idx="203">
                  <c:v>0.10225491903186423</c:v>
                </c:pt>
                <c:pt idx="204">
                  <c:v>0.10003482500435257</c:v>
                </c:pt>
                <c:pt idx="205">
                  <c:v>0.11892738986592311</c:v>
                </c:pt>
                <c:pt idx="206">
                  <c:v>0.1249347031168373</c:v>
                </c:pt>
                <c:pt idx="207">
                  <c:v>0.10530210691276265</c:v>
                </c:pt>
                <c:pt idx="208">
                  <c:v>6.7821695977711149E-2</c:v>
                </c:pt>
                <c:pt idx="209">
                  <c:v>8.2535260316906722E-2</c:v>
                </c:pt>
                <c:pt idx="210">
                  <c:v>0.10295141911892647</c:v>
                </c:pt>
                <c:pt idx="211">
                  <c:v>0.134772766846595</c:v>
                </c:pt>
                <c:pt idx="212">
                  <c:v>0.13364095420511846</c:v>
                </c:pt>
                <c:pt idx="213">
                  <c:v>0.14478495559811844</c:v>
                </c:pt>
                <c:pt idx="214">
                  <c:v>0.1661152707644078</c:v>
                </c:pt>
                <c:pt idx="215">
                  <c:v>0.16289395786174365</c:v>
                </c:pt>
                <c:pt idx="216">
                  <c:v>0.15222880027859897</c:v>
                </c:pt>
                <c:pt idx="217">
                  <c:v>0.15431830053978635</c:v>
                </c:pt>
                <c:pt idx="218">
                  <c:v>0.16276336409541936</c:v>
                </c:pt>
                <c:pt idx="219">
                  <c:v>0.18801149225143532</c:v>
                </c:pt>
                <c:pt idx="220">
                  <c:v>0.18039352254918906</c:v>
                </c:pt>
                <c:pt idx="221">
                  <c:v>0.15936792617098949</c:v>
                </c:pt>
                <c:pt idx="222">
                  <c:v>0.17316733414591567</c:v>
                </c:pt>
                <c:pt idx="223">
                  <c:v>0.19166811770851377</c:v>
                </c:pt>
                <c:pt idx="224">
                  <c:v>0.17882639735329886</c:v>
                </c:pt>
                <c:pt idx="225">
                  <c:v>0.19345289918161157</c:v>
                </c:pt>
                <c:pt idx="226">
                  <c:v>0.17094724011840423</c:v>
                </c:pt>
                <c:pt idx="227">
                  <c:v>0.15980323872540403</c:v>
                </c:pt>
                <c:pt idx="228">
                  <c:v>0.18666202333275206</c:v>
                </c:pt>
                <c:pt idx="229">
                  <c:v>0.16528817691102127</c:v>
                </c:pt>
                <c:pt idx="230">
                  <c:v>0.16280689535086101</c:v>
                </c:pt>
                <c:pt idx="231">
                  <c:v>0.19279993034999032</c:v>
                </c:pt>
                <c:pt idx="232">
                  <c:v>0.17943583492947845</c:v>
                </c:pt>
                <c:pt idx="233">
                  <c:v>0.19205989900748643</c:v>
                </c:pt>
                <c:pt idx="234">
                  <c:v>0.20159324394915457</c:v>
                </c:pt>
                <c:pt idx="235">
                  <c:v>0.2207905275988149</c:v>
                </c:pt>
                <c:pt idx="236">
                  <c:v>0.21722096465261953</c:v>
                </c:pt>
                <c:pt idx="237">
                  <c:v>0.23276162284520163</c:v>
                </c:pt>
                <c:pt idx="238">
                  <c:v>0.24159846769980731</c:v>
                </c:pt>
                <c:pt idx="239">
                  <c:v>0.25605084450635429</c:v>
                </c:pt>
                <c:pt idx="240">
                  <c:v>0.25491903186487774</c:v>
                </c:pt>
                <c:pt idx="241">
                  <c:v>0.27577050322131158</c:v>
                </c:pt>
                <c:pt idx="242">
                  <c:v>0.26615009576876059</c:v>
                </c:pt>
                <c:pt idx="243">
                  <c:v>0.25687793835974082</c:v>
                </c:pt>
                <c:pt idx="244">
                  <c:v>0.26453943931742852</c:v>
                </c:pt>
                <c:pt idx="245">
                  <c:v>0.27833884729235447</c:v>
                </c:pt>
                <c:pt idx="246">
                  <c:v>0.29788438098554604</c:v>
                </c:pt>
                <c:pt idx="247">
                  <c:v>0.3092460386557534</c:v>
                </c:pt>
                <c:pt idx="248">
                  <c:v>0.30846247605780808</c:v>
                </c:pt>
                <c:pt idx="249">
                  <c:v>0.34237332404666398</c:v>
                </c:pt>
                <c:pt idx="250">
                  <c:v>0.33545185443148018</c:v>
                </c:pt>
                <c:pt idx="251">
                  <c:v>0.36226710778338678</c:v>
                </c:pt>
                <c:pt idx="252">
                  <c:v>0.35560682570085156</c:v>
                </c:pt>
                <c:pt idx="253">
                  <c:v>0.34398398049799606</c:v>
                </c:pt>
                <c:pt idx="254">
                  <c:v>0.36326832665853948</c:v>
                </c:pt>
                <c:pt idx="255">
                  <c:v>0.35852341981542613</c:v>
                </c:pt>
                <c:pt idx="256">
                  <c:v>0.37484764060595377</c:v>
                </c:pt>
                <c:pt idx="257">
                  <c:v>0.38673167334145786</c:v>
                </c:pt>
                <c:pt idx="258">
                  <c:v>0.3617882639735317</c:v>
                </c:pt>
                <c:pt idx="259">
                  <c:v>0.31303325787915592</c:v>
                </c:pt>
                <c:pt idx="260">
                  <c:v>0.27228800278599907</c:v>
                </c:pt>
                <c:pt idx="261">
                  <c:v>0.3047187880898472</c:v>
                </c:pt>
                <c:pt idx="262">
                  <c:v>0.31799582099947643</c:v>
                </c:pt>
                <c:pt idx="263">
                  <c:v>0.33266585408323057</c:v>
                </c:pt>
                <c:pt idx="264">
                  <c:v>0.30071391258923796</c:v>
                </c:pt>
                <c:pt idx="265">
                  <c:v>0.29592547449068318</c:v>
                </c:pt>
                <c:pt idx="266">
                  <c:v>0.31642869580358579</c:v>
                </c:pt>
                <c:pt idx="267">
                  <c:v>0.26532300191537406</c:v>
                </c:pt>
                <c:pt idx="268">
                  <c:v>0.27533519066689771</c:v>
                </c:pt>
                <c:pt idx="269">
                  <c:v>0.23384990423123697</c:v>
                </c:pt>
                <c:pt idx="270">
                  <c:v>0.2700243775030462</c:v>
                </c:pt>
                <c:pt idx="271">
                  <c:v>0.29871147483893323</c:v>
                </c:pt>
                <c:pt idx="272">
                  <c:v>0.28408497301062052</c:v>
                </c:pt>
                <c:pt idx="273">
                  <c:v>0.29414069301758561</c:v>
                </c:pt>
                <c:pt idx="274">
                  <c:v>0.26815253351906554</c:v>
                </c:pt>
                <c:pt idx="275">
                  <c:v>0.2762493470311671</c:v>
                </c:pt>
                <c:pt idx="276">
                  <c:v>0.3143391955423982</c:v>
                </c:pt>
                <c:pt idx="277">
                  <c:v>0.34507226188403162</c:v>
                </c:pt>
                <c:pt idx="278">
                  <c:v>0.353778512972313</c:v>
                </c:pt>
                <c:pt idx="279">
                  <c:v>0.34454988681873466</c:v>
                </c:pt>
                <c:pt idx="280">
                  <c:v>0.34737941842242614</c:v>
                </c:pt>
                <c:pt idx="281">
                  <c:v>0.34816298102037146</c:v>
                </c:pt>
                <c:pt idx="282">
                  <c:v>0.33492947936618367</c:v>
                </c:pt>
                <c:pt idx="283">
                  <c:v>0.33745429218178535</c:v>
                </c:pt>
                <c:pt idx="284">
                  <c:v>0.32813860351732438</c:v>
                </c:pt>
                <c:pt idx="285">
                  <c:v>0.31542747692843354</c:v>
                </c:pt>
                <c:pt idx="286">
                  <c:v>0.32691972836496497</c:v>
                </c:pt>
                <c:pt idx="287">
                  <c:v>0.35325613790701604</c:v>
                </c:pt>
                <c:pt idx="288">
                  <c:v>0.35390910673863707</c:v>
                </c:pt>
                <c:pt idx="289">
                  <c:v>0.3542573567821683</c:v>
                </c:pt>
                <c:pt idx="290">
                  <c:v>0.37075570259446144</c:v>
                </c:pt>
                <c:pt idx="291">
                  <c:v>0.39047536130941873</c:v>
                </c:pt>
                <c:pt idx="292">
                  <c:v>0.39056242382030137</c:v>
                </c:pt>
                <c:pt idx="293">
                  <c:v>0.38947414243426626</c:v>
                </c:pt>
                <c:pt idx="294">
                  <c:v>0.36500957687619562</c:v>
                </c:pt>
                <c:pt idx="295">
                  <c:v>0.37780776597596932</c:v>
                </c:pt>
                <c:pt idx="296">
                  <c:v>0.38934354866794219</c:v>
                </c:pt>
                <c:pt idx="297">
                  <c:v>0.41985895873236823</c:v>
                </c:pt>
                <c:pt idx="298">
                  <c:v>0.42921817865227063</c:v>
                </c:pt>
                <c:pt idx="299">
                  <c:v>0.42351558418944624</c:v>
                </c:pt>
                <c:pt idx="300">
                  <c:v>0.44623889952986051</c:v>
                </c:pt>
                <c:pt idx="301">
                  <c:v>0.42590980323872341</c:v>
                </c:pt>
                <c:pt idx="302">
                  <c:v>0.41389517673689524</c:v>
                </c:pt>
                <c:pt idx="303">
                  <c:v>0.43309246038655558</c:v>
                </c:pt>
                <c:pt idx="304">
                  <c:v>0.4352254919031846</c:v>
                </c:pt>
                <c:pt idx="305">
                  <c:v>0.45477102559637617</c:v>
                </c:pt>
                <c:pt idx="306">
                  <c:v>0.46391258923907164</c:v>
                </c:pt>
                <c:pt idx="307">
                  <c:v>0.44493296186661824</c:v>
                </c:pt>
                <c:pt idx="308">
                  <c:v>0.44919902489987606</c:v>
                </c:pt>
                <c:pt idx="309">
                  <c:v>0.43674908584363381</c:v>
                </c:pt>
                <c:pt idx="310">
                  <c:v>0.43940449242555979</c:v>
                </c:pt>
                <c:pt idx="311">
                  <c:v>0.45903708862963444</c:v>
                </c:pt>
                <c:pt idx="312">
                  <c:v>0.45881943235242728</c:v>
                </c:pt>
                <c:pt idx="313">
                  <c:v>0.45094027511753265</c:v>
                </c:pt>
                <c:pt idx="314">
                  <c:v>0.44946021243252487</c:v>
                </c:pt>
                <c:pt idx="315">
                  <c:v>0.45263799407974759</c:v>
                </c:pt>
                <c:pt idx="316">
                  <c:v>0.44253874281734129</c:v>
                </c:pt>
                <c:pt idx="317">
                  <c:v>0.45633815079226725</c:v>
                </c:pt>
                <c:pt idx="318">
                  <c:v>0.45633815079226725</c:v>
                </c:pt>
                <c:pt idx="319">
                  <c:v>0.45860177607522035</c:v>
                </c:pt>
                <c:pt idx="320">
                  <c:v>0.50356956294619359</c:v>
                </c:pt>
                <c:pt idx="321">
                  <c:v>0.52368100296012376</c:v>
                </c:pt>
                <c:pt idx="322">
                  <c:v>0.52080794010099107</c:v>
                </c:pt>
                <c:pt idx="323">
                  <c:v>0.54427128678390946</c:v>
                </c:pt>
                <c:pt idx="324">
                  <c:v>0.53826397353299527</c:v>
                </c:pt>
                <c:pt idx="325">
                  <c:v>0.52572697196587015</c:v>
                </c:pt>
                <c:pt idx="326">
                  <c:v>0.56503569562946065</c:v>
                </c:pt>
                <c:pt idx="327">
                  <c:v>0.55750478843809725</c:v>
                </c:pt>
                <c:pt idx="328">
                  <c:v>0.56264147658018349</c:v>
                </c:pt>
                <c:pt idx="329">
                  <c:v>0.59032735504091827</c:v>
                </c:pt>
                <c:pt idx="330">
                  <c:v>0.57230541528817569</c:v>
                </c:pt>
                <c:pt idx="331">
                  <c:v>0.5586366010795738</c:v>
                </c:pt>
                <c:pt idx="332">
                  <c:v>0.60447501305937545</c:v>
                </c:pt>
                <c:pt idx="333">
                  <c:v>0.59733588716698471</c:v>
                </c:pt>
                <c:pt idx="334">
                  <c:v>0.59459341807417609</c:v>
                </c:pt>
                <c:pt idx="335">
                  <c:v>0.62802542225317648</c:v>
                </c:pt>
                <c:pt idx="336">
                  <c:v>0.62802542225317648</c:v>
                </c:pt>
                <c:pt idx="337">
                  <c:v>0.65479714434964187</c:v>
                </c:pt>
                <c:pt idx="338">
                  <c:v>0.64643914330489172</c:v>
                </c:pt>
                <c:pt idx="339">
                  <c:v>0.66472227059028244</c:v>
                </c:pt>
                <c:pt idx="340">
                  <c:v>0.67081664635207949</c:v>
                </c:pt>
                <c:pt idx="341">
                  <c:v>0.67525683440710282</c:v>
                </c:pt>
                <c:pt idx="342">
                  <c:v>0.62388995298624272</c:v>
                </c:pt>
                <c:pt idx="343">
                  <c:v>0.62201810900226229</c:v>
                </c:pt>
                <c:pt idx="344">
                  <c:v>0.62462998432874683</c:v>
                </c:pt>
                <c:pt idx="345">
                  <c:v>0.59154623019327746</c:v>
                </c:pt>
                <c:pt idx="346">
                  <c:v>0.58884729235591027</c:v>
                </c:pt>
                <c:pt idx="347">
                  <c:v>0.60551976318996914</c:v>
                </c:pt>
                <c:pt idx="348">
                  <c:v>0.60956816994602003</c:v>
                </c:pt>
                <c:pt idx="349">
                  <c:v>0.57204422775552732</c:v>
                </c:pt>
                <c:pt idx="350">
                  <c:v>0.59437576179696894</c:v>
                </c:pt>
                <c:pt idx="351">
                  <c:v>0.62106042138255124</c:v>
                </c:pt>
                <c:pt idx="352">
                  <c:v>0.66533170816646181</c:v>
                </c:pt>
                <c:pt idx="353">
                  <c:v>0.67251436531429398</c:v>
                </c:pt>
                <c:pt idx="354">
                  <c:v>0.67765105345637977</c:v>
                </c:pt>
                <c:pt idx="355">
                  <c:v>0.66137036392129356</c:v>
                </c:pt>
                <c:pt idx="356">
                  <c:v>0.66489639561204772</c:v>
                </c:pt>
                <c:pt idx="357">
                  <c:v>0.67181786522723153</c:v>
                </c:pt>
                <c:pt idx="358">
                  <c:v>0.68074177259272006</c:v>
                </c:pt>
                <c:pt idx="359">
                  <c:v>0.70542399442799786</c:v>
                </c:pt>
                <c:pt idx="360">
                  <c:v>0.70316036914504476</c:v>
                </c:pt>
                <c:pt idx="361">
                  <c:v>0.70812293226536505</c:v>
                </c:pt>
                <c:pt idx="362">
                  <c:v>0.66955423994427865</c:v>
                </c:pt>
                <c:pt idx="363">
                  <c:v>0.62902664112832873</c:v>
                </c:pt>
                <c:pt idx="364">
                  <c:v>0.62323698415462148</c:v>
                </c:pt>
                <c:pt idx="365">
                  <c:v>0.58070694758836683</c:v>
                </c:pt>
                <c:pt idx="366">
                  <c:v>0.60586801323349992</c:v>
                </c:pt>
                <c:pt idx="367">
                  <c:v>0.6016019502002421</c:v>
                </c:pt>
                <c:pt idx="368">
                  <c:v>0.63420686052585573</c:v>
                </c:pt>
                <c:pt idx="369">
                  <c:v>0.66476580184572343</c:v>
                </c:pt>
                <c:pt idx="370">
                  <c:v>0.6609785826223209</c:v>
                </c:pt>
                <c:pt idx="371">
                  <c:v>0.65632073829009041</c:v>
                </c:pt>
                <c:pt idx="372">
                  <c:v>0.66302455162806706</c:v>
                </c:pt>
                <c:pt idx="373">
                  <c:v>0.62798189099773438</c:v>
                </c:pt>
                <c:pt idx="374">
                  <c:v>0.64765801845725024</c:v>
                </c:pt>
                <c:pt idx="375">
                  <c:v>0.63124673515583996</c:v>
                </c:pt>
                <c:pt idx="376">
                  <c:v>0.63577398572174615</c:v>
                </c:pt>
                <c:pt idx="377">
                  <c:v>0.6385599860699962</c:v>
                </c:pt>
                <c:pt idx="378">
                  <c:v>0.59681351210168687</c:v>
                </c:pt>
                <c:pt idx="379">
                  <c:v>0.63203029775378505</c:v>
                </c:pt>
                <c:pt idx="380">
                  <c:v>0.64443670555458588</c:v>
                </c:pt>
                <c:pt idx="381">
                  <c:v>0.65205467525683192</c:v>
                </c:pt>
                <c:pt idx="382">
                  <c:v>0.68539961692494966</c:v>
                </c:pt>
                <c:pt idx="383">
                  <c:v>0.68909977363746933</c:v>
                </c:pt>
                <c:pt idx="384">
                  <c:v>0.70002611875326237</c:v>
                </c:pt>
                <c:pt idx="385">
                  <c:v>0.71012537001566867</c:v>
                </c:pt>
                <c:pt idx="386">
                  <c:v>0.6944976493122037</c:v>
                </c:pt>
                <c:pt idx="387">
                  <c:v>0.67482152185268784</c:v>
                </c:pt>
                <c:pt idx="388">
                  <c:v>0.64987811248476168</c:v>
                </c:pt>
                <c:pt idx="389">
                  <c:v>0.67277555284694168</c:v>
                </c:pt>
                <c:pt idx="390">
                  <c:v>0.65775726971965631</c:v>
                </c:pt>
                <c:pt idx="391">
                  <c:v>0.67429914678739089</c:v>
                </c:pt>
                <c:pt idx="392">
                  <c:v>0.72261884032735257</c:v>
                </c:pt>
                <c:pt idx="393">
                  <c:v>0.7385077485634659</c:v>
                </c:pt>
                <c:pt idx="394">
                  <c:v>0.73141215392651659</c:v>
                </c:pt>
                <c:pt idx="395">
                  <c:v>0.73041093505136434</c:v>
                </c:pt>
                <c:pt idx="396">
                  <c:v>0.72984502873062618</c:v>
                </c:pt>
                <c:pt idx="397">
                  <c:v>0.7590980323872516</c:v>
                </c:pt>
                <c:pt idx="398">
                  <c:v>0.73041093505136434</c:v>
                </c:pt>
                <c:pt idx="399">
                  <c:v>0.75705206338150544</c:v>
                </c:pt>
                <c:pt idx="400">
                  <c:v>0.7854779731847441</c:v>
                </c:pt>
                <c:pt idx="401">
                  <c:v>0.78125544140692749</c:v>
                </c:pt>
                <c:pt idx="402">
                  <c:v>0.78369319171164631</c:v>
                </c:pt>
                <c:pt idx="403">
                  <c:v>0.8029340066167483</c:v>
                </c:pt>
                <c:pt idx="404">
                  <c:v>0.80720006965000612</c:v>
                </c:pt>
                <c:pt idx="405">
                  <c:v>0.82739857217481894</c:v>
                </c:pt>
                <c:pt idx="406">
                  <c:v>0.81747344593417814</c:v>
                </c:pt>
                <c:pt idx="407">
                  <c:v>0.77812119101514643</c:v>
                </c:pt>
                <c:pt idx="408">
                  <c:v>0.75043531255441165</c:v>
                </c:pt>
                <c:pt idx="409">
                  <c:v>0.70951593243948907</c:v>
                </c:pt>
                <c:pt idx="410">
                  <c:v>0.71582796447849284</c:v>
                </c:pt>
                <c:pt idx="411">
                  <c:v>0.6668117708514687</c:v>
                </c:pt>
                <c:pt idx="412">
                  <c:v>0.64578617447326914</c:v>
                </c:pt>
                <c:pt idx="413">
                  <c:v>0.64252133031516356</c:v>
                </c:pt>
                <c:pt idx="414">
                  <c:v>0.58871669858958464</c:v>
                </c:pt>
                <c:pt idx="415">
                  <c:v>0.5719136339892017</c:v>
                </c:pt>
                <c:pt idx="416">
                  <c:v>0.55802716350339288</c:v>
                </c:pt>
                <c:pt idx="417">
                  <c:v>0.63538220442277304</c:v>
                </c:pt>
                <c:pt idx="418">
                  <c:v>0.6815688664461057</c:v>
                </c:pt>
                <c:pt idx="419">
                  <c:v>0.66049973881246471</c:v>
                </c:pt>
                <c:pt idx="420">
                  <c:v>0.58506007313250663</c:v>
                </c:pt>
                <c:pt idx="421">
                  <c:v>0.59019676127459286</c:v>
                </c:pt>
                <c:pt idx="422">
                  <c:v>0.64321783040222646</c:v>
                </c:pt>
                <c:pt idx="423">
                  <c:v>0.65166289395785948</c:v>
                </c:pt>
                <c:pt idx="424">
                  <c:v>0.5992947936618469</c:v>
                </c:pt>
                <c:pt idx="425">
                  <c:v>0.59137210517151084</c:v>
                </c:pt>
                <c:pt idx="426">
                  <c:v>0.53508619188577189</c:v>
                </c:pt>
                <c:pt idx="427">
                  <c:v>0.54261709907713529</c:v>
                </c:pt>
                <c:pt idx="428">
                  <c:v>0.5268152533519046</c:v>
                </c:pt>
                <c:pt idx="429">
                  <c:v>0.46064774508096629</c:v>
                </c:pt>
                <c:pt idx="430">
                  <c:v>0.42987114748389166</c:v>
                </c:pt>
                <c:pt idx="431">
                  <c:v>0.43396308549538398</c:v>
                </c:pt>
                <c:pt idx="432">
                  <c:v>0.49738812467351368</c:v>
                </c:pt>
                <c:pt idx="433">
                  <c:v>0.47557896569736879</c:v>
                </c:pt>
                <c:pt idx="434">
                  <c:v>0.46404318300539593</c:v>
                </c:pt>
                <c:pt idx="435">
                  <c:v>0.50383075047884174</c:v>
                </c:pt>
                <c:pt idx="436">
                  <c:v>0.49381856172731808</c:v>
                </c:pt>
                <c:pt idx="437">
                  <c:v>0.50883684485460345</c:v>
                </c:pt>
                <c:pt idx="438">
                  <c:v>0.5075309071913614</c:v>
                </c:pt>
                <c:pt idx="439">
                  <c:v>0.4963869057983612</c:v>
                </c:pt>
                <c:pt idx="440">
                  <c:v>0.51636775204596685</c:v>
                </c:pt>
                <c:pt idx="441">
                  <c:v>0.58828138603517077</c:v>
                </c:pt>
                <c:pt idx="442">
                  <c:v>0.59454988681873333</c:v>
                </c:pt>
                <c:pt idx="443">
                  <c:v>0.62619710952463636</c:v>
                </c:pt>
                <c:pt idx="444">
                  <c:v>0.62663242207905046</c:v>
                </c:pt>
                <c:pt idx="445">
                  <c:v>0.58358001044749908</c:v>
                </c:pt>
                <c:pt idx="446">
                  <c:v>0.59032735504091716</c:v>
                </c:pt>
                <c:pt idx="447">
                  <c:v>0.57152185269022948</c:v>
                </c:pt>
                <c:pt idx="448">
                  <c:v>0.57321957165244442</c:v>
                </c:pt>
                <c:pt idx="449">
                  <c:v>0.59119798014974556</c:v>
                </c:pt>
                <c:pt idx="450">
                  <c:v>0.5770938533867298</c:v>
                </c:pt>
                <c:pt idx="451">
                  <c:v>0.53900400487549871</c:v>
                </c:pt>
                <c:pt idx="452">
                  <c:v>0.53878634859829178</c:v>
                </c:pt>
                <c:pt idx="453">
                  <c:v>0.51776075222009221</c:v>
                </c:pt>
                <c:pt idx="454">
                  <c:v>0.52925300365662364</c:v>
                </c:pt>
                <c:pt idx="455">
                  <c:v>0.60129723141215208</c:v>
                </c:pt>
                <c:pt idx="456">
                  <c:v>0.56042138255267115</c:v>
                </c:pt>
                <c:pt idx="457">
                  <c:v>0.54579488072435844</c:v>
                </c:pt>
                <c:pt idx="458">
                  <c:v>0.57687619710952309</c:v>
                </c:pt>
                <c:pt idx="459">
                  <c:v>0.59672644959080468</c:v>
                </c:pt>
                <c:pt idx="460">
                  <c:v>0.5929827616228438</c:v>
                </c:pt>
                <c:pt idx="461">
                  <c:v>0.60573741946717585</c:v>
                </c:pt>
                <c:pt idx="462">
                  <c:v>0.62724185965523072</c:v>
                </c:pt>
                <c:pt idx="463">
                  <c:v>0.61400835800104314</c:v>
                </c:pt>
                <c:pt idx="464">
                  <c:v>0.60364791920598826</c:v>
                </c:pt>
                <c:pt idx="465">
                  <c:v>0.62319345289917982</c:v>
                </c:pt>
                <c:pt idx="466">
                  <c:v>0.63028904753612935</c:v>
                </c:pt>
                <c:pt idx="467">
                  <c:v>0.64752742469092639</c:v>
                </c:pt>
                <c:pt idx="468">
                  <c:v>0.64099773637471524</c:v>
                </c:pt>
                <c:pt idx="469">
                  <c:v>0.63677520459689863</c:v>
                </c:pt>
                <c:pt idx="470">
                  <c:v>0.62175692146961326</c:v>
                </c:pt>
                <c:pt idx="471">
                  <c:v>0.62602298450287108</c:v>
                </c:pt>
                <c:pt idx="472">
                  <c:v>0.60821870102733566</c:v>
                </c:pt>
                <c:pt idx="473">
                  <c:v>0.59132857391606963</c:v>
                </c:pt>
                <c:pt idx="474">
                  <c:v>0.6234981716872694</c:v>
                </c:pt>
                <c:pt idx="475">
                  <c:v>0.64012711126588684</c:v>
                </c:pt>
                <c:pt idx="476">
                  <c:v>0.6349468918683594</c:v>
                </c:pt>
                <c:pt idx="477">
                  <c:v>0.6346421730802696</c:v>
                </c:pt>
                <c:pt idx="478">
                  <c:v>0.6176214522026795</c:v>
                </c:pt>
                <c:pt idx="479">
                  <c:v>0.59659585582447994</c:v>
                </c:pt>
                <c:pt idx="480">
                  <c:v>0.54588194323524086</c:v>
                </c:pt>
                <c:pt idx="481">
                  <c:v>0.55828835103604169</c:v>
                </c:pt>
                <c:pt idx="482">
                  <c:v>0.56525335190666692</c:v>
                </c:pt>
                <c:pt idx="483">
                  <c:v>0.58340588542573357</c:v>
                </c:pt>
                <c:pt idx="484">
                  <c:v>0.5803151662893935</c:v>
                </c:pt>
                <c:pt idx="485">
                  <c:v>0.58075047884380759</c:v>
                </c:pt>
                <c:pt idx="486">
                  <c:v>0.57722444715305365</c:v>
                </c:pt>
                <c:pt idx="487">
                  <c:v>0.62497823437227695</c:v>
                </c:pt>
                <c:pt idx="488">
                  <c:v>0.64082361135294907</c:v>
                </c:pt>
                <c:pt idx="489">
                  <c:v>0.62663242207905046</c:v>
                </c:pt>
                <c:pt idx="490">
                  <c:v>0.59798885599860485</c:v>
                </c:pt>
                <c:pt idx="491">
                  <c:v>0.5914156364269525</c:v>
                </c:pt>
                <c:pt idx="492">
                  <c:v>0.55720006965000679</c:v>
                </c:pt>
                <c:pt idx="493">
                  <c:v>0.573480759185093</c:v>
                </c:pt>
                <c:pt idx="494">
                  <c:v>0.59102385512798006</c:v>
                </c:pt>
                <c:pt idx="495">
                  <c:v>0.5737854779731828</c:v>
                </c:pt>
                <c:pt idx="496">
                  <c:v>0.57448197806024526</c:v>
                </c:pt>
                <c:pt idx="497">
                  <c:v>0.58810726101340549</c:v>
                </c:pt>
                <c:pt idx="498">
                  <c:v>0.56211910151488564</c:v>
                </c:pt>
                <c:pt idx="499">
                  <c:v>0.53212606651575634</c:v>
                </c:pt>
                <c:pt idx="500">
                  <c:v>0.51619362702420135</c:v>
                </c:pt>
                <c:pt idx="501">
                  <c:v>0.51480062685007622</c:v>
                </c:pt>
                <c:pt idx="502">
                  <c:v>0.52237506529688083</c:v>
                </c:pt>
                <c:pt idx="503">
                  <c:v>0.55920250740031108</c:v>
                </c:pt>
                <c:pt idx="504">
                  <c:v>0.57169597771199498</c:v>
                </c:pt>
                <c:pt idx="505">
                  <c:v>0.58828138603517122</c:v>
                </c:pt>
                <c:pt idx="506">
                  <c:v>0.58667072958383915</c:v>
                </c:pt>
                <c:pt idx="507">
                  <c:v>0.61313773289221429</c:v>
                </c:pt>
                <c:pt idx="508">
                  <c:v>0.58614835451854197</c:v>
                </c:pt>
                <c:pt idx="509">
                  <c:v>0.64326136165766767</c:v>
                </c:pt>
                <c:pt idx="510">
                  <c:v>0.65314295664286703</c:v>
                </c:pt>
                <c:pt idx="511">
                  <c:v>0.65157583144697639</c:v>
                </c:pt>
                <c:pt idx="512">
                  <c:v>0.67186139648267185</c:v>
                </c:pt>
                <c:pt idx="513">
                  <c:v>0.6826571478321406</c:v>
                </c:pt>
                <c:pt idx="514">
                  <c:v>0.66820477102559339</c:v>
                </c:pt>
                <c:pt idx="515">
                  <c:v>0.69118927389865625</c:v>
                </c:pt>
                <c:pt idx="516">
                  <c:v>0.70768761971094962</c:v>
                </c:pt>
                <c:pt idx="517">
                  <c:v>0.69323524290440264</c:v>
                </c:pt>
                <c:pt idx="518">
                  <c:v>0.6840066167508243</c:v>
                </c:pt>
                <c:pt idx="519">
                  <c:v>0.69419293052411346</c:v>
                </c:pt>
                <c:pt idx="520">
                  <c:v>0.68213477276684364</c:v>
                </c:pt>
                <c:pt idx="521">
                  <c:v>0.70755702594462533</c:v>
                </c:pt>
                <c:pt idx="522">
                  <c:v>0.71939752742468777</c:v>
                </c:pt>
                <c:pt idx="523">
                  <c:v>0.72218352777293804</c:v>
                </c:pt>
                <c:pt idx="524">
                  <c:v>0.72575309071913363</c:v>
                </c:pt>
                <c:pt idx="525">
                  <c:v>0.7119972139996491</c:v>
                </c:pt>
                <c:pt idx="526">
                  <c:v>0.69336583667072693</c:v>
                </c:pt>
                <c:pt idx="527">
                  <c:v>0.70912415114051619</c:v>
                </c:pt>
                <c:pt idx="528">
                  <c:v>0.73820302977537589</c:v>
                </c:pt>
                <c:pt idx="529">
                  <c:v>0.76018631377328627</c:v>
                </c:pt>
                <c:pt idx="530">
                  <c:v>0.79549016193626731</c:v>
                </c:pt>
                <c:pt idx="531">
                  <c:v>0.7868709733588688</c:v>
                </c:pt>
                <c:pt idx="532">
                  <c:v>0.79932091241511127</c:v>
                </c:pt>
                <c:pt idx="533">
                  <c:v>0.77672819084102107</c:v>
                </c:pt>
                <c:pt idx="534">
                  <c:v>0.77254919031864611</c:v>
                </c:pt>
                <c:pt idx="535">
                  <c:v>0.76758662719832582</c:v>
                </c:pt>
                <c:pt idx="536">
                  <c:v>0.79740553717568941</c:v>
                </c:pt>
                <c:pt idx="537">
                  <c:v>0.79179000522374809</c:v>
                </c:pt>
                <c:pt idx="538">
                  <c:v>0.78604387950548249</c:v>
                </c:pt>
                <c:pt idx="539">
                  <c:v>0.78604387950548249</c:v>
                </c:pt>
                <c:pt idx="540">
                  <c:v>0.80959428869928374</c:v>
                </c:pt>
                <c:pt idx="541">
                  <c:v>0.82448197806024481</c:v>
                </c:pt>
                <c:pt idx="542">
                  <c:v>0.83131638516454576</c:v>
                </c:pt>
                <c:pt idx="543">
                  <c:v>0.81773463346682673</c:v>
                </c:pt>
                <c:pt idx="544">
                  <c:v>0.78103778512972077</c:v>
                </c:pt>
                <c:pt idx="545">
                  <c:v>0.78665331708166231</c:v>
                </c:pt>
                <c:pt idx="546">
                  <c:v>0.8270067908758465</c:v>
                </c:pt>
                <c:pt idx="547">
                  <c:v>0.82530907191363156</c:v>
                </c:pt>
                <c:pt idx="548">
                  <c:v>0.7990161936270217</c:v>
                </c:pt>
                <c:pt idx="549">
                  <c:v>0.85678216959776865</c:v>
                </c:pt>
                <c:pt idx="550">
                  <c:v>0.87867839108479617</c:v>
                </c:pt>
                <c:pt idx="551">
                  <c:v>0.87602298450287019</c:v>
                </c:pt>
                <c:pt idx="552">
                  <c:v>0.8678826397353272</c:v>
                </c:pt>
                <c:pt idx="553">
                  <c:v>0.87084276510534298</c:v>
                </c:pt>
                <c:pt idx="554">
                  <c:v>0.88477276684659345</c:v>
                </c:pt>
                <c:pt idx="555">
                  <c:v>0.87262754657844077</c:v>
                </c:pt>
                <c:pt idx="556">
                  <c:v>0.88420686052585507</c:v>
                </c:pt>
                <c:pt idx="557">
                  <c:v>0.90466655058331646</c:v>
                </c:pt>
                <c:pt idx="558">
                  <c:v>0.89774508096813266</c:v>
                </c:pt>
                <c:pt idx="559">
                  <c:v>0.89395786174473035</c:v>
                </c:pt>
                <c:pt idx="560">
                  <c:v>0.89748389343548429</c:v>
                </c:pt>
                <c:pt idx="561">
                  <c:v>0.89369667421208177</c:v>
                </c:pt>
                <c:pt idx="562">
                  <c:v>0.88860351732543696</c:v>
                </c:pt>
                <c:pt idx="563">
                  <c:v>0.88729757966219469</c:v>
                </c:pt>
                <c:pt idx="564">
                  <c:v>0.89809333101166344</c:v>
                </c:pt>
                <c:pt idx="565">
                  <c:v>0.93827267978408213</c:v>
                </c:pt>
                <c:pt idx="566">
                  <c:v>0.9359655232456876</c:v>
                </c:pt>
                <c:pt idx="567">
                  <c:v>0.9359655232456876</c:v>
                </c:pt>
                <c:pt idx="568">
                  <c:v>0.97553543444192625</c:v>
                </c:pt>
                <c:pt idx="569">
                  <c:v>0.93474664809332819</c:v>
                </c:pt>
                <c:pt idx="570">
                  <c:v>0.91620233327528888</c:v>
                </c:pt>
                <c:pt idx="571">
                  <c:v>0.83897788612223323</c:v>
                </c:pt>
                <c:pt idx="572">
                  <c:v>0.86440013930001514</c:v>
                </c:pt>
                <c:pt idx="573">
                  <c:v>0.82857391607173736</c:v>
                </c:pt>
                <c:pt idx="574">
                  <c:v>0.84289569911196027</c:v>
                </c:pt>
                <c:pt idx="575">
                  <c:v>0.85747866968483177</c:v>
                </c:pt>
                <c:pt idx="576">
                  <c:v>0.87593592199198844</c:v>
                </c:pt>
                <c:pt idx="577">
                  <c:v>0.86831795228974218</c:v>
                </c:pt>
                <c:pt idx="578">
                  <c:v>0.85547623193452704</c:v>
                </c:pt>
                <c:pt idx="579">
                  <c:v>0.86030820128852326</c:v>
                </c:pt>
                <c:pt idx="580">
                  <c:v>0.84907713738464019</c:v>
                </c:pt>
                <c:pt idx="581">
                  <c:v>0.89043183005397664</c:v>
                </c:pt>
                <c:pt idx="582">
                  <c:v>0.8959167682395941</c:v>
                </c:pt>
                <c:pt idx="583">
                  <c:v>0.92308027163503192</c:v>
                </c:pt>
                <c:pt idx="584">
                  <c:v>0.94523768065470826</c:v>
                </c:pt>
                <c:pt idx="585">
                  <c:v>0.94523768065470826</c:v>
                </c:pt>
                <c:pt idx="586">
                  <c:v>0.93331011666376273</c:v>
                </c:pt>
                <c:pt idx="587">
                  <c:v>0.89678739334842228</c:v>
                </c:pt>
                <c:pt idx="588">
                  <c:v>0.91729061466132511</c:v>
                </c:pt>
                <c:pt idx="589">
                  <c:v>0.94327877415984496</c:v>
                </c:pt>
                <c:pt idx="590">
                  <c:v>0.95085321260665001</c:v>
                </c:pt>
                <c:pt idx="591">
                  <c:v>0.95877590109698629</c:v>
                </c:pt>
                <c:pt idx="592">
                  <c:v>0.97135643391955306</c:v>
                </c:pt>
                <c:pt idx="593">
                  <c:v>0.97418596552324455</c:v>
                </c:pt>
                <c:pt idx="594">
                  <c:v>0.94092808636600966</c:v>
                </c:pt>
                <c:pt idx="595">
                  <c:v>0.95416158802019746</c:v>
                </c:pt>
                <c:pt idx="596">
                  <c:v>0.9277381159672633</c:v>
                </c:pt>
                <c:pt idx="597">
                  <c:v>0.91250217656277099</c:v>
                </c:pt>
                <c:pt idx="598">
                  <c:v>0.96748215218526812</c:v>
                </c:pt>
                <c:pt idx="599">
                  <c:v>1.002220094027511</c:v>
                </c:pt>
                <c:pt idx="600">
                  <c:v>1.0004788438098546</c:v>
                </c:pt>
                <c:pt idx="601">
                  <c:v>0.99586453073306558</c:v>
                </c:pt>
                <c:pt idx="602">
                  <c:v>1.006355563294445</c:v>
                </c:pt>
                <c:pt idx="603">
                  <c:v>1.0221138777642342</c:v>
                </c:pt>
                <c:pt idx="604">
                  <c:v>1.0030907191363396</c:v>
                </c:pt>
                <c:pt idx="605">
                  <c:v>1.0114487201810896</c:v>
                </c:pt>
                <c:pt idx="606">
                  <c:v>0.87815601601950144</c:v>
                </c:pt>
                <c:pt idx="607">
                  <c:v>0.91067386383423243</c:v>
                </c:pt>
                <c:pt idx="608">
                  <c:v>0.89430611178826358</c:v>
                </c:pt>
                <c:pt idx="609">
                  <c:v>0.84437576179697005</c:v>
                </c:pt>
                <c:pt idx="610">
                  <c:v>0.79257356782169586</c:v>
                </c:pt>
                <c:pt idx="611">
                  <c:v>0.88133379766672459</c:v>
                </c:pt>
                <c:pt idx="612">
                  <c:v>0.85734807591850948</c:v>
                </c:pt>
                <c:pt idx="613">
                  <c:v>0.89208601776075236</c:v>
                </c:pt>
                <c:pt idx="614">
                  <c:v>0.92116489639561205</c:v>
                </c:pt>
                <c:pt idx="615">
                  <c:v>0.92621452202681542</c:v>
                </c:pt>
                <c:pt idx="616">
                  <c:v>0.86091763886470485</c:v>
                </c:pt>
                <c:pt idx="617">
                  <c:v>0.88438098554762323</c:v>
                </c:pt>
                <c:pt idx="618">
                  <c:v>0.88394567299320914</c:v>
                </c:pt>
                <c:pt idx="619">
                  <c:v>0.8600905450113181</c:v>
                </c:pt>
                <c:pt idx="620">
                  <c:v>0.90283823785477946</c:v>
                </c:pt>
                <c:pt idx="621">
                  <c:v>0.9306111788263971</c:v>
                </c:pt>
                <c:pt idx="622">
                  <c:v>0.98633118579139789</c:v>
                </c:pt>
                <c:pt idx="623">
                  <c:v>0.97736374717046792</c:v>
                </c:pt>
                <c:pt idx="624">
                  <c:v>0.98206512275813962</c:v>
                </c:pt>
                <c:pt idx="625">
                  <c:v>0.98694062336757704</c:v>
                </c:pt>
                <c:pt idx="626">
                  <c:v>0.96787393348424078</c:v>
                </c:pt>
                <c:pt idx="627">
                  <c:v>0.93644436705554512</c:v>
                </c:pt>
                <c:pt idx="628">
                  <c:v>0.97436009054501027</c:v>
                </c:pt>
                <c:pt idx="629">
                  <c:v>0.99390562423820206</c:v>
                </c:pt>
                <c:pt idx="630">
                  <c:v>0.98489465436183088</c:v>
                </c:pt>
                <c:pt idx="631">
                  <c:v>1.0149747518718431</c:v>
                </c:pt>
                <c:pt idx="632">
                  <c:v>1.0265105345638159</c:v>
                </c:pt>
                <c:pt idx="633">
                  <c:v>1.0305589413198666</c:v>
                </c:pt>
                <c:pt idx="634">
                  <c:v>1.0396134424516794</c:v>
                </c:pt>
                <c:pt idx="635">
                  <c:v>1.0535434441929294</c:v>
                </c:pt>
                <c:pt idx="636">
                  <c:v>1.0433135991641986</c:v>
                </c:pt>
                <c:pt idx="637">
                  <c:v>1.0610308201288512</c:v>
                </c:pt>
                <c:pt idx="638">
                  <c:v>1.0862789482848676</c:v>
                </c:pt>
                <c:pt idx="639">
                  <c:v>1.1295925474490676</c:v>
                </c:pt>
                <c:pt idx="640">
                  <c:v>1.122366359045794</c:v>
                </c:pt>
                <c:pt idx="641">
                  <c:v>1.1203639212954895</c:v>
                </c:pt>
                <c:pt idx="642">
                  <c:v>1.1226710778338838</c:v>
                </c:pt>
                <c:pt idx="643">
                  <c:v>1.1507922688490329</c:v>
                </c:pt>
                <c:pt idx="644">
                  <c:v>1.1400835800104465</c:v>
                </c:pt>
                <c:pt idx="645">
                  <c:v>1.1360787045098371</c:v>
                </c:pt>
                <c:pt idx="646">
                  <c:v>1.1624151140518881</c:v>
                </c:pt>
                <c:pt idx="647">
                  <c:v>1.135948110743513</c:v>
                </c:pt>
                <c:pt idx="648">
                  <c:v>1.1430001741250213</c:v>
                </c:pt>
                <c:pt idx="649">
                  <c:v>1.131116141389517</c:v>
                </c:pt>
                <c:pt idx="650">
                  <c:v>1.1535347379418415</c:v>
                </c:pt>
                <c:pt idx="651">
                  <c:v>1.1860525857565727</c:v>
                </c:pt>
                <c:pt idx="652">
                  <c:v>1.2025509315688656</c:v>
                </c:pt>
                <c:pt idx="653">
                  <c:v>1.1887950548493809</c:v>
                </c:pt>
                <c:pt idx="654">
                  <c:v>1.1886209298276151</c:v>
                </c:pt>
                <c:pt idx="655">
                  <c:v>1.2331534041441743</c:v>
                </c:pt>
                <c:pt idx="656">
                  <c:v>1.1867490858436347</c:v>
                </c:pt>
                <c:pt idx="657">
                  <c:v>1.2158279644784948</c:v>
                </c:pt>
                <c:pt idx="658">
                  <c:v>1.1987637123454631</c:v>
                </c:pt>
                <c:pt idx="659">
                  <c:v>1.1991119623889941</c:v>
                </c:pt>
                <c:pt idx="660">
                  <c:v>1.2521765627720693</c:v>
                </c:pt>
                <c:pt idx="661">
                  <c:v>1.2475622496952803</c:v>
                </c:pt>
                <c:pt idx="662">
                  <c:v>1.266977189622148</c:v>
                </c:pt>
                <c:pt idx="663">
                  <c:v>1.2820390040048748</c:v>
                </c:pt>
                <c:pt idx="664">
                  <c:v>1.2726797840849722</c:v>
                </c:pt>
                <c:pt idx="665">
                  <c:v>1.2554414069301751</c:v>
                </c:pt>
                <c:pt idx="666">
                  <c:v>1.1996343374542913</c:v>
                </c:pt>
                <c:pt idx="667">
                  <c:v>1.2469528121191007</c:v>
                </c:pt>
                <c:pt idx="668">
                  <c:v>1.2688055023506868</c:v>
                </c:pt>
                <c:pt idx="669">
                  <c:v>1.2511318126414754</c:v>
                </c:pt>
                <c:pt idx="670">
                  <c:v>1.2865662545707806</c:v>
                </c:pt>
                <c:pt idx="671">
                  <c:v>1.2752916594114563</c:v>
                </c:pt>
                <c:pt idx="672">
                  <c:v>1.3255267281908396</c:v>
                </c:pt>
                <c:pt idx="673">
                  <c:v>1.3176911022113864</c:v>
                </c:pt>
                <c:pt idx="674">
                  <c:v>1.3142086017760737</c:v>
                </c:pt>
                <c:pt idx="675">
                  <c:v>1.2657583144697875</c:v>
                </c:pt>
                <c:pt idx="676">
                  <c:v>1.2779470659933811</c:v>
                </c:pt>
                <c:pt idx="677">
                  <c:v>1.2974055371756901</c:v>
                </c:pt>
                <c:pt idx="678">
                  <c:v>1.254788438098553</c:v>
                </c:pt>
                <c:pt idx="679">
                  <c:v>1.3068518196064756</c:v>
                </c:pt>
                <c:pt idx="680">
                  <c:v>1.3381507922688471</c:v>
                </c:pt>
                <c:pt idx="681">
                  <c:v>1.3732369841546208</c:v>
                </c:pt>
                <c:pt idx="682">
                  <c:v>1.3824656103081989</c:v>
                </c:pt>
                <c:pt idx="683">
                  <c:v>1.3786783910847964</c:v>
                </c:pt>
                <c:pt idx="684">
                  <c:v>1.3519502002437727</c:v>
                </c:pt>
                <c:pt idx="685">
                  <c:v>1.3792442974055348</c:v>
                </c:pt>
                <c:pt idx="686">
                  <c:v>1.3623106390388275</c:v>
                </c:pt>
                <c:pt idx="687">
                  <c:v>1.3524725753090698</c:v>
                </c:pt>
                <c:pt idx="688">
                  <c:v>1.3442016367752028</c:v>
                </c:pt>
                <c:pt idx="689">
                  <c:v>1.3569127633640936</c:v>
                </c:pt>
                <c:pt idx="690">
                  <c:v>1.3570433571304177</c:v>
                </c:pt>
                <c:pt idx="691">
                  <c:v>1.367752045969004</c:v>
                </c:pt>
                <c:pt idx="692">
                  <c:v>1.4103691450461411</c:v>
                </c:pt>
                <c:pt idx="693">
                  <c:v>1.4246473968309226</c:v>
                </c:pt>
                <c:pt idx="694">
                  <c:v>1.4245168030645985</c:v>
                </c:pt>
                <c:pt idx="695">
                  <c:v>1.4347901793487705</c:v>
                </c:pt>
                <c:pt idx="696">
                  <c:v>1.4570346508793293</c:v>
                </c:pt>
                <c:pt idx="697">
                  <c:v>1.4570346508793293</c:v>
                </c:pt>
                <c:pt idx="698">
                  <c:v>1.4326136165766998</c:v>
                </c:pt>
                <c:pt idx="699">
                  <c:v>1.4532474316559263</c:v>
                </c:pt>
                <c:pt idx="700">
                  <c:v>1.5079662197457746</c:v>
                </c:pt>
                <c:pt idx="701">
                  <c:v>1.5093156886644583</c:v>
                </c:pt>
                <c:pt idx="702">
                  <c:v>1.4975622496952785</c:v>
                </c:pt>
                <c:pt idx="703">
                  <c:v>1.5099686574960791</c:v>
                </c:pt>
                <c:pt idx="704">
                  <c:v>1.5054414069301729</c:v>
                </c:pt>
                <c:pt idx="705">
                  <c:v>1.5302106912763338</c:v>
                </c:pt>
                <c:pt idx="706">
                  <c:v>1.5005223750652945</c:v>
                </c:pt>
                <c:pt idx="707">
                  <c:v>1.5263799407974901</c:v>
                </c:pt>
                <c:pt idx="708">
                  <c:v>1.4287828660978557</c:v>
                </c:pt>
                <c:pt idx="709">
                  <c:v>1.4377938359742268</c:v>
                </c:pt>
                <c:pt idx="710">
                  <c:v>1.3460299495037411</c:v>
                </c:pt>
                <c:pt idx="711">
                  <c:v>1.303761100470135</c:v>
                </c:pt>
                <c:pt idx="712">
                  <c:v>1.3755876719484563</c:v>
                </c:pt>
                <c:pt idx="713">
                  <c:v>1.3586104823263079</c:v>
                </c:pt>
                <c:pt idx="714">
                  <c:v>1.3608305763538198</c:v>
                </c:pt>
                <c:pt idx="715">
                  <c:v>1.380724360090543</c:v>
                </c:pt>
                <c:pt idx="716">
                  <c:v>1.3004527250565889</c:v>
                </c:pt>
                <c:pt idx="717">
                  <c:v>1.3111178826397336</c:v>
                </c:pt>
                <c:pt idx="718">
                  <c:v>1.3420686052585737</c:v>
                </c:pt>
                <c:pt idx="719">
                  <c:v>1.4047100818387586</c:v>
                </c:pt>
                <c:pt idx="720">
                  <c:v>1.3258749782343706</c:v>
                </c:pt>
                <c:pt idx="721">
                  <c:v>1.2913982239247765</c:v>
                </c:pt>
                <c:pt idx="722">
                  <c:v>1.2825178478147299</c:v>
                </c:pt>
                <c:pt idx="723">
                  <c:v>1.2162197457774671</c:v>
                </c:pt>
                <c:pt idx="724">
                  <c:v>1.1454379244297392</c:v>
                </c:pt>
                <c:pt idx="725">
                  <c:v>1.0901532300191525</c:v>
                </c:pt>
                <c:pt idx="726">
                  <c:v>1.1137907017238362</c:v>
                </c:pt>
                <c:pt idx="727">
                  <c:v>1.1419989552498677</c:v>
                </c:pt>
                <c:pt idx="728">
                  <c:v>1.1685094898136845</c:v>
                </c:pt>
                <c:pt idx="729">
                  <c:v>1.2524812815601583</c:v>
                </c:pt>
                <c:pt idx="730">
                  <c:v>1.2570085321260644</c:v>
                </c:pt>
                <c:pt idx="731">
                  <c:v>1.3070259446282408</c:v>
                </c:pt>
                <c:pt idx="732">
                  <c:v>1.3105519763189948</c:v>
                </c:pt>
                <c:pt idx="733">
                  <c:v>1.2481716872714586</c:v>
                </c:pt>
                <c:pt idx="734">
                  <c:v>1.2955772244471508</c:v>
                </c:pt>
                <c:pt idx="735">
                  <c:v>1.300931568866444</c:v>
                </c:pt>
                <c:pt idx="736">
                  <c:v>1.3784172035521483</c:v>
                </c:pt>
                <c:pt idx="737">
                  <c:v>1.3869057983632227</c:v>
                </c:pt>
                <c:pt idx="738">
                  <c:v>1.4051018631377308</c:v>
                </c:pt>
                <c:pt idx="739">
                  <c:v>1.3684050148006248</c:v>
                </c:pt>
                <c:pt idx="740">
                  <c:v>1.3754570781821327</c:v>
                </c:pt>
                <c:pt idx="741">
                  <c:v>1.2920076615009557</c:v>
                </c:pt>
                <c:pt idx="742">
                  <c:v>1.3472052934006595</c:v>
                </c:pt>
                <c:pt idx="743">
                  <c:v>1.345551105693886</c:v>
                </c:pt>
                <c:pt idx="744">
                  <c:v>1.3902141737767697</c:v>
                </c:pt>
                <c:pt idx="745">
                  <c:v>1.379897266237156</c:v>
                </c:pt>
                <c:pt idx="746">
                  <c:v>1.3654884206860505</c:v>
                </c:pt>
                <c:pt idx="747">
                  <c:v>1.4667421208427629</c:v>
                </c:pt>
                <c:pt idx="748">
                  <c:v>1.4927738115967242</c:v>
                </c:pt>
                <c:pt idx="749">
                  <c:v>1.4771896221487006</c:v>
                </c:pt>
                <c:pt idx="750">
                  <c:v>1.5160195020024356</c:v>
                </c:pt>
                <c:pt idx="751">
                  <c:v>1.5561117882639715</c:v>
                </c:pt>
                <c:pt idx="752">
                  <c:v>1.5621191015148854</c:v>
                </c:pt>
                <c:pt idx="753">
                  <c:v>1.5994253874281714</c:v>
                </c:pt>
                <c:pt idx="754">
                  <c:v>1.6576702072087741</c:v>
                </c:pt>
                <c:pt idx="755">
                  <c:v>1.6321173602646684</c:v>
                </c:pt>
                <c:pt idx="756">
                  <c:v>1.7137384642173061</c:v>
                </c:pt>
                <c:pt idx="757">
                  <c:v>1.6996778687097316</c:v>
                </c:pt>
                <c:pt idx="758">
                  <c:v>1.6161413895176717</c:v>
                </c:pt>
                <c:pt idx="759">
                  <c:v>1.6295490161936246</c:v>
                </c:pt>
                <c:pt idx="760">
                  <c:v>1.7127807765975946</c:v>
                </c:pt>
                <c:pt idx="761">
                  <c:v>1.7276684659585562</c:v>
                </c:pt>
                <c:pt idx="762">
                  <c:v>1.7663242207905254</c:v>
                </c:pt>
                <c:pt idx="763">
                  <c:v>1.7510447501305917</c:v>
                </c:pt>
                <c:pt idx="764">
                  <c:v>1.7187445585930679</c:v>
                </c:pt>
                <c:pt idx="765">
                  <c:v>1.7411196238899507</c:v>
                </c:pt>
                <c:pt idx="766">
                  <c:v>1.6866184920773093</c:v>
                </c:pt>
                <c:pt idx="767">
                  <c:v>1.7508706251088255</c:v>
                </c:pt>
                <c:pt idx="768">
                  <c:v>1.7538307504788415</c:v>
                </c:pt>
                <c:pt idx="769">
                  <c:v>1.6507922688490311</c:v>
                </c:pt>
                <c:pt idx="770">
                  <c:v>1.6647658018457228</c:v>
                </c:pt>
                <c:pt idx="771">
                  <c:v>1.729279122409888</c:v>
                </c:pt>
                <c:pt idx="772">
                  <c:v>1.7261013407626651</c:v>
                </c:pt>
                <c:pt idx="773">
                  <c:v>1.7137819954727469</c:v>
                </c:pt>
                <c:pt idx="774">
                  <c:v>1.7979714434964276</c:v>
                </c:pt>
                <c:pt idx="775">
                  <c:v>1.8314469789308689</c:v>
                </c:pt>
                <c:pt idx="776">
                  <c:v>1.802672819084099</c:v>
                </c:pt>
                <c:pt idx="777">
                  <c:v>1.8433310116663733</c:v>
                </c:pt>
                <c:pt idx="778">
                  <c:v>1.7881769110221106</c:v>
                </c:pt>
                <c:pt idx="779">
                  <c:v>1.7406843113355359</c:v>
                </c:pt>
                <c:pt idx="780">
                  <c:v>1.8078965697370686</c:v>
                </c:pt>
                <c:pt idx="781">
                  <c:v>1.7642347205293376</c:v>
                </c:pt>
                <c:pt idx="782">
                  <c:v>1.7668901271112634</c:v>
                </c:pt>
                <c:pt idx="783">
                  <c:v>1.7999303499912913</c:v>
                </c:pt>
                <c:pt idx="784">
                  <c:v>1.6783040222880006</c:v>
                </c:pt>
                <c:pt idx="785">
                  <c:v>1.7392913111614119</c:v>
                </c:pt>
                <c:pt idx="786">
                  <c:v>1.8134250391781279</c:v>
                </c:pt>
                <c:pt idx="787">
                  <c:v>1.8125108828138585</c:v>
                </c:pt>
                <c:pt idx="788">
                  <c:v>1.7135643391955409</c:v>
                </c:pt>
                <c:pt idx="789">
                  <c:v>1.7135643391955409</c:v>
                </c:pt>
                <c:pt idx="790">
                  <c:v>1.6371669858958717</c:v>
                </c:pt>
                <c:pt idx="791">
                  <c:v>1.6403012362876535</c:v>
                </c:pt>
                <c:pt idx="792">
                  <c:v>1.6541006442625794</c:v>
                </c:pt>
                <c:pt idx="793">
                  <c:v>1.5713477276684649</c:v>
                </c:pt>
                <c:pt idx="794">
                  <c:v>1.5871060421382541</c:v>
                </c:pt>
                <c:pt idx="795">
                  <c:v>1.6864878983109861</c:v>
                </c:pt>
                <c:pt idx="796">
                  <c:v>1.7057287132160881</c:v>
                </c:pt>
                <c:pt idx="797">
                  <c:v>1.7427302803412839</c:v>
                </c:pt>
                <c:pt idx="798">
                  <c:v>1.751131812641475</c:v>
                </c:pt>
                <c:pt idx="799">
                  <c:v>1.7634076266759515</c:v>
                </c:pt>
                <c:pt idx="800">
                  <c:v>1.8263538220442261</c:v>
                </c:pt>
                <c:pt idx="801">
                  <c:v>1.8639212954901598</c:v>
                </c:pt>
                <c:pt idx="802">
                  <c:v>1.8573045446630658</c:v>
                </c:pt>
                <c:pt idx="803">
                  <c:v>1.8489030123628742</c:v>
                </c:pt>
                <c:pt idx="804">
                  <c:v>1.8082883510360417</c:v>
                </c:pt>
                <c:pt idx="805">
                  <c:v>1.8182570085321239</c:v>
                </c:pt>
                <c:pt idx="806">
                  <c:v>1.7363747170468375</c:v>
                </c:pt>
                <c:pt idx="807">
                  <c:v>1.7182657147832123</c:v>
                </c:pt>
                <c:pt idx="808">
                  <c:v>1.6043879505484919</c:v>
                </c:pt>
                <c:pt idx="809">
                  <c:v>1.6595855824481962</c:v>
                </c:pt>
                <c:pt idx="810">
                  <c:v>1.6867926170990755</c:v>
                </c:pt>
                <c:pt idx="811">
                  <c:v>1.6865749608218685</c:v>
                </c:pt>
                <c:pt idx="812">
                  <c:v>1.7466916245864517</c:v>
                </c:pt>
                <c:pt idx="813">
                  <c:v>1.7466916245864517</c:v>
                </c:pt>
                <c:pt idx="814">
                  <c:v>1.7985373498171673</c:v>
                </c:pt>
                <c:pt idx="815">
                  <c:v>1.776162284520284</c:v>
                </c:pt>
                <c:pt idx="816">
                  <c:v>1.7810377851297217</c:v>
                </c:pt>
                <c:pt idx="817">
                  <c:v>1.7810377851297217</c:v>
                </c:pt>
                <c:pt idx="818">
                  <c:v>1.7344158105519747</c:v>
                </c:pt>
                <c:pt idx="819">
                  <c:v>1.7377241859655217</c:v>
                </c:pt>
                <c:pt idx="820">
                  <c:v>1.6569737071217121</c:v>
                </c:pt>
                <c:pt idx="821">
                  <c:v>1.6454814556851809</c:v>
                </c:pt>
                <c:pt idx="822">
                  <c:v>1.7024203378025411</c:v>
                </c:pt>
                <c:pt idx="823">
                  <c:v>1.7282343722792959</c:v>
                </c:pt>
                <c:pt idx="824">
                  <c:v>1.7648876893609602</c:v>
                </c:pt>
                <c:pt idx="825">
                  <c:v>1.6964130245516271</c:v>
                </c:pt>
                <c:pt idx="826">
                  <c:v>1.7070781821347718</c:v>
                </c:pt>
                <c:pt idx="827">
                  <c:v>1.6078269197283643</c:v>
                </c:pt>
                <c:pt idx="828">
                  <c:v>1.5586366010795745</c:v>
                </c:pt>
                <c:pt idx="829">
                  <c:v>1.4828486853560849</c:v>
                </c:pt>
                <c:pt idx="830">
                  <c:v>1.5033083754135461</c:v>
                </c:pt>
                <c:pt idx="831">
                  <c:v>1.338020198502524</c:v>
                </c:pt>
                <c:pt idx="832">
                  <c:v>1.4419728364966038</c:v>
                </c:pt>
                <c:pt idx="833">
                  <c:v>1.3608741076092628</c:v>
                </c:pt>
                <c:pt idx="834">
                  <c:v>1.5014365314295657</c:v>
                </c:pt>
                <c:pt idx="835">
                  <c:v>1.5014365314295657</c:v>
                </c:pt>
                <c:pt idx="836">
                  <c:v>1.5506268500783555</c:v>
                </c:pt>
                <c:pt idx="837">
                  <c:v>1.5913721051715126</c:v>
                </c:pt>
                <c:pt idx="838">
                  <c:v>1.6244558593069818</c:v>
                </c:pt>
                <c:pt idx="839">
                  <c:v>1.5896743862092975</c:v>
                </c:pt>
                <c:pt idx="840">
                  <c:v>1.658845551105693</c:v>
                </c:pt>
                <c:pt idx="841">
                  <c:v>1.5669510708688827</c:v>
                </c:pt>
                <c:pt idx="842">
                  <c:v>1.5668204771025582</c:v>
                </c:pt>
                <c:pt idx="843">
                  <c:v>1.571608915201113</c:v>
                </c:pt>
                <c:pt idx="844">
                  <c:v>1.6398659237332391</c:v>
                </c:pt>
                <c:pt idx="845">
                  <c:v>1.6904492425561539</c:v>
                </c:pt>
                <c:pt idx="846">
                  <c:v>1.7246212780776586</c:v>
                </c:pt>
                <c:pt idx="847">
                  <c:v>1.6910151488768923</c:v>
                </c:pt>
                <c:pt idx="848">
                  <c:v>1.6672035521504429</c:v>
                </c:pt>
                <c:pt idx="849">
                  <c:v>1.7338063729757955</c:v>
                </c:pt>
                <c:pt idx="850">
                  <c:v>1.7118230889778849</c:v>
                </c:pt>
                <c:pt idx="851">
                  <c:v>1.7749869406233665</c:v>
                </c:pt>
                <c:pt idx="852">
                  <c:v>1.7769458471182298</c:v>
                </c:pt>
                <c:pt idx="853">
                  <c:v>1.8124673515584178</c:v>
                </c:pt>
                <c:pt idx="854">
                  <c:v>1.8295316036914491</c:v>
                </c:pt>
                <c:pt idx="855">
                  <c:v>1.8374542921817847</c:v>
                </c:pt>
                <c:pt idx="856">
                  <c:v>1.8510360438795037</c:v>
                </c:pt>
                <c:pt idx="857">
                  <c:v>1.8536914504614295</c:v>
                </c:pt>
                <c:pt idx="858">
                  <c:v>1.7637558767194825</c:v>
                </c:pt>
                <c:pt idx="859">
                  <c:v>1.8073306634163306</c:v>
                </c:pt>
                <c:pt idx="860">
                  <c:v>1.7709820651227561</c:v>
                </c:pt>
                <c:pt idx="861">
                  <c:v>1.8133815079226867</c:v>
                </c:pt>
                <c:pt idx="862">
                  <c:v>1.7413372801671581</c:v>
                </c:pt>
                <c:pt idx="863">
                  <c:v>1.6931481803935209</c:v>
                </c:pt>
                <c:pt idx="864">
                  <c:v>1.6118317952289725</c:v>
                </c:pt>
                <c:pt idx="865">
                  <c:v>1.7149138081142241</c:v>
                </c:pt>
                <c:pt idx="866">
                  <c:v>1.7065993383249154</c:v>
                </c:pt>
                <c:pt idx="867">
                  <c:v>1.7110830576353804</c:v>
                </c:pt>
                <c:pt idx="868">
                  <c:v>1.6985025248128136</c:v>
                </c:pt>
                <c:pt idx="869">
                  <c:v>1.6123541702942696</c:v>
                </c:pt>
                <c:pt idx="870">
                  <c:v>1.6959777119972124</c:v>
                </c:pt>
                <c:pt idx="871">
                  <c:v>1.5608131638516438</c:v>
                </c:pt>
                <c:pt idx="872">
                  <c:v>1.5677781647222693</c:v>
                </c:pt>
                <c:pt idx="873">
                  <c:v>1.6036914504614299</c:v>
                </c:pt>
                <c:pt idx="874">
                  <c:v>1.6655928956991106</c:v>
                </c:pt>
                <c:pt idx="875">
                  <c:v>1.673472052934005</c:v>
                </c:pt>
                <c:pt idx="876">
                  <c:v>1.6450026118753249</c:v>
                </c:pt>
                <c:pt idx="877">
                  <c:v>1.63155145394393</c:v>
                </c:pt>
                <c:pt idx="878">
                  <c:v>1.6540135817516957</c:v>
                </c:pt>
                <c:pt idx="879">
                  <c:v>1.7326310290788762</c:v>
                </c:pt>
                <c:pt idx="880">
                  <c:v>1.7583144697893065</c:v>
                </c:pt>
                <c:pt idx="881">
                  <c:v>1.7936183179522875</c:v>
                </c:pt>
                <c:pt idx="882">
                  <c:v>1.8053717569214673</c:v>
                </c:pt>
                <c:pt idx="883">
                  <c:v>1.7936183179522875</c:v>
                </c:pt>
                <c:pt idx="884">
                  <c:v>1.8094636949329597</c:v>
                </c:pt>
                <c:pt idx="885">
                  <c:v>1.7631899703987441</c:v>
                </c:pt>
                <c:pt idx="886">
                  <c:v>1.765410064426256</c:v>
                </c:pt>
                <c:pt idx="887">
                  <c:v>1.7244036218004508</c:v>
                </c:pt>
                <c:pt idx="888">
                  <c:v>1.7055981194497631</c:v>
                </c:pt>
                <c:pt idx="889">
                  <c:v>1.7258401532300174</c:v>
                </c:pt>
                <c:pt idx="890">
                  <c:v>1.7925735678216941</c:v>
                </c:pt>
                <c:pt idx="891">
                  <c:v>1.8100296012536981</c:v>
                </c:pt>
                <c:pt idx="892">
                  <c:v>1.8261361657670183</c:v>
                </c:pt>
                <c:pt idx="893">
                  <c:v>1.8474664809333072</c:v>
                </c:pt>
                <c:pt idx="894">
                  <c:v>1.827224447153053</c:v>
                </c:pt>
                <c:pt idx="895">
                  <c:v>1.8110743513842911</c:v>
                </c:pt>
                <c:pt idx="896">
                  <c:v>1.8376719484589907</c:v>
                </c:pt>
                <c:pt idx="897">
                  <c:v>1.8590022636252801</c:v>
                </c:pt>
                <c:pt idx="898">
                  <c:v>1.7783823785477946</c:v>
                </c:pt>
                <c:pt idx="899">
                  <c:v>1.9543792442974026</c:v>
                </c:pt>
                <c:pt idx="900">
                  <c:v>2.0195890649486299</c:v>
                </c:pt>
                <c:pt idx="901">
                  <c:v>2.0547623193452864</c:v>
                </c:pt>
                <c:pt idx="902">
                  <c:v>2.0556764757095563</c:v>
                </c:pt>
                <c:pt idx="903">
                  <c:v>2.004396656799579</c:v>
                </c:pt>
                <c:pt idx="904">
                  <c:v>2.0350861918857706</c:v>
                </c:pt>
                <c:pt idx="905">
                  <c:v>2.0317342852167823</c:v>
                </c:pt>
                <c:pt idx="906">
                  <c:v>2.0652533519066658</c:v>
                </c:pt>
                <c:pt idx="907">
                  <c:v>2.06908410238551</c:v>
                </c:pt>
                <c:pt idx="908">
                  <c:v>2.048319693539959</c:v>
                </c:pt>
                <c:pt idx="909">
                  <c:v>2.1121365140170614</c:v>
                </c:pt>
                <c:pt idx="910">
                  <c:v>2.1675953334494138</c:v>
                </c:pt>
                <c:pt idx="911">
                  <c:v>2.1968483371060392</c:v>
                </c:pt>
                <c:pt idx="912">
                  <c:v>2.2002437750304691</c:v>
                </c:pt>
                <c:pt idx="913">
                  <c:v>2.1470485808810698</c:v>
                </c:pt>
                <c:pt idx="914">
                  <c:v>2.1103517325439638</c:v>
                </c:pt>
                <c:pt idx="915">
                  <c:v>2.1180567647570929</c:v>
                </c:pt>
                <c:pt idx="916">
                  <c:v>2.0903708862963581</c:v>
                </c:pt>
                <c:pt idx="917">
                  <c:v>2.1844419293052386</c:v>
                </c:pt>
                <c:pt idx="918">
                  <c:v>2.125413546926691</c:v>
                </c:pt>
                <c:pt idx="919">
                  <c:v>2.1600208950026096</c:v>
                </c:pt>
                <c:pt idx="920">
                  <c:v>2.129766672470832</c:v>
                </c:pt>
                <c:pt idx="921">
                  <c:v>2.0476667247083387</c:v>
                </c:pt>
                <c:pt idx="922">
                  <c:v>1.9894219049277364</c:v>
                </c:pt>
                <c:pt idx="923">
                  <c:v>2.0998171687271445</c:v>
                </c:pt>
                <c:pt idx="924">
                  <c:v>2.037828660978581</c:v>
                </c:pt>
                <c:pt idx="925">
                  <c:v>2.015888908236112</c:v>
                </c:pt>
                <c:pt idx="926">
                  <c:v>1.9502873062859116</c:v>
                </c:pt>
                <c:pt idx="927">
                  <c:v>1.9076266759533329</c:v>
                </c:pt>
                <c:pt idx="928">
                  <c:v>1.9304805850600717</c:v>
                </c:pt>
                <c:pt idx="929">
                  <c:v>1.9254309594288688</c:v>
                </c:pt>
                <c:pt idx="930">
                  <c:v>1.9289569911196227</c:v>
                </c:pt>
                <c:pt idx="931">
                  <c:v>1.9791485286435648</c:v>
                </c:pt>
                <c:pt idx="932">
                  <c:v>1.9205119275639895</c:v>
                </c:pt>
                <c:pt idx="933">
                  <c:v>1.8987462998432858</c:v>
                </c:pt>
                <c:pt idx="934">
                  <c:v>1.8126850078356243</c:v>
                </c:pt>
                <c:pt idx="935">
                  <c:v>1.8138603517325422</c:v>
                </c:pt>
                <c:pt idx="936">
                  <c:v>1.793270067908757</c:v>
                </c:pt>
                <c:pt idx="937">
                  <c:v>1.8666637645829689</c:v>
                </c:pt>
                <c:pt idx="938">
                  <c:v>1.7836496604562058</c:v>
                </c:pt>
                <c:pt idx="939">
                  <c:v>1.7999738812467334</c:v>
                </c:pt>
                <c:pt idx="940">
                  <c:v>1.8302716350339527</c:v>
                </c:pt>
                <c:pt idx="941">
                  <c:v>1.7597074699634323</c:v>
                </c:pt>
                <c:pt idx="942">
                  <c:v>1.6600208950026105</c:v>
                </c:pt>
                <c:pt idx="943">
                  <c:v>1.5802281037785115</c:v>
                </c:pt>
                <c:pt idx="944">
                  <c:v>1.584232979279121</c:v>
                </c:pt>
                <c:pt idx="945">
                  <c:v>1.5721748215218514</c:v>
                </c:pt>
                <c:pt idx="946">
                  <c:v>1.5916332927041603</c:v>
                </c:pt>
                <c:pt idx="947">
                  <c:v>1.5916332927041603</c:v>
                </c:pt>
                <c:pt idx="948">
                  <c:v>1.6228452028556495</c:v>
                </c:pt>
                <c:pt idx="949">
                  <c:v>1.6183179522897433</c:v>
                </c:pt>
                <c:pt idx="950">
                  <c:v>1.6432178304022278</c:v>
                </c:pt>
                <c:pt idx="951">
                  <c:v>1.6560595507574427</c:v>
                </c:pt>
                <c:pt idx="952">
                  <c:v>1.7013755876719472</c:v>
                </c:pt>
                <c:pt idx="953">
                  <c:v>1.6165767020720865</c:v>
                </c:pt>
                <c:pt idx="954">
                  <c:v>1.6113529514191178</c:v>
                </c:pt>
                <c:pt idx="955">
                  <c:v>1.6454379244297397</c:v>
                </c:pt>
                <c:pt idx="956">
                  <c:v>1.5965087933135984</c:v>
                </c:pt>
                <c:pt idx="957">
                  <c:v>1.586627198328399</c:v>
                </c:pt>
                <c:pt idx="958">
                  <c:v>1.5001741250217648</c:v>
                </c:pt>
                <c:pt idx="959">
                  <c:v>1.4899442799930345</c:v>
                </c:pt>
                <c:pt idx="960">
                  <c:v>1.4755789656973701</c:v>
                </c:pt>
                <c:pt idx="961">
                  <c:v>1.5266411283301404</c:v>
                </c:pt>
                <c:pt idx="962">
                  <c:v>1.6117447327180909</c:v>
                </c:pt>
                <c:pt idx="963">
                  <c:v>1.5903273550409187</c:v>
                </c:pt>
                <c:pt idx="964">
                  <c:v>1.5087062510882805</c:v>
                </c:pt>
                <c:pt idx="965">
                  <c:v>1.4207295838411973</c:v>
                </c:pt>
                <c:pt idx="966">
                  <c:v>1.4582099947762486</c:v>
                </c:pt>
                <c:pt idx="967">
                  <c:v>1.5048755006094368</c:v>
                </c:pt>
                <c:pt idx="968">
                  <c:v>1.482021591502698</c:v>
                </c:pt>
                <c:pt idx="969">
                  <c:v>1.4631725578965691</c:v>
                </c:pt>
                <c:pt idx="970">
                  <c:v>1.3820302977537864</c:v>
                </c:pt>
                <c:pt idx="971">
                  <c:v>1.3725404840675597</c:v>
                </c:pt>
                <c:pt idx="972">
                  <c:v>1.3756312032038993</c:v>
                </c:pt>
                <c:pt idx="973">
                  <c:v>1.400226362528294</c:v>
                </c:pt>
                <c:pt idx="974">
                  <c:v>1.3613094201636762</c:v>
                </c:pt>
                <c:pt idx="975">
                  <c:v>1.3213477276684644</c:v>
                </c:pt>
                <c:pt idx="976">
                  <c:v>1.334929479366183</c:v>
                </c:pt>
                <c:pt idx="977">
                  <c:v>1.4106303325787897</c:v>
                </c:pt>
                <c:pt idx="978">
                  <c:v>1.4348772418596534</c:v>
                </c:pt>
                <c:pt idx="979">
                  <c:v>1.4312206164025749</c:v>
                </c:pt>
                <c:pt idx="980">
                  <c:v>1.3714522026815232</c:v>
                </c:pt>
                <c:pt idx="981">
                  <c:v>1.3662719832839958</c:v>
                </c:pt>
                <c:pt idx="982">
                  <c:v>1.4168117708514689</c:v>
                </c:pt>
                <c:pt idx="983">
                  <c:v>1.4543792442974031</c:v>
                </c:pt>
                <c:pt idx="984">
                  <c:v>1.4238203029775356</c:v>
                </c:pt>
                <c:pt idx="985">
                  <c:v>1.401271112658887</c:v>
                </c:pt>
                <c:pt idx="986">
                  <c:v>1.3682744210343007</c:v>
                </c:pt>
                <c:pt idx="987">
                  <c:v>1.330097510012187</c:v>
                </c:pt>
                <c:pt idx="988">
                  <c:v>1.2378547797318458</c:v>
                </c:pt>
                <c:pt idx="989">
                  <c:v>1.2609698763712327</c:v>
                </c:pt>
                <c:pt idx="990">
                  <c:v>1.2077746822218334</c:v>
                </c:pt>
                <c:pt idx="991">
                  <c:v>1.1084363573045426</c:v>
                </c:pt>
                <c:pt idx="992">
                  <c:v>1.160586801323348</c:v>
                </c:pt>
                <c:pt idx="993">
                  <c:v>1.2318474664809314</c:v>
                </c:pt>
                <c:pt idx="994">
                  <c:v>1.2806895350861902</c:v>
                </c:pt>
                <c:pt idx="995">
                  <c:v>1.1076092634511565</c:v>
                </c:pt>
                <c:pt idx="996">
                  <c:v>1.1429566428695788</c:v>
                </c:pt>
                <c:pt idx="997">
                  <c:v>0.99843287480410781</c:v>
                </c:pt>
                <c:pt idx="998">
                  <c:v>1.1078704509838047</c:v>
                </c:pt>
                <c:pt idx="999">
                  <c:v>1.309550757443843</c:v>
                </c:pt>
                <c:pt idx="1000">
                  <c:v>1.2436009054501116</c:v>
                </c:pt>
                <c:pt idx="1001">
                  <c:v>1.1588455511056925</c:v>
                </c:pt>
                <c:pt idx="1002">
                  <c:v>1.1696848337106029</c:v>
                </c:pt>
                <c:pt idx="1003">
                  <c:v>1.2561379070172372</c:v>
                </c:pt>
                <c:pt idx="1004">
                  <c:v>1.2106042138255253</c:v>
                </c:pt>
                <c:pt idx="1005">
                  <c:v>1.0036566254570771</c:v>
                </c:pt>
                <c:pt idx="1006">
                  <c:v>1.1565819258227394</c:v>
                </c:pt>
                <c:pt idx="1007">
                  <c:v>1.1677694584711813</c:v>
                </c:pt>
                <c:pt idx="1008">
                  <c:v>1.0087497823437217</c:v>
                </c:pt>
                <c:pt idx="1009">
                  <c:v>0.93788089848511125</c:v>
                </c:pt>
                <c:pt idx="1010">
                  <c:v>0.83266585408323079</c:v>
                </c:pt>
                <c:pt idx="1011">
                  <c:v>0.7473010621626317</c:v>
                </c:pt>
                <c:pt idx="1012">
                  <c:v>0.68000174125021662</c:v>
                </c:pt>
                <c:pt idx="1013">
                  <c:v>0.61413895176736788</c:v>
                </c:pt>
                <c:pt idx="1014">
                  <c:v>0.55010447501305837</c:v>
                </c:pt>
                <c:pt idx="1015">
                  <c:v>0.77733762841720244</c:v>
                </c:pt>
                <c:pt idx="1016">
                  <c:v>0.80955075744384342</c:v>
                </c:pt>
                <c:pt idx="1017">
                  <c:v>0.60338673167334034</c:v>
                </c:pt>
                <c:pt idx="1018">
                  <c:v>0.58632247954030881</c:v>
                </c:pt>
                <c:pt idx="1019">
                  <c:v>0.5844941668117698</c:v>
                </c:pt>
                <c:pt idx="1020">
                  <c:v>0.71691624586452951</c:v>
                </c:pt>
                <c:pt idx="1021">
                  <c:v>0.69959080619884961</c:v>
                </c:pt>
                <c:pt idx="1022">
                  <c:v>0.52659759707469855</c:v>
                </c:pt>
                <c:pt idx="1023">
                  <c:v>0.47213999651749861</c:v>
                </c:pt>
                <c:pt idx="1024">
                  <c:v>0.37040745255093066</c:v>
                </c:pt>
                <c:pt idx="1025">
                  <c:v>0.28134250391781213</c:v>
                </c:pt>
                <c:pt idx="1026">
                  <c:v>0.45333449416681071</c:v>
                </c:pt>
                <c:pt idx="1027">
                  <c:v>0.51684659585582327</c:v>
                </c:pt>
                <c:pt idx="1028">
                  <c:v>0.6301584537698055</c:v>
                </c:pt>
                <c:pt idx="1029">
                  <c:v>0.62180045272505535</c:v>
                </c:pt>
                <c:pt idx="1030">
                  <c:v>0.66502698937837246</c:v>
                </c:pt>
                <c:pt idx="1031">
                  <c:v>0.7523071565383932</c:v>
                </c:pt>
                <c:pt idx="1032">
                  <c:v>0.64482848685355965</c:v>
                </c:pt>
                <c:pt idx="1033">
                  <c:v>0.5828399791049963</c:v>
                </c:pt>
                <c:pt idx="1034">
                  <c:v>0.59607348075918387</c:v>
                </c:pt>
                <c:pt idx="1035">
                  <c:v>0.60090545011318008</c:v>
                </c:pt>
                <c:pt idx="1036">
                  <c:v>0.62201810900226229</c:v>
                </c:pt>
                <c:pt idx="1037">
                  <c:v>0.49629984328747923</c:v>
                </c:pt>
                <c:pt idx="1038">
                  <c:v>0.56682047710255845</c:v>
                </c:pt>
                <c:pt idx="1039">
                  <c:v>0.55794010099251135</c:v>
                </c:pt>
                <c:pt idx="1040">
                  <c:v>0.55480585060073007</c:v>
                </c:pt>
                <c:pt idx="1041">
                  <c:v>0.48415462301932655</c:v>
                </c:pt>
                <c:pt idx="1042">
                  <c:v>0.45411805676475581</c:v>
                </c:pt>
                <c:pt idx="1043">
                  <c:v>0.45411805676475581</c:v>
                </c:pt>
                <c:pt idx="1044">
                  <c:v>0.36035173254396535</c:v>
                </c:pt>
                <c:pt idx="1045">
                  <c:v>0.48824656103081887</c:v>
                </c:pt>
                <c:pt idx="1046">
                  <c:v>0.5154100644262567</c:v>
                </c:pt>
                <c:pt idx="1047">
                  <c:v>0.58754135469266799</c:v>
                </c:pt>
                <c:pt idx="1048">
                  <c:v>0.57635382204422636</c:v>
                </c:pt>
                <c:pt idx="1049">
                  <c:v>0.59302629287828501</c:v>
                </c:pt>
                <c:pt idx="1050">
                  <c:v>0.5122758140344752</c:v>
                </c:pt>
                <c:pt idx="1051">
                  <c:v>0.5235939404492409</c:v>
                </c:pt>
                <c:pt idx="1052">
                  <c:v>0.53647919205989747</c:v>
                </c:pt>
                <c:pt idx="1053">
                  <c:v>0.52912240989029957</c:v>
                </c:pt>
                <c:pt idx="1054">
                  <c:v>0.53869928608740913</c:v>
                </c:pt>
                <c:pt idx="1055">
                  <c:v>0.66655058331882122</c:v>
                </c:pt>
                <c:pt idx="1056">
                  <c:v>0.65279470659933647</c:v>
                </c:pt>
                <c:pt idx="1057">
                  <c:v>0.69789308723663379</c:v>
                </c:pt>
                <c:pt idx="1058">
                  <c:v>0.67678042834755137</c:v>
                </c:pt>
                <c:pt idx="1059">
                  <c:v>0.71395612049451262</c:v>
                </c:pt>
                <c:pt idx="1060">
                  <c:v>0.66811770851471119</c:v>
                </c:pt>
                <c:pt idx="1061">
                  <c:v>0.74094549886818495</c:v>
                </c:pt>
                <c:pt idx="1062">
                  <c:v>0.73894306111788022</c:v>
                </c:pt>
                <c:pt idx="1063">
                  <c:v>0.72105171513146216</c:v>
                </c:pt>
                <c:pt idx="1064">
                  <c:v>0.70342155667769246</c:v>
                </c:pt>
                <c:pt idx="1065">
                  <c:v>0.63755876719484394</c:v>
                </c:pt>
                <c:pt idx="1066">
                  <c:v>0.58758488594810898</c:v>
                </c:pt>
                <c:pt idx="1067">
                  <c:v>0.58758488594810898</c:v>
                </c:pt>
                <c:pt idx="1068">
                  <c:v>0.60473620059202338</c:v>
                </c:pt>
                <c:pt idx="1069">
                  <c:v>0.61326832665853903</c:v>
                </c:pt>
                <c:pt idx="1070">
                  <c:v>0.63459864182482839</c:v>
                </c:pt>
                <c:pt idx="1071">
                  <c:v>0.63459864182482839</c:v>
                </c:pt>
                <c:pt idx="1072">
                  <c:v>0.75187184398397866</c:v>
                </c:pt>
                <c:pt idx="1073">
                  <c:v>0.80733066341633108</c:v>
                </c:pt>
                <c:pt idx="1074">
                  <c:v>0.84189448023680802</c:v>
                </c:pt>
                <c:pt idx="1075">
                  <c:v>0.77694584711822889</c:v>
                </c:pt>
                <c:pt idx="1076">
                  <c:v>0.82787741598467512</c:v>
                </c:pt>
                <c:pt idx="1077">
                  <c:v>0.81011666376458114</c:v>
                </c:pt>
                <c:pt idx="1078">
                  <c:v>0.71526205815775556</c:v>
                </c:pt>
                <c:pt idx="1079">
                  <c:v>0.72139996517499405</c:v>
                </c:pt>
                <c:pt idx="1080">
                  <c:v>0.65336061292007508</c:v>
                </c:pt>
                <c:pt idx="1081">
                  <c:v>0.70429218178652109</c:v>
                </c:pt>
                <c:pt idx="1082">
                  <c:v>0.71256312032038815</c:v>
                </c:pt>
                <c:pt idx="1083">
                  <c:v>0.69023158627894632</c:v>
                </c:pt>
                <c:pt idx="1084">
                  <c:v>0.62249695281211714</c:v>
                </c:pt>
                <c:pt idx="1085">
                  <c:v>0.67778164722270384</c:v>
                </c:pt>
                <c:pt idx="1086">
                  <c:v>0.64957339369667211</c:v>
                </c:pt>
                <c:pt idx="1087">
                  <c:v>0.65993383249172699</c:v>
                </c:pt>
                <c:pt idx="1088">
                  <c:v>0.67634511579313727</c:v>
                </c:pt>
                <c:pt idx="1089">
                  <c:v>0.68457252307156313</c:v>
                </c:pt>
                <c:pt idx="1090">
                  <c:v>0.75113181264147411</c:v>
                </c:pt>
                <c:pt idx="1091">
                  <c:v>0.72549190318648549</c:v>
                </c:pt>
                <c:pt idx="1092">
                  <c:v>0.71077833884728991</c:v>
                </c:pt>
                <c:pt idx="1093">
                  <c:v>0.683179522897438</c:v>
                </c:pt>
                <c:pt idx="1094">
                  <c:v>0.73019327877415741</c:v>
                </c:pt>
                <c:pt idx="1095">
                  <c:v>0.74686574960821628</c:v>
                </c:pt>
                <c:pt idx="1096">
                  <c:v>0.78948284868535379</c:v>
                </c:pt>
                <c:pt idx="1097">
                  <c:v>0.86117882639735099</c:v>
                </c:pt>
                <c:pt idx="1098">
                  <c:v>0.83266585408322968</c:v>
                </c:pt>
                <c:pt idx="1099">
                  <c:v>0.79379244297405327</c:v>
                </c:pt>
                <c:pt idx="1100">
                  <c:v>0.77803412850426401</c:v>
                </c:pt>
                <c:pt idx="1101">
                  <c:v>0.76301584537697864</c:v>
                </c:pt>
                <c:pt idx="1102">
                  <c:v>0.81407800800974872</c:v>
                </c:pt>
                <c:pt idx="1103">
                  <c:v>0.82139125892390497</c:v>
                </c:pt>
                <c:pt idx="1104">
                  <c:v>0.7345464043182981</c:v>
                </c:pt>
                <c:pt idx="1105">
                  <c:v>0.72705902838237613</c:v>
                </c:pt>
                <c:pt idx="1106">
                  <c:v>0.72949677868709495</c:v>
                </c:pt>
                <c:pt idx="1107">
                  <c:v>0.68526902315862559</c:v>
                </c:pt>
                <c:pt idx="1108">
                  <c:v>0.66424342678042603</c:v>
                </c:pt>
                <c:pt idx="1109">
                  <c:v>0.66202333275291414</c:v>
                </c:pt>
                <c:pt idx="1110">
                  <c:v>0.66215392651923821</c:v>
                </c:pt>
                <c:pt idx="1111">
                  <c:v>0.5773115096639363</c:v>
                </c:pt>
                <c:pt idx="1112">
                  <c:v>0.58745429218178424</c:v>
                </c:pt>
                <c:pt idx="1113">
                  <c:v>0.67168727146090657</c:v>
                </c:pt>
                <c:pt idx="1114">
                  <c:v>0.62667595333449189</c:v>
                </c:pt>
                <c:pt idx="1115">
                  <c:v>0.61522723315340189</c:v>
                </c:pt>
                <c:pt idx="1116">
                  <c:v>0.59938185617272977</c:v>
                </c:pt>
                <c:pt idx="1117">
                  <c:v>0.6887515235939381</c:v>
                </c:pt>
                <c:pt idx="1118">
                  <c:v>0.68918683614835219</c:v>
                </c:pt>
                <c:pt idx="1119">
                  <c:v>0.70429218178652064</c:v>
                </c:pt>
                <c:pt idx="1120">
                  <c:v>0.69837193104648931</c:v>
                </c:pt>
                <c:pt idx="1121">
                  <c:v>0.68061117882639532</c:v>
                </c:pt>
                <c:pt idx="1122">
                  <c:v>0.71991990248998583</c:v>
                </c:pt>
                <c:pt idx="1123">
                  <c:v>0.74743165592895489</c:v>
                </c:pt>
                <c:pt idx="1124">
                  <c:v>0.76096987637123248</c:v>
                </c:pt>
                <c:pt idx="1125">
                  <c:v>0.74455859306982219</c:v>
                </c:pt>
                <c:pt idx="1126">
                  <c:v>0.84737941842242526</c:v>
                </c:pt>
                <c:pt idx="1127">
                  <c:v>0.80545881943235043</c:v>
                </c:pt>
                <c:pt idx="1128">
                  <c:v>0.8195629461953664</c:v>
                </c:pt>
                <c:pt idx="1129">
                  <c:v>0.8539091067386364</c:v>
                </c:pt>
                <c:pt idx="1130">
                  <c:v>0.82426432178303832</c:v>
                </c:pt>
                <c:pt idx="1131">
                  <c:v>0.76967612745951408</c:v>
                </c:pt>
                <c:pt idx="1132">
                  <c:v>0.78151662893957696</c:v>
                </c:pt>
                <c:pt idx="1133">
                  <c:v>0.82726797840849553</c:v>
                </c:pt>
                <c:pt idx="1134">
                  <c:v>0.90388298798537181</c:v>
                </c:pt>
                <c:pt idx="1135">
                  <c:v>0.93235242904405191</c:v>
                </c:pt>
                <c:pt idx="1136">
                  <c:v>0.92264495908061828</c:v>
                </c:pt>
                <c:pt idx="1137">
                  <c:v>0.90771373846421555</c:v>
                </c:pt>
                <c:pt idx="1138">
                  <c:v>0.92325439665679787</c:v>
                </c:pt>
                <c:pt idx="1139">
                  <c:v>0.98232631029078687</c:v>
                </c:pt>
                <c:pt idx="1140">
                  <c:v>1.0020459690057444</c:v>
                </c:pt>
                <c:pt idx="1141">
                  <c:v>0.97710255963781822</c:v>
                </c:pt>
                <c:pt idx="1142">
                  <c:v>0.9707469963433728</c:v>
                </c:pt>
                <c:pt idx="1143">
                  <c:v>1.003482500435311</c:v>
                </c:pt>
                <c:pt idx="1144">
                  <c:v>0.99277381159672484</c:v>
                </c:pt>
                <c:pt idx="1145">
                  <c:v>0.93422427302803257</c:v>
                </c:pt>
                <c:pt idx="1146">
                  <c:v>0.95403099425387294</c:v>
                </c:pt>
                <c:pt idx="1147">
                  <c:v>0.99377503047187754</c:v>
                </c:pt>
                <c:pt idx="1148">
                  <c:v>1.0360003482500422</c:v>
                </c:pt>
                <c:pt idx="1149">
                  <c:v>0.99455859306982264</c:v>
                </c:pt>
                <c:pt idx="1150">
                  <c:v>0.9946456555807055</c:v>
                </c:pt>
                <c:pt idx="1151">
                  <c:v>1.0558070694758825</c:v>
                </c:pt>
                <c:pt idx="1152">
                  <c:v>1.0585495385686912</c:v>
                </c:pt>
                <c:pt idx="1153">
                  <c:v>1.1941493992686736</c:v>
                </c:pt>
                <c:pt idx="1154">
                  <c:v>1.2056851819606464</c:v>
                </c:pt>
                <c:pt idx="1155">
                  <c:v>1.241816123977014</c:v>
                </c:pt>
                <c:pt idx="1156">
                  <c:v>1.1790875848859463</c:v>
                </c:pt>
                <c:pt idx="1157">
                  <c:v>1.2372888734111074</c:v>
                </c:pt>
                <c:pt idx="1158">
                  <c:v>1.2190492773811581</c:v>
                </c:pt>
                <c:pt idx="1159">
                  <c:v>1.1907104300888021</c:v>
                </c:pt>
                <c:pt idx="1160">
                  <c:v>1.1190579836322461</c:v>
                </c:pt>
                <c:pt idx="1161">
                  <c:v>1.1524464565558055</c:v>
                </c:pt>
                <c:pt idx="1162">
                  <c:v>1.133336235417028</c:v>
                </c:pt>
                <c:pt idx="1163">
                  <c:v>1.2402489987811234</c:v>
                </c:pt>
                <c:pt idx="1164">
                  <c:v>1.2351558418944788</c:v>
                </c:pt>
                <c:pt idx="1165">
                  <c:v>1.2307591850948967</c:v>
                </c:pt>
                <c:pt idx="1166">
                  <c:v>1.1803499912937476</c:v>
                </c:pt>
                <c:pt idx="1167">
                  <c:v>1.2012885251610643</c:v>
                </c:pt>
                <c:pt idx="1168">
                  <c:v>1.2120842765105331</c:v>
                </c:pt>
                <c:pt idx="1169">
                  <c:v>1.2566602820825339</c:v>
                </c:pt>
                <c:pt idx="1170">
                  <c:v>1.2545272505659049</c:v>
                </c:pt>
                <c:pt idx="1171">
                  <c:v>1.3088977886122217</c:v>
                </c:pt>
                <c:pt idx="1172">
                  <c:v>1.3157321957165227</c:v>
                </c:pt>
                <c:pt idx="1173">
                  <c:v>1.3718439839804963</c:v>
                </c:pt>
                <c:pt idx="1174">
                  <c:v>1.3506442625805311</c:v>
                </c:pt>
                <c:pt idx="1175">
                  <c:v>1.2673689709211198</c:v>
                </c:pt>
                <c:pt idx="1176">
                  <c:v>1.3273115096639372</c:v>
                </c:pt>
                <c:pt idx="1177">
                  <c:v>1.3220006965000857</c:v>
                </c:pt>
                <c:pt idx="1178">
                  <c:v>1.3345812293226524</c:v>
                </c:pt>
                <c:pt idx="1179">
                  <c:v>1.3139909454988667</c:v>
                </c:pt>
                <c:pt idx="1180">
                  <c:v>1.3250043531255429</c:v>
                </c:pt>
                <c:pt idx="1181">
                  <c:v>1.3314469789308712</c:v>
                </c:pt>
                <c:pt idx="1182">
                  <c:v>1.2650618143827255</c:v>
                </c:pt>
                <c:pt idx="1183">
                  <c:v>1.2290179348772408</c:v>
                </c:pt>
                <c:pt idx="1184">
                  <c:v>1.2220529340066157</c:v>
                </c:pt>
                <c:pt idx="1185">
                  <c:v>1.215871495733936</c:v>
                </c:pt>
                <c:pt idx="1186">
                  <c:v>1.2363311857913972</c:v>
                </c:pt>
                <c:pt idx="1187">
                  <c:v>1.1545359568169937</c:v>
                </c:pt>
                <c:pt idx="1188">
                  <c:v>1.1684224273028025</c:v>
                </c:pt>
                <c:pt idx="1189">
                  <c:v>1.1622845202855645</c:v>
                </c:pt>
                <c:pt idx="1190">
                  <c:v>1.2424690928086362</c:v>
                </c:pt>
                <c:pt idx="1191">
                  <c:v>1.2412066864008353</c:v>
                </c:pt>
                <c:pt idx="1192">
                  <c:v>1.2695890649486326</c:v>
                </c:pt>
                <c:pt idx="1193">
                  <c:v>1.2403360612920071</c:v>
                </c:pt>
                <c:pt idx="1194">
                  <c:v>1.243731499216437</c:v>
                </c:pt>
                <c:pt idx="1195">
                  <c:v>1.2211387776423468</c:v>
                </c:pt>
                <c:pt idx="1196">
                  <c:v>1.2172209646526202</c:v>
                </c:pt>
                <c:pt idx="1197">
                  <c:v>1.2036392129549012</c:v>
                </c:pt>
                <c:pt idx="1198">
                  <c:v>1.1528817691102207</c:v>
                </c:pt>
                <c:pt idx="1199">
                  <c:v>1.1407365488420682</c:v>
                </c:pt>
                <c:pt idx="1200">
                  <c:v>1.1407365488420682</c:v>
                </c:pt>
                <c:pt idx="1201">
                  <c:v>1.1426083928260486</c:v>
                </c:pt>
                <c:pt idx="1202">
                  <c:v>1.1411283301410409</c:v>
                </c:pt>
                <c:pt idx="1203">
                  <c:v>1.127459515932439</c:v>
                </c:pt>
                <c:pt idx="1204">
                  <c:v>1.2329792791224095</c:v>
                </c:pt>
                <c:pt idx="1205">
                  <c:v>1.2600557200069646</c:v>
                </c:pt>
                <c:pt idx="1206">
                  <c:v>1.2667595333449411</c:v>
                </c:pt>
                <c:pt idx="1207">
                  <c:v>1.3138603517325436</c:v>
                </c:pt>
                <c:pt idx="1208">
                  <c:v>1.3172993209124146</c:v>
                </c:pt>
                <c:pt idx="1209">
                  <c:v>1.310290788786348</c:v>
                </c:pt>
                <c:pt idx="1210">
                  <c:v>1.361527076440884</c:v>
                </c:pt>
                <c:pt idx="1211">
                  <c:v>1.3705815775726968</c:v>
                </c:pt>
                <c:pt idx="1212">
                  <c:v>1.3745429218178651</c:v>
                </c:pt>
                <c:pt idx="1213">
                  <c:v>1.3711910151488769</c:v>
                </c:pt>
                <c:pt idx="1214">
                  <c:v>1.33910847988856</c:v>
                </c:pt>
                <c:pt idx="1215">
                  <c:v>1.3714957339369667</c:v>
                </c:pt>
                <c:pt idx="1216">
                  <c:v>1.3839892042486501</c:v>
                </c:pt>
                <c:pt idx="1217">
                  <c:v>1.4376197109524633</c:v>
                </c:pt>
                <c:pt idx="1218">
                  <c:v>1.4394044924255613</c:v>
                </c:pt>
                <c:pt idx="1219">
                  <c:v>1.4544663068082881</c:v>
                </c:pt>
                <c:pt idx="1220">
                  <c:v>1.427041615880202</c:v>
                </c:pt>
                <c:pt idx="1221">
                  <c:v>1.452072087759011</c:v>
                </c:pt>
                <c:pt idx="1222">
                  <c:v>1.4738812467351559</c:v>
                </c:pt>
                <c:pt idx="1223">
                  <c:v>1.4273463346682917</c:v>
                </c:pt>
                <c:pt idx="1224">
                  <c:v>1.4633466829183353</c:v>
                </c:pt>
                <c:pt idx="1225">
                  <c:v>1.4833275291659409</c:v>
                </c:pt>
                <c:pt idx="1226">
                  <c:v>1.4655232456904055</c:v>
                </c:pt>
                <c:pt idx="1227">
                  <c:v>1.4037088629636076</c:v>
                </c:pt>
                <c:pt idx="1228">
                  <c:v>1.4267804283475534</c:v>
                </c:pt>
                <c:pt idx="1229">
                  <c:v>1.4445411805676476</c:v>
                </c:pt>
                <c:pt idx="1230">
                  <c:v>1.4739247779905975</c:v>
                </c:pt>
                <c:pt idx="1231">
                  <c:v>1.5129723141215394</c:v>
                </c:pt>
                <c:pt idx="1232">
                  <c:v>1.5150182831272851</c:v>
                </c:pt>
                <c:pt idx="1233">
                  <c:v>1.4996082187010273</c:v>
                </c:pt>
                <c:pt idx="1234">
                  <c:v>1.5145829705728713</c:v>
                </c:pt>
                <c:pt idx="1235">
                  <c:v>1.5118840327355039</c:v>
                </c:pt>
                <c:pt idx="1236">
                  <c:v>1.5117534389691798</c:v>
                </c:pt>
                <c:pt idx="1237">
                  <c:v>1.4589935573741943</c:v>
                </c:pt>
                <c:pt idx="1238">
                  <c:v>1.4296534912066861</c:v>
                </c:pt>
                <c:pt idx="1239">
                  <c:v>1.4109785826223225</c:v>
                </c:pt>
                <c:pt idx="1240">
                  <c:v>1.4249956468744553</c:v>
                </c:pt>
                <c:pt idx="1241">
                  <c:v>1.4661326832665846</c:v>
                </c:pt>
                <c:pt idx="1242">
                  <c:v>1.5184572523071558</c:v>
                </c:pt>
                <c:pt idx="1243">
                  <c:v>1.5208514713564334</c:v>
                </c:pt>
                <c:pt idx="1244">
                  <c:v>1.5481020372627543</c:v>
                </c:pt>
                <c:pt idx="1245">
                  <c:v>1.5407452550931566</c:v>
                </c:pt>
                <c:pt idx="1246">
                  <c:v>1.5625544140693015</c:v>
                </c:pt>
                <c:pt idx="1247">
                  <c:v>1.5797927912240985</c:v>
                </c:pt>
                <c:pt idx="1248">
                  <c:v>1.6297231412153921</c:v>
                </c:pt>
                <c:pt idx="1249">
                  <c:v>1.6221487027685875</c:v>
                </c:pt>
                <c:pt idx="1250">
                  <c:v>1.6424777990597246</c:v>
                </c:pt>
                <c:pt idx="1251">
                  <c:v>1.6522723315340411</c:v>
                </c:pt>
                <c:pt idx="1252">
                  <c:v>1.6768674908584362</c:v>
                </c:pt>
                <c:pt idx="1253">
                  <c:v>1.6334668291833534</c:v>
                </c:pt>
                <c:pt idx="1254">
                  <c:v>1.6138777642347204</c:v>
                </c:pt>
                <c:pt idx="1255">
                  <c:v>1.6273289221661154</c:v>
                </c:pt>
                <c:pt idx="1256">
                  <c:v>1.6691624586453075</c:v>
                </c:pt>
                <c:pt idx="1257">
                  <c:v>1.6656364269545536</c:v>
                </c:pt>
                <c:pt idx="1258">
                  <c:v>1.6779122409890306</c:v>
                </c:pt>
                <c:pt idx="1259">
                  <c:v>1.631856172732022</c:v>
                </c:pt>
                <c:pt idx="1260">
                  <c:v>1.6628504266063038</c:v>
                </c:pt>
                <c:pt idx="1261">
                  <c:v>1.7150008706251092</c:v>
                </c:pt>
                <c:pt idx="1262">
                  <c:v>1.7281037785129723</c:v>
                </c:pt>
                <c:pt idx="1263">
                  <c:v>1.7267107783388473</c:v>
                </c:pt>
                <c:pt idx="1264">
                  <c:v>1.7755093156886641</c:v>
                </c:pt>
                <c:pt idx="1265">
                  <c:v>1.7890910673863831</c:v>
                </c:pt>
                <c:pt idx="1266">
                  <c:v>1.8140780080097509</c:v>
                </c:pt>
                <c:pt idx="1267">
                  <c:v>1.8818126414765803</c:v>
                </c:pt>
                <c:pt idx="1268">
                  <c:v>1.9036653317081664</c:v>
                </c:pt>
                <c:pt idx="1269">
                  <c:v>1.8817691102211387</c:v>
                </c:pt>
                <c:pt idx="1270">
                  <c:v>1.9269980846247603</c:v>
                </c:pt>
                <c:pt idx="1271">
                  <c:v>1.8427215740901963</c:v>
                </c:pt>
                <c:pt idx="1272">
                  <c:v>1.8506442625805324</c:v>
                </c:pt>
                <c:pt idx="1273">
                  <c:v>1.8788960473620056</c:v>
                </c:pt>
                <c:pt idx="1274">
                  <c:v>1.8320564165070516</c:v>
                </c:pt>
                <c:pt idx="1275">
                  <c:v>1.8332317604039696</c:v>
                </c:pt>
                <c:pt idx="1276">
                  <c:v>1.7494776249347028</c:v>
                </c:pt>
                <c:pt idx="1277">
                  <c:v>1.6189273898659233</c:v>
                </c:pt>
                <c:pt idx="1278">
                  <c:v>1.7738115967264494</c:v>
                </c:pt>
                <c:pt idx="1279">
                  <c:v>1.6791311161413893</c:v>
                </c:pt>
                <c:pt idx="1280">
                  <c:v>1.7269284346160538</c:v>
                </c:pt>
                <c:pt idx="1281">
                  <c:v>1.7821695977711993</c:v>
                </c:pt>
                <c:pt idx="1282">
                  <c:v>1.8214783214347903</c:v>
                </c:pt>
                <c:pt idx="1283">
                  <c:v>1.8062859132857394</c:v>
                </c:pt>
                <c:pt idx="1284">
                  <c:v>1.8823785477973187</c:v>
                </c:pt>
                <c:pt idx="1285">
                  <c:v>1.8862528295316037</c:v>
                </c:pt>
                <c:pt idx="1286">
                  <c:v>1.8918248302281038</c:v>
                </c:pt>
                <c:pt idx="1287">
                  <c:v>1.8054588194323524</c:v>
                </c:pt>
                <c:pt idx="1288">
                  <c:v>1.8436792617099078</c:v>
                </c:pt>
                <c:pt idx="1289">
                  <c:v>1.9003569562946194</c:v>
                </c:pt>
                <c:pt idx="1290">
                  <c:v>1.9342242730280339</c:v>
                </c:pt>
                <c:pt idx="1291">
                  <c:v>1.8954814556851818</c:v>
                </c:pt>
                <c:pt idx="1292">
                  <c:v>1.8872975796621971</c:v>
                </c:pt>
                <c:pt idx="1293">
                  <c:v>1.8872975796621971</c:v>
                </c:pt>
                <c:pt idx="1294">
                  <c:v>1.9082796447849555</c:v>
                </c:pt>
                <c:pt idx="1295">
                  <c:v>1.9303935225491906</c:v>
                </c:pt>
                <c:pt idx="1296">
                  <c:v>1.9565122758140348</c:v>
                </c:pt>
                <c:pt idx="1297">
                  <c:v>1.8900835800104479</c:v>
                </c:pt>
                <c:pt idx="1298">
                  <c:v>1.9201636775204598</c:v>
                </c:pt>
                <c:pt idx="1299">
                  <c:v>1.9185094898136863</c:v>
                </c:pt>
                <c:pt idx="1300">
                  <c:v>1.9778861222357653</c:v>
                </c:pt>
                <c:pt idx="1301">
                  <c:v>1.9868535608566953</c:v>
                </c:pt>
                <c:pt idx="1302">
                  <c:v>1.9737941842242734</c:v>
                </c:pt>
                <c:pt idx="1303">
                  <c:v>1.9428434616054333</c:v>
                </c:pt>
                <c:pt idx="1304">
                  <c:v>1.9824133728016724</c:v>
                </c:pt>
                <c:pt idx="1305">
                  <c:v>1.9482848685356093</c:v>
                </c:pt>
                <c:pt idx="1306">
                  <c:v>1.9606042138255275</c:v>
                </c:pt>
                <c:pt idx="1307">
                  <c:v>1.9918161239770162</c:v>
                </c:pt>
                <c:pt idx="1308">
                  <c:v>2.0152794706599346</c:v>
                </c:pt>
                <c:pt idx="1309">
                  <c:v>2.0188490336061298</c:v>
                </c:pt>
                <c:pt idx="1310">
                  <c:v>2.0171513146439151</c:v>
                </c:pt>
                <c:pt idx="1311">
                  <c:v>1.9872018109002272</c:v>
                </c:pt>
                <c:pt idx="1312">
                  <c:v>1.9195107086888394</c:v>
                </c:pt>
                <c:pt idx="1313">
                  <c:v>1.9076266759533356</c:v>
                </c:pt>
                <c:pt idx="1314">
                  <c:v>1.8697980149747528</c:v>
                </c:pt>
                <c:pt idx="1315">
                  <c:v>1.934746648093332</c:v>
                </c:pt>
                <c:pt idx="1316">
                  <c:v>1.9421904927738125</c:v>
                </c:pt>
                <c:pt idx="1317">
                  <c:v>1.9421904927738125</c:v>
                </c:pt>
                <c:pt idx="1318">
                  <c:v>1.9558157757269727</c:v>
                </c:pt>
                <c:pt idx="1319">
                  <c:v>1.9730106216263286</c:v>
                </c:pt>
                <c:pt idx="1320">
                  <c:v>1.9857217482152194</c:v>
                </c:pt>
                <c:pt idx="1321">
                  <c:v>1.9857217482152194</c:v>
                </c:pt>
                <c:pt idx="1322">
                  <c:v>2.0491467873933491</c:v>
                </c:pt>
                <c:pt idx="1323">
                  <c:v>2.0575918509489819</c:v>
                </c:pt>
                <c:pt idx="1324">
                  <c:v>2.0789221661152717</c:v>
                </c:pt>
                <c:pt idx="1325">
                  <c:v>2.0668204771025609</c:v>
                </c:pt>
                <c:pt idx="1326">
                  <c:v>2.058593069824135</c:v>
                </c:pt>
                <c:pt idx="1327">
                  <c:v>2.066036914504616</c:v>
                </c:pt>
                <c:pt idx="1328">
                  <c:v>2.050452725056592</c:v>
                </c:pt>
                <c:pt idx="1329">
                  <c:v>2.0639474142434282</c:v>
                </c:pt>
                <c:pt idx="1330">
                  <c:v>2.0385251610656465</c:v>
                </c:pt>
                <c:pt idx="1331">
                  <c:v>2.0026989378373687</c:v>
                </c:pt>
                <c:pt idx="1332">
                  <c:v>2.0210691276336425</c:v>
                </c:pt>
                <c:pt idx="1333">
                  <c:v>2.0431830053978772</c:v>
                </c:pt>
                <c:pt idx="1334">
                  <c:v>1.9688316211039543</c:v>
                </c:pt>
                <c:pt idx="1335">
                  <c:v>1.8848162981020389</c:v>
                </c:pt>
                <c:pt idx="1336">
                  <c:v>1.8826397353299686</c:v>
                </c:pt>
                <c:pt idx="1337">
                  <c:v>1.8826397353299686</c:v>
                </c:pt>
                <c:pt idx="1338">
                  <c:v>1.8522984502873081</c:v>
                </c:pt>
                <c:pt idx="1339">
                  <c:v>1.8325352603169094</c:v>
                </c:pt>
                <c:pt idx="1340">
                  <c:v>1.8550844506355584</c:v>
                </c:pt>
                <c:pt idx="1341">
                  <c:v>1.8469876371234566</c:v>
                </c:pt>
                <c:pt idx="1342">
                  <c:v>1.8979192059899024</c:v>
                </c:pt>
                <c:pt idx="1343">
                  <c:v>1.9236897092112155</c:v>
                </c:pt>
                <c:pt idx="1344">
                  <c:v>1.9212954901619383</c:v>
                </c:pt>
                <c:pt idx="1345">
                  <c:v>1.7831272853909126</c:v>
                </c:pt>
                <c:pt idx="1346">
                  <c:v>1.7321086540135835</c:v>
                </c:pt>
                <c:pt idx="1347">
                  <c:v>1.7491293748911736</c:v>
                </c:pt>
                <c:pt idx="1348">
                  <c:v>1.8172557896569752</c:v>
                </c:pt>
                <c:pt idx="1349">
                  <c:v>1.8317516977189641</c:v>
                </c:pt>
                <c:pt idx="1350">
                  <c:v>1.8786348598293592</c:v>
                </c:pt>
                <c:pt idx="1351">
                  <c:v>1.8667072958384137</c:v>
                </c:pt>
                <c:pt idx="1352">
                  <c:v>1.9289569911196254</c:v>
                </c:pt>
                <c:pt idx="1353">
                  <c:v>1.9529862441232821</c:v>
                </c:pt>
                <c:pt idx="1354">
                  <c:v>1.9425822740727856</c:v>
                </c:pt>
                <c:pt idx="1355">
                  <c:v>1.9246038655754845</c:v>
                </c:pt>
                <c:pt idx="1356">
                  <c:v>1.8777642347205306</c:v>
                </c:pt>
                <c:pt idx="1357">
                  <c:v>1.8640954205119287</c:v>
                </c:pt>
                <c:pt idx="1358">
                  <c:v>1.8783301410412685</c:v>
                </c:pt>
                <c:pt idx="1359">
                  <c:v>1.8949590806198859</c:v>
                </c:pt>
                <c:pt idx="1360">
                  <c:v>1.9264757095594649</c:v>
                </c:pt>
                <c:pt idx="1361">
                  <c:v>1.9505049625631217</c:v>
                </c:pt>
                <c:pt idx="1362">
                  <c:v>1.9444976493122077</c:v>
                </c:pt>
                <c:pt idx="1363">
                  <c:v>1.9520285565035711</c:v>
                </c:pt>
                <c:pt idx="1364">
                  <c:v>1.9969528121191034</c:v>
                </c:pt>
                <c:pt idx="1365">
                  <c:v>1.9851558418944824</c:v>
                </c:pt>
                <c:pt idx="1366">
                  <c:v>2.0287306285913305</c:v>
                </c:pt>
                <c:pt idx="1367">
                  <c:v>2.0462737245342173</c:v>
                </c:pt>
                <c:pt idx="1368">
                  <c:v>2.0421382552672838</c:v>
                </c:pt>
                <c:pt idx="1369">
                  <c:v>2.0185007835625997</c:v>
                </c:pt>
                <c:pt idx="1370">
                  <c:v>2.004657844332232</c:v>
                </c:pt>
                <c:pt idx="1371">
                  <c:v>2.044663068082885</c:v>
                </c:pt>
                <c:pt idx="1372">
                  <c:v>2.0351297231412171</c:v>
                </c:pt>
                <c:pt idx="1373">
                  <c:v>2.0339979104997408</c:v>
                </c:pt>
                <c:pt idx="1374">
                  <c:v>1.996169249521158</c:v>
                </c:pt>
                <c:pt idx="1375">
                  <c:v>2.0054414069301778</c:v>
                </c:pt>
                <c:pt idx="1376">
                  <c:v>2.0204596900574634</c:v>
                </c:pt>
                <c:pt idx="1377">
                  <c:v>1.9998694062336781</c:v>
                </c:pt>
                <c:pt idx="1378">
                  <c:v>1.9793226536653341</c:v>
                </c:pt>
                <c:pt idx="1379">
                  <c:v>1.9898136862267135</c:v>
                </c:pt>
                <c:pt idx="1380">
                  <c:v>2.0445324743165618</c:v>
                </c:pt>
                <c:pt idx="1381">
                  <c:v>2.04540309942539</c:v>
                </c:pt>
                <c:pt idx="1382">
                  <c:v>2.0633379766672495</c:v>
                </c:pt>
                <c:pt idx="1383">
                  <c:v>2.096639387079926</c:v>
                </c:pt>
                <c:pt idx="1384">
                  <c:v>2.1032996691624612</c:v>
                </c:pt>
                <c:pt idx="1385">
                  <c:v>2.0948546056068285</c:v>
                </c:pt>
                <c:pt idx="1386">
                  <c:v>2.0816646352080821</c:v>
                </c:pt>
                <c:pt idx="1387">
                  <c:v>2.1248476406059575</c:v>
                </c:pt>
                <c:pt idx="1388">
                  <c:v>2.1088716698589609</c:v>
                </c:pt>
                <c:pt idx="1389">
                  <c:v>2.0739160717395109</c:v>
                </c:pt>
                <c:pt idx="1390">
                  <c:v>2.0816646352080816</c:v>
                </c:pt>
                <c:pt idx="1391">
                  <c:v>2.0921991990249018</c:v>
                </c:pt>
                <c:pt idx="1392">
                  <c:v>2.0699982587497843</c:v>
                </c:pt>
                <c:pt idx="1393">
                  <c:v>2.0219832839979124</c:v>
                </c:pt>
                <c:pt idx="1394">
                  <c:v>2.0078791572348966</c:v>
                </c:pt>
                <c:pt idx="1395">
                  <c:v>2.0174995646874474</c:v>
                </c:pt>
                <c:pt idx="1396">
                  <c:v>2.0204596900574634</c:v>
                </c:pt>
                <c:pt idx="1397">
                  <c:v>2.0258140344767566</c:v>
                </c:pt>
                <c:pt idx="1398">
                  <c:v>1.9980410935051389</c:v>
                </c:pt>
                <c:pt idx="1399">
                  <c:v>1.8953073306634187</c:v>
                </c:pt>
                <c:pt idx="1400">
                  <c:v>1.9015758314469817</c:v>
                </c:pt>
                <c:pt idx="1401">
                  <c:v>1.9591676823959632</c:v>
                </c:pt>
                <c:pt idx="1402">
                  <c:v>1.9396221487027714</c:v>
                </c:pt>
                <c:pt idx="1403">
                  <c:v>1.9217743339717948</c:v>
                </c:pt>
                <c:pt idx="1404">
                  <c:v>1.8238290092286289</c:v>
                </c:pt>
                <c:pt idx="1405">
                  <c:v>1.8257879157234922</c:v>
                </c:pt>
                <c:pt idx="1406">
                  <c:v>1.7604910325613816</c:v>
                </c:pt>
                <c:pt idx="1407">
                  <c:v>1.7368100296012563</c:v>
                </c:pt>
                <c:pt idx="1408">
                  <c:v>1.8492077311509694</c:v>
                </c:pt>
                <c:pt idx="1409">
                  <c:v>1.8044576005572033</c:v>
                </c:pt>
                <c:pt idx="1410">
                  <c:v>1.8392390736548876</c:v>
                </c:pt>
                <c:pt idx="1411">
                  <c:v>1.8203029775378754</c:v>
                </c:pt>
                <c:pt idx="1412">
                  <c:v>1.7604039700504992</c:v>
                </c:pt>
                <c:pt idx="1413">
                  <c:v>1.736635904579491</c:v>
                </c:pt>
                <c:pt idx="1414">
                  <c:v>1.6484851123106417</c:v>
                </c:pt>
                <c:pt idx="1415">
                  <c:v>1.5983371060421407</c:v>
                </c:pt>
                <c:pt idx="1416">
                  <c:v>1.5331708166463547</c:v>
                </c:pt>
                <c:pt idx="1417">
                  <c:v>1.6231499216437433</c:v>
                </c:pt>
                <c:pt idx="1418">
                  <c:v>1.6081751697718993</c:v>
                </c:pt>
                <c:pt idx="1419">
                  <c:v>1.576353822044231</c:v>
                </c:pt>
                <c:pt idx="1420">
                  <c:v>1.6201462650182865</c:v>
                </c:pt>
                <c:pt idx="1421">
                  <c:v>1.7028991816124011</c:v>
                </c:pt>
                <c:pt idx="1422">
                  <c:v>1.6965871495733973</c:v>
                </c:pt>
                <c:pt idx="1423">
                  <c:v>1.7444715305589451</c:v>
                </c:pt>
                <c:pt idx="1424">
                  <c:v>1.6919728364966082</c:v>
                </c:pt>
                <c:pt idx="1425">
                  <c:v>1.7399442799930385</c:v>
                </c:pt>
                <c:pt idx="1426">
                  <c:v>1.6847901793487758</c:v>
                </c:pt>
                <c:pt idx="1427">
                  <c:v>1.663329270416162</c:v>
                </c:pt>
                <c:pt idx="1428">
                  <c:v>1.6899268674908616</c:v>
                </c:pt>
                <c:pt idx="1429">
                  <c:v>1.6762145220268185</c:v>
                </c:pt>
                <c:pt idx="1430">
                  <c:v>1.7445585930698275</c:v>
                </c:pt>
                <c:pt idx="1431">
                  <c:v>1.7688055023506912</c:v>
                </c:pt>
                <c:pt idx="1432">
                  <c:v>1.7656277207034683</c:v>
                </c:pt>
                <c:pt idx="1433">
                  <c:v>1.8052411631551486</c:v>
                </c:pt>
                <c:pt idx="1434">
                  <c:v>1.8186487898311019</c:v>
                </c:pt>
                <c:pt idx="1435">
                  <c:v>1.8095072261884066</c:v>
                </c:pt>
                <c:pt idx="1436">
                  <c:v>1.8050235068779417</c:v>
                </c:pt>
                <c:pt idx="1437">
                  <c:v>1.8220877590109734</c:v>
                </c:pt>
                <c:pt idx="1438">
                  <c:v>1.8212606651575869</c:v>
                </c:pt>
                <c:pt idx="1439">
                  <c:v>1.8364966045620794</c:v>
                </c:pt>
                <c:pt idx="1440">
                  <c:v>1.7832143479017972</c:v>
                </c:pt>
                <c:pt idx="1441">
                  <c:v>1.8218265714783253</c:v>
                </c:pt>
                <c:pt idx="1442">
                  <c:v>1.795794880724364</c:v>
                </c:pt>
                <c:pt idx="1443">
                  <c:v>1.697936618492081</c:v>
                </c:pt>
                <c:pt idx="1444">
                  <c:v>1.6525770503221349</c:v>
                </c:pt>
                <c:pt idx="1445">
                  <c:v>1.6656799582099984</c:v>
                </c:pt>
                <c:pt idx="1446">
                  <c:v>1.67408149051019</c:v>
                </c:pt>
                <c:pt idx="1447">
                  <c:v>1.6495298624412364</c:v>
                </c:pt>
                <c:pt idx="1448">
                  <c:v>1.7017238377154835</c:v>
                </c:pt>
                <c:pt idx="1449">
                  <c:v>1.7547884380985588</c:v>
                </c:pt>
                <c:pt idx="1450">
                  <c:v>1.7631899703987504</c:v>
                </c:pt>
                <c:pt idx="1451">
                  <c:v>1.7631899703987504</c:v>
                </c:pt>
                <c:pt idx="1452">
                  <c:v>1.7407278425909842</c:v>
                </c:pt>
                <c:pt idx="1453">
                  <c:v>1.7722880027860044</c:v>
                </c:pt>
                <c:pt idx="1454">
                  <c:v>1.7633205641650744</c:v>
                </c:pt>
                <c:pt idx="1455">
                  <c:v>1.7637558767194883</c:v>
                </c:pt>
                <c:pt idx="1456">
                  <c:v>1.7136949329618703</c:v>
                </c:pt>
                <c:pt idx="1457">
                  <c:v>1.7553978756747379</c:v>
                </c:pt>
                <c:pt idx="1458">
                  <c:v>1.8061117882639772</c:v>
                </c:pt>
                <c:pt idx="1459">
                  <c:v>1.8067212258401573</c:v>
                </c:pt>
                <c:pt idx="1460">
                  <c:v>1.8620929827616268</c:v>
                </c:pt>
                <c:pt idx="1461">
                  <c:v>1.8870799233849946</c:v>
                </c:pt>
                <c:pt idx="1462">
                  <c:v>1.8923472052934049</c:v>
                </c:pt>
                <c:pt idx="1463">
                  <c:v>1.9024029253003696</c:v>
                </c:pt>
                <c:pt idx="1464">
                  <c:v>1.9082361135295183</c:v>
                </c:pt>
                <c:pt idx="1465">
                  <c:v>1.9145481455685225</c:v>
                </c:pt>
                <c:pt idx="1466">
                  <c:v>1.9390127111265936</c:v>
                </c:pt>
                <c:pt idx="1467">
                  <c:v>1.9826310290788833</c:v>
                </c:pt>
                <c:pt idx="1468">
                  <c:v>1.9599947762493515</c:v>
                </c:pt>
                <c:pt idx="1469">
                  <c:v>1.9719658714957387</c:v>
                </c:pt>
                <c:pt idx="1470">
                  <c:v>1.9780167160020938</c:v>
                </c:pt>
                <c:pt idx="1471">
                  <c:v>1.9642173080271679</c:v>
                </c:pt>
                <c:pt idx="1472">
                  <c:v>1.9541180567647616</c:v>
                </c:pt>
                <c:pt idx="1473">
                  <c:v>1.9263015845377027</c:v>
                </c:pt>
                <c:pt idx="1474">
                  <c:v>1.8639212954901665</c:v>
                </c:pt>
                <c:pt idx="1475">
                  <c:v>1.8715827964478544</c:v>
                </c:pt>
                <c:pt idx="1476">
                  <c:v>1.8845551105693934</c:v>
                </c:pt>
                <c:pt idx="1477">
                  <c:v>1.9035782691972885</c:v>
                </c:pt>
                <c:pt idx="1478">
                  <c:v>1.9419728364966096</c:v>
                </c:pt>
                <c:pt idx="1479">
                  <c:v>1.9443670555458872</c:v>
                </c:pt>
                <c:pt idx="1480">
                  <c:v>1.9116750827093907</c:v>
                </c:pt>
                <c:pt idx="1481">
                  <c:v>1.902533519066695</c:v>
                </c:pt>
                <c:pt idx="1482">
                  <c:v>1.8722357652794757</c:v>
                </c:pt>
                <c:pt idx="1483">
                  <c:v>1.836322479540315</c:v>
                </c:pt>
                <c:pt idx="1484">
                  <c:v>1.8209559463694984</c:v>
                </c:pt>
                <c:pt idx="1485">
                  <c:v>1.7802106912763414</c:v>
                </c:pt>
                <c:pt idx="1486">
                  <c:v>1.8549973881246786</c:v>
                </c:pt>
                <c:pt idx="1487">
                  <c:v>1.7973184746648143</c:v>
                </c:pt>
                <c:pt idx="1488">
                  <c:v>1.8358436357304595</c:v>
                </c:pt>
                <c:pt idx="1489">
                  <c:v>1.9197283649660508</c:v>
                </c:pt>
                <c:pt idx="1490">
                  <c:v>1.9082361135295192</c:v>
                </c:pt>
                <c:pt idx="1491">
                  <c:v>1.9025770503221362</c:v>
                </c:pt>
                <c:pt idx="1492">
                  <c:v>1.9055807069475934</c:v>
                </c:pt>
                <c:pt idx="1493">
                  <c:v>1.8907800800975152</c:v>
                </c:pt>
                <c:pt idx="1494">
                  <c:v>1.9002263625283007</c:v>
                </c:pt>
                <c:pt idx="1495">
                  <c:v>1.9081490510186372</c:v>
                </c:pt>
                <c:pt idx="1496">
                  <c:v>1.9614313076789194</c:v>
                </c:pt>
                <c:pt idx="1497">
                  <c:v>1.9466742120842824</c:v>
                </c:pt>
                <c:pt idx="1498">
                  <c:v>1.9647396830924664</c:v>
                </c:pt>
                <c:pt idx="1499">
                  <c:v>1.9454118056764815</c:v>
                </c:pt>
                <c:pt idx="1500">
                  <c:v>1.9204683963085554</c:v>
                </c:pt>
                <c:pt idx="1501">
                  <c:v>1.9683963085495444</c:v>
                </c:pt>
                <c:pt idx="1502">
                  <c:v>1.9478930872366416</c:v>
                </c:pt>
                <c:pt idx="1503">
                  <c:v>1.9742730280341338</c:v>
                </c:pt>
                <c:pt idx="1504">
                  <c:v>1.9946891868361538</c:v>
                </c:pt>
                <c:pt idx="1505">
                  <c:v>1.9686574960821925</c:v>
                </c:pt>
                <c:pt idx="1506">
                  <c:v>1.9956033432004232</c:v>
                </c:pt>
                <c:pt idx="1507">
                  <c:v>2.0135382204422831</c:v>
                </c:pt>
                <c:pt idx="1508">
                  <c:v>2.0135817516977244</c:v>
                </c:pt>
                <c:pt idx="1509">
                  <c:v>2.0223315340414474</c:v>
                </c:pt>
                <c:pt idx="1510">
                  <c:v>2.0571565383945734</c:v>
                </c:pt>
                <c:pt idx="1511">
                  <c:v>2.0639038829879914</c:v>
                </c:pt>
                <c:pt idx="1512">
                  <c:v>2.1030384816298162</c:v>
                </c:pt>
                <c:pt idx="1513">
                  <c:v>2.0707382900922919</c:v>
                </c:pt>
                <c:pt idx="1514">
                  <c:v>2.0436183179522951</c:v>
                </c:pt>
                <c:pt idx="1515">
                  <c:v>2.0823611352951477</c:v>
                </c:pt>
                <c:pt idx="1516">
                  <c:v>2.0883684485460616</c:v>
                </c:pt>
                <c:pt idx="1517">
                  <c:v>2.1200592025074063</c:v>
                </c:pt>
                <c:pt idx="1518">
                  <c:v>2.1208427651053512</c:v>
                </c:pt>
                <c:pt idx="1519">
                  <c:v>2.1268500783562656</c:v>
                </c:pt>
                <c:pt idx="1520">
                  <c:v>2.1227146090893321</c:v>
                </c:pt>
                <c:pt idx="1521">
                  <c:v>2.0412240989030184</c:v>
                </c:pt>
                <c:pt idx="1522">
                  <c:v>2.0647745080968192</c:v>
                </c:pt>
                <c:pt idx="1523">
                  <c:v>2.032039004004881</c:v>
                </c:pt>
                <c:pt idx="1524">
                  <c:v>2.0266846595855879</c:v>
                </c:pt>
                <c:pt idx="1525">
                  <c:v>2.0289047536130997</c:v>
                </c:pt>
                <c:pt idx="1526">
                  <c:v>2.0794010099251321</c:v>
                </c:pt>
                <c:pt idx="1527">
                  <c:v>2.0719136339892104</c:v>
                </c:pt>
                <c:pt idx="1528">
                  <c:v>2.0611178826397412</c:v>
                </c:pt>
                <c:pt idx="1529">
                  <c:v>2.0764844158105582</c:v>
                </c:pt>
                <c:pt idx="1530">
                  <c:v>2.1150966393870858</c:v>
                </c:pt>
                <c:pt idx="1531">
                  <c:v>2.1300713912589297</c:v>
                </c:pt>
                <c:pt idx="1532">
                  <c:v>2.1775639909455045</c:v>
                </c:pt>
                <c:pt idx="1533">
                  <c:v>2.1606303325787968</c:v>
                </c:pt>
                <c:pt idx="1534">
                  <c:v>2.1628504266063082</c:v>
                </c:pt>
                <c:pt idx="1535">
                  <c:v>2.1202768587846119</c:v>
                </c:pt>
                <c:pt idx="1536">
                  <c:v>2.1184920773115139</c:v>
                </c:pt>
                <c:pt idx="1537">
                  <c:v>2.0992077311509707</c:v>
                </c:pt>
                <c:pt idx="1538">
                  <c:v>2.063163851645486</c:v>
                </c:pt>
                <c:pt idx="1539">
                  <c:v>2.0120146265018328</c:v>
                </c:pt>
                <c:pt idx="1540">
                  <c:v>2.034476754309599</c:v>
                </c:pt>
                <c:pt idx="1541">
                  <c:v>2.0811857913982283</c:v>
                </c:pt>
                <c:pt idx="1542">
                  <c:v>2.0862354170294317</c:v>
                </c:pt>
                <c:pt idx="1543">
                  <c:v>2.031168378896052</c:v>
                </c:pt>
                <c:pt idx="1544">
                  <c:v>1.9580358697544882</c:v>
                </c:pt>
                <c:pt idx="1545">
                  <c:v>2.0310377851297274</c:v>
                </c:pt>
                <c:pt idx="1546">
                  <c:v>2.0193714086714301</c:v>
                </c:pt>
                <c:pt idx="1547">
                  <c:v>1.9699634337454333</c:v>
                </c:pt>
                <c:pt idx="1548">
                  <c:v>1.9561204945150661</c:v>
                </c:pt>
                <c:pt idx="1549">
                  <c:v>1.9472836496604606</c:v>
                </c:pt>
                <c:pt idx="1550">
                  <c:v>2.018674908584368</c:v>
                </c:pt>
                <c:pt idx="1551">
                  <c:v>2.0265975970747041</c:v>
                </c:pt>
                <c:pt idx="1552">
                  <c:v>2.0370015671252006</c:v>
                </c:pt>
                <c:pt idx="1553">
                  <c:v>2.0276423472052985</c:v>
                </c:pt>
                <c:pt idx="1554">
                  <c:v>2.018326658540837</c:v>
                </c:pt>
                <c:pt idx="1555">
                  <c:v>1.967699808462481</c:v>
                </c:pt>
                <c:pt idx="1556">
                  <c:v>1.9548580881072657</c:v>
                </c:pt>
                <c:pt idx="1557">
                  <c:v>1.9749695281211959</c:v>
                </c:pt>
                <c:pt idx="1558">
                  <c:v>2.0091415636427001</c:v>
                </c:pt>
                <c:pt idx="1559">
                  <c:v>1.9924255615531998</c:v>
                </c:pt>
                <c:pt idx="1560">
                  <c:v>1.954466306808293</c:v>
                </c:pt>
                <c:pt idx="1561">
                  <c:v>1.9299146787393395</c:v>
                </c:pt>
                <c:pt idx="1562">
                  <c:v>1.959298276162289</c:v>
                </c:pt>
                <c:pt idx="1563">
                  <c:v>1.9280428347553586</c:v>
                </c:pt>
                <c:pt idx="1564">
                  <c:v>1.969441058680137</c:v>
                </c:pt>
                <c:pt idx="1565">
                  <c:v>1.9805850600731367</c:v>
                </c:pt>
                <c:pt idx="1566">
                  <c:v>1.9812380289047575</c:v>
                </c:pt>
                <c:pt idx="1567">
                  <c:v>1.9812380289047575</c:v>
                </c:pt>
                <c:pt idx="1568">
                  <c:v>1.9515497126937182</c:v>
                </c:pt>
                <c:pt idx="1569">
                  <c:v>1.9618666202333315</c:v>
                </c:pt>
                <c:pt idx="1570">
                  <c:v>2.0015671251958946</c:v>
                </c:pt>
                <c:pt idx="1571">
                  <c:v>2.0168901271112696</c:v>
                </c:pt>
                <c:pt idx="1572">
                  <c:v>2.0168901271112696</c:v>
                </c:pt>
                <c:pt idx="1573">
                  <c:v>2.0455336931917154</c:v>
                </c:pt>
                <c:pt idx="1574">
                  <c:v>2.0609872888734149</c:v>
                </c:pt>
                <c:pt idx="1575">
                  <c:v>2.0946804805850641</c:v>
                </c:pt>
                <c:pt idx="1576">
                  <c:v>2.0723489465436224</c:v>
                </c:pt>
                <c:pt idx="1577">
                  <c:v>2.0496691624586494</c:v>
                </c:pt>
                <c:pt idx="1578">
                  <c:v>2.0527163503395482</c:v>
                </c:pt>
                <c:pt idx="1579">
                  <c:v>2.0656016019502044</c:v>
                </c:pt>
                <c:pt idx="1580">
                  <c:v>2.1182308897788653</c:v>
                </c:pt>
                <c:pt idx="1581">
                  <c:v>2.0785739160717438</c:v>
                </c:pt>
                <c:pt idx="1582">
                  <c:v>2.0881072610134117</c:v>
                </c:pt>
                <c:pt idx="1583">
                  <c:v>2.0736984154623062</c:v>
                </c:pt>
                <c:pt idx="1584">
                  <c:v>2.0871931046491423</c:v>
                </c:pt>
                <c:pt idx="1585">
                  <c:v>2.0497126937140906</c:v>
                </c:pt>
                <c:pt idx="1586">
                  <c:v>2.0280776597597114</c:v>
                </c:pt>
                <c:pt idx="1587">
                  <c:v>2.0094462824307895</c:v>
                </c:pt>
                <c:pt idx="1588">
                  <c:v>2.0222009402751215</c:v>
                </c:pt>
                <c:pt idx="1589">
                  <c:v>2.0222009402751215</c:v>
                </c:pt>
                <c:pt idx="1590">
                  <c:v>1.9909890301236328</c:v>
                </c:pt>
                <c:pt idx="1591">
                  <c:v>1.9623019327877458</c:v>
                </c:pt>
                <c:pt idx="1592">
                  <c:v>1.9034041441755223</c:v>
                </c:pt>
                <c:pt idx="1593">
                  <c:v>1.8980497997562291</c:v>
                </c:pt>
                <c:pt idx="1594">
                  <c:v>1.9534650879331399</c:v>
                </c:pt>
                <c:pt idx="1595">
                  <c:v>1.9030123628765492</c:v>
                </c:pt>
                <c:pt idx="1596">
                  <c:v>1.9063207382900957</c:v>
                </c:pt>
                <c:pt idx="1597">
                  <c:v>1.8412415114051921</c:v>
                </c:pt>
                <c:pt idx="1598">
                  <c:v>1.8452899181612428</c:v>
                </c:pt>
                <c:pt idx="1599">
                  <c:v>1.8630942016367782</c:v>
                </c:pt>
                <c:pt idx="1600">
                  <c:v>1.7954466306808321</c:v>
                </c:pt>
                <c:pt idx="1601">
                  <c:v>1.8111178826397385</c:v>
                </c:pt>
                <c:pt idx="1602">
                  <c:v>1.8623977015497157</c:v>
                </c:pt>
                <c:pt idx="1603">
                  <c:v>1.8973097684137241</c:v>
                </c:pt>
                <c:pt idx="1604">
                  <c:v>1.8879070172383803</c:v>
                </c:pt>
                <c:pt idx="1605">
                  <c:v>1.941668117708518</c:v>
                </c:pt>
                <c:pt idx="1606">
                  <c:v>1.9463694932961899</c:v>
                </c:pt>
                <c:pt idx="1607">
                  <c:v>1.9629984328748074</c:v>
                </c:pt>
                <c:pt idx="1608">
                  <c:v>1.9278251784781504</c:v>
                </c:pt>
                <c:pt idx="1609">
                  <c:v>1.8921730802716379</c:v>
                </c:pt>
                <c:pt idx="1610">
                  <c:v>1.9126763015845407</c:v>
                </c:pt>
                <c:pt idx="1611">
                  <c:v>1.9143304892913138</c:v>
                </c:pt>
                <c:pt idx="1612">
                  <c:v>1.9123280515410093</c:v>
                </c:pt>
                <c:pt idx="1613">
                  <c:v>1.933266585408326</c:v>
                </c:pt>
                <c:pt idx="1614">
                  <c:v>1.8835974229496806</c:v>
                </c:pt>
                <c:pt idx="1615">
                  <c:v>1.9288263973533022</c:v>
                </c:pt>
                <c:pt idx="1616">
                  <c:v>1.966437402054678</c:v>
                </c:pt>
                <c:pt idx="1617">
                  <c:v>1.9606477450809709</c:v>
                </c:pt>
                <c:pt idx="1618">
                  <c:v>1.9280428347553573</c:v>
                </c:pt>
                <c:pt idx="1619">
                  <c:v>1.8748041093505163</c:v>
                </c:pt>
                <c:pt idx="1620">
                  <c:v>1.9028382378547826</c:v>
                </c:pt>
                <c:pt idx="1621">
                  <c:v>1.923950896743865</c:v>
                </c:pt>
                <c:pt idx="1622">
                  <c:v>1.9168117708514743</c:v>
                </c:pt>
                <c:pt idx="1623">
                  <c:v>1.8731499216437433</c:v>
                </c:pt>
                <c:pt idx="1624">
                  <c:v>1.882422079052763</c:v>
                </c:pt>
                <c:pt idx="1625">
                  <c:v>1.9113268326658575</c:v>
                </c:pt>
                <c:pt idx="1626">
                  <c:v>1.9030558941319904</c:v>
                </c:pt>
                <c:pt idx="1627">
                  <c:v>1.9417551802194013</c:v>
                </c:pt>
                <c:pt idx="1628">
                  <c:v>1.9512014626501868</c:v>
                </c:pt>
                <c:pt idx="1629">
                  <c:v>1.9397527424690968</c:v>
                </c:pt>
                <c:pt idx="1630">
                  <c:v>1.9498955249869443</c:v>
                </c:pt>
                <c:pt idx="1631">
                  <c:v>1.9249521156190181</c:v>
                </c:pt>
                <c:pt idx="1632">
                  <c:v>1.9347901793487763</c:v>
                </c:pt>
                <c:pt idx="1633">
                  <c:v>1.9599947762493506</c:v>
                </c:pt>
                <c:pt idx="1634">
                  <c:v>1.9856346857043397</c:v>
                </c:pt>
                <c:pt idx="1635">
                  <c:v>2.0153230019153789</c:v>
                </c:pt>
                <c:pt idx="1636">
                  <c:v>2.0342590980323911</c:v>
                </c:pt>
                <c:pt idx="1637">
                  <c:v>2.0400922862615398</c:v>
                </c:pt>
                <c:pt idx="1638">
                  <c:v>2.0052237506529731</c:v>
                </c:pt>
                <c:pt idx="1639">
                  <c:v>2.0113181264147704</c:v>
                </c:pt>
                <c:pt idx="1640">
                  <c:v>1.9913808114226059</c:v>
                </c:pt>
                <c:pt idx="1641">
                  <c:v>1.9672644959080663</c:v>
                </c:pt>
                <c:pt idx="1642">
                  <c:v>1.912066864008362</c:v>
                </c:pt>
                <c:pt idx="1643">
                  <c:v>1.8942190492773849</c:v>
                </c:pt>
                <c:pt idx="1644">
                  <c:v>1.8851645481455721</c:v>
                </c:pt>
                <c:pt idx="1645">
                  <c:v>1.902838237854783</c:v>
                </c:pt>
                <c:pt idx="1646">
                  <c:v>1.8475970746996375</c:v>
                </c:pt>
                <c:pt idx="1647">
                  <c:v>1.8799407974926026</c:v>
                </c:pt>
                <c:pt idx="1648">
                  <c:v>1.919118927389869</c:v>
                </c:pt>
                <c:pt idx="1649">
                  <c:v>1.9153752394219081</c:v>
                </c:pt>
                <c:pt idx="1650">
                  <c:v>1.9228626153578303</c:v>
                </c:pt>
                <c:pt idx="1651">
                  <c:v>1.8845551105693921</c:v>
                </c:pt>
                <c:pt idx="1652">
                  <c:v>1.8588281386035206</c:v>
                </c:pt>
                <c:pt idx="1653">
                  <c:v>1.8788089848511267</c:v>
                </c:pt>
                <c:pt idx="1654">
                  <c:v>1.8496430437053841</c:v>
                </c:pt>
                <c:pt idx="1655">
                  <c:v>1.7998432874804147</c:v>
                </c:pt>
                <c:pt idx="1656">
                  <c:v>1.7692408149051055</c:v>
                </c:pt>
                <c:pt idx="1657">
                  <c:v>1.7601863137732927</c:v>
                </c:pt>
                <c:pt idx="1658">
                  <c:v>1.8041528817691135</c:v>
                </c:pt>
                <c:pt idx="1659">
                  <c:v>1.8130332578791601</c:v>
                </c:pt>
                <c:pt idx="1660">
                  <c:v>1.8241337280167187</c:v>
                </c:pt>
                <c:pt idx="1661">
                  <c:v>1.7762058157757297</c:v>
                </c:pt>
                <c:pt idx="1662">
                  <c:v>1.7861309420163707</c:v>
                </c:pt>
                <c:pt idx="1663">
                  <c:v>1.7526989378373701</c:v>
                </c:pt>
                <c:pt idx="1664">
                  <c:v>1.7350252481281587</c:v>
                </c:pt>
                <c:pt idx="1665">
                  <c:v>1.7717656277207059</c:v>
                </c:pt>
                <c:pt idx="1666">
                  <c:v>1.7355040919380138</c:v>
                </c:pt>
                <c:pt idx="1667">
                  <c:v>1.7149138081142286</c:v>
                </c:pt>
                <c:pt idx="1668">
                  <c:v>1.7248824656103108</c:v>
                </c:pt>
                <c:pt idx="1669">
                  <c:v>1.7139561204945175</c:v>
                </c:pt>
                <c:pt idx="1670">
                  <c:v>1.7570955946369518</c:v>
                </c:pt>
                <c:pt idx="1671">
                  <c:v>1.7593592199199048</c:v>
                </c:pt>
                <c:pt idx="1672">
                  <c:v>1.7902664112833038</c:v>
                </c:pt>
                <c:pt idx="1673">
                  <c:v>1.7987985373498194</c:v>
                </c:pt>
                <c:pt idx="1674">
                  <c:v>1.7839543792442996</c:v>
                </c:pt>
                <c:pt idx="1675">
                  <c:v>1.812989726623718</c:v>
                </c:pt>
                <c:pt idx="1676">
                  <c:v>1.7603604387950571</c:v>
                </c:pt>
                <c:pt idx="1677">
                  <c:v>1.7954901619362729</c:v>
                </c:pt>
                <c:pt idx="1678">
                  <c:v>1.8008009751001244</c:v>
                </c:pt>
                <c:pt idx="1679">
                  <c:v>1.7453856869232136</c:v>
                </c:pt>
                <c:pt idx="1680">
                  <c:v>1.7519153752394243</c:v>
                </c:pt>
                <c:pt idx="1681">
                  <c:v>1.7438620929827642</c:v>
                </c:pt>
                <c:pt idx="1682">
                  <c:v>1.7628417203552176</c:v>
                </c:pt>
                <c:pt idx="1683">
                  <c:v>1.7292791224098925</c:v>
                </c:pt>
                <c:pt idx="1684">
                  <c:v>1.699895524986943</c:v>
                </c:pt>
                <c:pt idx="1685">
                  <c:v>1.707818213477279</c:v>
                </c:pt>
                <c:pt idx="1686">
                  <c:v>1.6816559289569937</c:v>
                </c:pt>
                <c:pt idx="1687">
                  <c:v>1.6501828312728564</c:v>
                </c:pt>
                <c:pt idx="1688">
                  <c:v>1.6579749259968679</c:v>
                </c:pt>
                <c:pt idx="1689">
                  <c:v>1.662719832839981</c:v>
                </c:pt>
                <c:pt idx="1690">
                  <c:v>1.6738203029775396</c:v>
                </c:pt>
                <c:pt idx="1691">
                  <c:v>1.6638516454814574</c:v>
                </c:pt>
                <c:pt idx="1692">
                  <c:v>1.656103082012887</c:v>
                </c:pt>
                <c:pt idx="1693">
                  <c:v>1.6648093331011684</c:v>
                </c:pt>
                <c:pt idx="1694">
                  <c:v>1.7121278077659774</c:v>
                </c:pt>
                <c:pt idx="1695">
                  <c:v>1.7134337454292194</c:v>
                </c:pt>
                <c:pt idx="1696">
                  <c:v>1.7164809333101183</c:v>
                </c:pt>
                <c:pt idx="1697">
                  <c:v>1.7596204074525525</c:v>
                </c:pt>
                <c:pt idx="1698">
                  <c:v>1.7812554414069317</c:v>
                </c:pt>
                <c:pt idx="1699">
                  <c:v>1.7441232805154114</c:v>
                </c:pt>
                <c:pt idx="1700">
                  <c:v>1.7235329966916262</c:v>
                </c:pt>
                <c:pt idx="1701">
                  <c:v>1.7079488072436027</c:v>
                </c:pt>
                <c:pt idx="1702">
                  <c:v>1.6777381159672662</c:v>
                </c:pt>
                <c:pt idx="1703">
                  <c:v>1.6215827964478513</c:v>
                </c:pt>
                <c:pt idx="1704">
                  <c:v>1.5989900748737611</c:v>
                </c:pt>
                <c:pt idx="1705">
                  <c:v>1.640997736374719</c:v>
                </c:pt>
                <c:pt idx="1706">
                  <c:v>1.597901793487726</c:v>
                </c:pt>
                <c:pt idx="1707">
                  <c:v>1.589152011144003</c:v>
                </c:pt>
                <c:pt idx="1708">
                  <c:v>1.5612484764060612</c:v>
                </c:pt>
                <c:pt idx="1709">
                  <c:v>1.5719136339892059</c:v>
                </c:pt>
                <c:pt idx="1710">
                  <c:v>1.5735242904405382</c:v>
                </c:pt>
                <c:pt idx="1711">
                  <c:v>1.6232805154100665</c:v>
                </c:pt>
                <c:pt idx="1712">
                  <c:v>1.6236287654535975</c:v>
                </c:pt>
                <c:pt idx="1713">
                  <c:v>1.6105693888211752</c:v>
                </c:pt>
                <c:pt idx="1714">
                  <c:v>1.5831011666376473</c:v>
                </c:pt>
                <c:pt idx="1715">
                  <c:v>1.5373498171687285</c:v>
                </c:pt>
                <c:pt idx="1716">
                  <c:v>1.5556329444541195</c:v>
                </c:pt>
                <c:pt idx="1717">
                  <c:v>1.5606390388298812</c:v>
                </c:pt>
                <c:pt idx="1718">
                  <c:v>1.5481020372627561</c:v>
                </c:pt>
                <c:pt idx="1719">
                  <c:v>1.4947762493470327</c:v>
                </c:pt>
                <c:pt idx="1720">
                  <c:v>1.4384903360612933</c:v>
                </c:pt>
                <c:pt idx="1721">
                  <c:v>1.2989291311161426</c:v>
                </c:pt>
                <c:pt idx="1722">
                  <c:v>1.3049364443670566</c:v>
                </c:pt>
                <c:pt idx="1723">
                  <c:v>1.1185791398223937</c:v>
                </c:pt>
                <c:pt idx="1724">
                  <c:v>1.2266237158279658</c:v>
                </c:pt>
                <c:pt idx="1725">
                  <c:v>1.2372888734111105</c:v>
                </c:pt>
                <c:pt idx="1726">
                  <c:v>1.3220877590109712</c:v>
                </c:pt>
                <c:pt idx="1727">
                  <c:v>1.3277468222183537</c:v>
                </c:pt>
                <c:pt idx="1728">
                  <c:v>1.379026641128331</c:v>
                </c:pt>
                <c:pt idx="1729">
                  <c:v>1.3647483893435495</c:v>
                </c:pt>
                <c:pt idx="1730">
                  <c:v>1.3973968309246048</c:v>
                </c:pt>
                <c:pt idx="1731">
                  <c:v>1.3129897266237167</c:v>
                </c:pt>
                <c:pt idx="1732">
                  <c:v>1.28308375413547</c:v>
                </c:pt>
                <c:pt idx="1733">
                  <c:v>1.2827790353473802</c:v>
                </c:pt>
                <c:pt idx="1734">
                  <c:v>1.341372105171514</c:v>
                </c:pt>
                <c:pt idx="1735">
                  <c:v>1.3417638864704866</c:v>
                </c:pt>
                <c:pt idx="1736">
                  <c:v>1.3051105693888219</c:v>
                </c:pt>
                <c:pt idx="1737">
                  <c:v>1.3223924777990606</c:v>
                </c:pt>
                <c:pt idx="1738">
                  <c:v>1.388124673515585</c:v>
                </c:pt>
                <c:pt idx="1739">
                  <c:v>1.4109785826223238</c:v>
                </c:pt>
                <c:pt idx="1740">
                  <c:v>1.4592982761622855</c:v>
                </c:pt>
                <c:pt idx="1741">
                  <c:v>1.5299495037436892</c:v>
                </c:pt>
                <c:pt idx="1742">
                  <c:v>1.4608654013581766</c:v>
                </c:pt>
                <c:pt idx="1743">
                  <c:v>1.3941319867664999</c:v>
                </c:pt>
                <c:pt idx="1744">
                  <c:v>1.4641737767717236</c:v>
                </c:pt>
                <c:pt idx="1745">
                  <c:v>1.5084015323001929</c:v>
                </c:pt>
                <c:pt idx="1746">
                  <c:v>1.4280863660107972</c:v>
                </c:pt>
                <c:pt idx="1747">
                  <c:v>1.4240379592547465</c:v>
                </c:pt>
                <c:pt idx="1748">
                  <c:v>1.4178565209820668</c:v>
                </c:pt>
                <c:pt idx="1749">
                  <c:v>1.4502002437750319</c:v>
                </c:pt>
                <c:pt idx="1750">
                  <c:v>1.4543357130419654</c:v>
                </c:pt>
                <c:pt idx="1751">
                  <c:v>1.4904231238028918</c:v>
                </c:pt>
                <c:pt idx="1752">
                  <c:v>1.4857217482152199</c:v>
                </c:pt>
                <c:pt idx="1753">
                  <c:v>1.4542051192756413</c:v>
                </c:pt>
                <c:pt idx="1754">
                  <c:v>1.4369232108654026</c:v>
                </c:pt>
                <c:pt idx="1755">
                  <c:v>1.3193452899181626</c:v>
                </c:pt>
                <c:pt idx="1756">
                  <c:v>1.3171687271460923</c:v>
                </c:pt>
                <c:pt idx="1757">
                  <c:v>1.3396743862092997</c:v>
                </c:pt>
                <c:pt idx="1758">
                  <c:v>1.3472052934006631</c:v>
                </c:pt>
                <c:pt idx="1759">
                  <c:v>1.3189099773637483</c:v>
                </c:pt>
                <c:pt idx="1760">
                  <c:v>1.3238725404840688</c:v>
                </c:pt>
                <c:pt idx="1761">
                  <c:v>1.2777294097161773</c:v>
                </c:pt>
                <c:pt idx="1762">
                  <c:v>1.2109959951245006</c:v>
                </c:pt>
                <c:pt idx="1763">
                  <c:v>1.2064252133031528</c:v>
                </c:pt>
                <c:pt idx="1764">
                  <c:v>1.220659933832493</c:v>
                </c:pt>
                <c:pt idx="1765">
                  <c:v>1.27624934703117</c:v>
                </c:pt>
                <c:pt idx="1766">
                  <c:v>1.2306721225840169</c:v>
                </c:pt>
                <c:pt idx="1767">
                  <c:v>1.3190405711300728</c:v>
                </c:pt>
                <c:pt idx="1768">
                  <c:v>1.3436357304544679</c:v>
                </c:pt>
                <c:pt idx="1769">
                  <c:v>1.3768500783562616</c:v>
                </c:pt>
                <c:pt idx="1770">
                  <c:v>1.3955249869406252</c:v>
                </c:pt>
                <c:pt idx="1771">
                  <c:v>1.3468135121016909</c:v>
                </c:pt>
                <c:pt idx="1772">
                  <c:v>1.3955685181960669</c:v>
                </c:pt>
                <c:pt idx="1773">
                  <c:v>1.3927389865923754</c:v>
                </c:pt>
                <c:pt idx="1774">
                  <c:v>1.3510795751349489</c:v>
                </c:pt>
                <c:pt idx="1775">
                  <c:v>1.4053195194149422</c:v>
                </c:pt>
                <c:pt idx="1776">
                  <c:v>1.4765366533170838</c:v>
                </c:pt>
                <c:pt idx="1777">
                  <c:v>1.4501567125195911</c:v>
                </c:pt>
                <c:pt idx="1778">
                  <c:v>1.4875065296883183</c:v>
                </c:pt>
                <c:pt idx="1779">
                  <c:v>1.580097510012191</c:v>
                </c:pt>
                <c:pt idx="1780">
                  <c:v>1.5906756050844528</c:v>
                </c:pt>
                <c:pt idx="1781">
                  <c:v>1.5395263799407997</c:v>
                </c:pt>
                <c:pt idx="1782">
                  <c:v>1.4952986244123303</c:v>
                </c:pt>
                <c:pt idx="1783">
                  <c:v>1.53334494166812</c:v>
                </c:pt>
                <c:pt idx="1784">
                  <c:v>1.5539352254919052</c:v>
                </c:pt>
                <c:pt idx="1785">
                  <c:v>1.5769632596204097</c:v>
                </c:pt>
                <c:pt idx="1786">
                  <c:v>1.5694758836844875</c:v>
                </c:pt>
                <c:pt idx="1787">
                  <c:v>1.5051802193975292</c:v>
                </c:pt>
                <c:pt idx="1788">
                  <c:v>1.4952550931568882</c:v>
                </c:pt>
                <c:pt idx="1789">
                  <c:v>1.548580881072612</c:v>
                </c:pt>
                <c:pt idx="1790">
                  <c:v>1.5360438795054869</c:v>
                </c:pt>
                <c:pt idx="1791">
                  <c:v>1.5491467873933504</c:v>
                </c:pt>
                <c:pt idx="1792">
                  <c:v>1.4807591850949002</c:v>
                </c:pt>
                <c:pt idx="1793">
                  <c:v>1.4695716524464588</c:v>
                </c:pt>
                <c:pt idx="1794">
                  <c:v>1.4501131812641499</c:v>
                </c:pt>
                <c:pt idx="1795">
                  <c:v>1.432439491554939</c:v>
                </c:pt>
                <c:pt idx="1796">
                  <c:v>1.3930001741250244</c:v>
                </c:pt>
                <c:pt idx="1797">
                  <c:v>1.4063642695455365</c:v>
                </c:pt>
                <c:pt idx="1798">
                  <c:v>1.3896047362005945</c:v>
                </c:pt>
                <c:pt idx="1799">
                  <c:v>1.4384903360612946</c:v>
                </c:pt>
                <c:pt idx="1800">
                  <c:v>1.4072348946543642</c:v>
                </c:pt>
                <c:pt idx="1801">
                  <c:v>1.4757966219745802</c:v>
                </c:pt>
                <c:pt idx="1802">
                  <c:v>1.5310377851297252</c:v>
                </c:pt>
                <c:pt idx="1803">
                  <c:v>1.5198067212258421</c:v>
                </c:pt>
                <c:pt idx="1804">
                  <c:v>1.5644262580532842</c:v>
                </c:pt>
                <c:pt idx="1805">
                  <c:v>1.5916768239596051</c:v>
                </c:pt>
                <c:pt idx="1806">
                  <c:v>1.5536305067038154</c:v>
                </c:pt>
                <c:pt idx="1807">
                  <c:v>1.5010882813860369</c:v>
                </c:pt>
                <c:pt idx="1808">
                  <c:v>1.5350861918857759</c:v>
                </c:pt>
                <c:pt idx="1809">
                  <c:v>1.4963433745429238</c:v>
                </c:pt>
                <c:pt idx="1810">
                  <c:v>1.5027860003482516</c:v>
                </c:pt>
                <c:pt idx="1811">
                  <c:v>1.4658714957339383</c:v>
                </c:pt>
                <c:pt idx="1812">
                  <c:v>1.4521591502698952</c:v>
                </c:pt>
                <c:pt idx="1813">
                  <c:v>1.4419293052411644</c:v>
                </c:pt>
                <c:pt idx="1814">
                  <c:v>1.4071913633989217</c:v>
                </c:pt>
                <c:pt idx="1815">
                  <c:v>1.475361309420165</c:v>
                </c:pt>
                <c:pt idx="1816">
                  <c:v>1.4661762145220281</c:v>
                </c:pt>
                <c:pt idx="1817">
                  <c:v>1.4963869057983641</c:v>
                </c:pt>
                <c:pt idx="1818">
                  <c:v>1.5117969702246219</c:v>
                </c:pt>
                <c:pt idx="1819">
                  <c:v>1.510403970050497</c:v>
                </c:pt>
                <c:pt idx="1820">
                  <c:v>1.5250304718788095</c:v>
                </c:pt>
                <c:pt idx="1821">
                  <c:v>1.4609524638690585</c:v>
                </c:pt>
                <c:pt idx="1822">
                  <c:v>1.4705728713216093</c:v>
                </c:pt>
                <c:pt idx="1823">
                  <c:v>1.4705728713216093</c:v>
                </c:pt>
                <c:pt idx="1824">
                  <c:v>1.517368970921122</c:v>
                </c:pt>
                <c:pt idx="1825">
                  <c:v>1.5798363224795411</c:v>
                </c:pt>
                <c:pt idx="1826">
                  <c:v>1.584189448023682</c:v>
                </c:pt>
                <c:pt idx="1827">
                  <c:v>1.5485808810726112</c:v>
                </c:pt>
                <c:pt idx="1828">
                  <c:v>1.5509315688664476</c:v>
                </c:pt>
                <c:pt idx="1829">
                  <c:v>1.5719136339892059</c:v>
                </c:pt>
                <c:pt idx="1830">
                  <c:v>1.6033867316733432</c:v>
                </c:pt>
                <c:pt idx="1831">
                  <c:v>1.6102211387776442</c:v>
                </c:pt>
                <c:pt idx="1832">
                  <c:v>1.6083928260491054</c:v>
                </c:pt>
                <c:pt idx="1833">
                  <c:v>1.5746996343374566</c:v>
                </c:pt>
                <c:pt idx="1834">
                  <c:v>1.609959951244996</c:v>
                </c:pt>
                <c:pt idx="1835">
                  <c:v>1.6399529862441256</c:v>
                </c:pt>
                <c:pt idx="1836">
                  <c:v>1.6868361483545207</c:v>
                </c:pt>
                <c:pt idx="1837">
                  <c:v>1.6957165244645678</c:v>
                </c:pt>
                <c:pt idx="1838">
                  <c:v>1.7125195890649509</c:v>
                </c:pt>
                <c:pt idx="1839">
                  <c:v>1.7157409019676151</c:v>
                </c:pt>
                <c:pt idx="1840">
                  <c:v>1.7200940275117556</c:v>
                </c:pt>
                <c:pt idx="1841">
                  <c:v>1.7200940275117556</c:v>
                </c:pt>
                <c:pt idx="1842">
                  <c:v>1.7404231238028927</c:v>
                </c:pt>
                <c:pt idx="1843">
                  <c:v>1.7382900922862636</c:v>
                </c:pt>
                <c:pt idx="1844">
                  <c:v>1.7324569040571154</c:v>
                </c:pt>
                <c:pt idx="1845">
                  <c:v>1.7456033432004205</c:v>
                </c:pt>
                <c:pt idx="1846">
                  <c:v>1.8106825700853237</c:v>
                </c:pt>
                <c:pt idx="1847">
                  <c:v>1.8118143827268001</c:v>
                </c:pt>
                <c:pt idx="1848">
                  <c:v>1.8389778861222381</c:v>
                </c:pt>
                <c:pt idx="1849">
                  <c:v>1.8392390736548867</c:v>
                </c:pt>
                <c:pt idx="1850">
                  <c:v>1.8694497649312232</c:v>
                </c:pt>
                <c:pt idx="1851">
                  <c:v>1.8657060769632623</c:v>
                </c:pt>
                <c:pt idx="1852">
                  <c:v>1.8526031690753988</c:v>
                </c:pt>
                <c:pt idx="1853">
                  <c:v>1.7858697544837216</c:v>
                </c:pt>
                <c:pt idx="1854">
                  <c:v>1.859611701201465</c:v>
                </c:pt>
                <c:pt idx="1855">
                  <c:v>1.8311857913982261</c:v>
                </c:pt>
                <c:pt idx="1856">
                  <c:v>1.8455511056938905</c:v>
                </c:pt>
                <c:pt idx="1857">
                  <c:v>1.879200766150098</c:v>
                </c:pt>
                <c:pt idx="1858">
                  <c:v>1.881899703987465</c:v>
                </c:pt>
                <c:pt idx="1859">
                  <c:v>1.877067734633469</c:v>
                </c:pt>
                <c:pt idx="1860">
                  <c:v>1.8651837018979647</c:v>
                </c:pt>
                <c:pt idx="1861">
                  <c:v>1.8705380463172578</c:v>
                </c:pt>
                <c:pt idx="1862">
                  <c:v>1.8400226362528316</c:v>
                </c:pt>
                <c:pt idx="1863">
                  <c:v>1.8712345464043203</c:v>
                </c:pt>
                <c:pt idx="1864">
                  <c:v>1.8648354518544332</c:v>
                </c:pt>
                <c:pt idx="1865">
                  <c:v>1.9082796447849577</c:v>
                </c:pt>
                <c:pt idx="1866">
                  <c:v>1.950592025074005</c:v>
                </c:pt>
                <c:pt idx="1867">
                  <c:v>1.9150269893783753</c:v>
                </c:pt>
                <c:pt idx="1868">
                  <c:v>1.8344941668117727</c:v>
                </c:pt>
                <c:pt idx="1869">
                  <c:v>1.8737593592199215</c:v>
                </c:pt>
                <c:pt idx="1870">
                  <c:v>1.9125892390736565</c:v>
                </c:pt>
                <c:pt idx="1871">
                  <c:v>1.9036653317081682</c:v>
                </c:pt>
                <c:pt idx="1872">
                  <c:v>1.8897788612223594</c:v>
                </c:pt>
                <c:pt idx="1873">
                  <c:v>1.9772766846595875</c:v>
                </c:pt>
                <c:pt idx="1874">
                  <c:v>1.9713129026641147</c:v>
                </c:pt>
                <c:pt idx="1875">
                  <c:v>1.9491990248998801</c:v>
                </c:pt>
                <c:pt idx="1876">
                  <c:v>1.9463694932961886</c:v>
                </c:pt>
                <c:pt idx="1877">
                  <c:v>1.9483719310464935</c:v>
                </c:pt>
                <c:pt idx="1878">
                  <c:v>1.9294358349294813</c:v>
                </c:pt>
                <c:pt idx="1879">
                  <c:v>1.9104997388124692</c:v>
                </c:pt>
                <c:pt idx="1880">
                  <c:v>1.8655754831969373</c:v>
                </c:pt>
                <c:pt idx="1881">
                  <c:v>1.8648789831098749</c:v>
                </c:pt>
                <c:pt idx="1882">
                  <c:v>1.9028382378547817</c:v>
                </c:pt>
                <c:pt idx="1883">
                  <c:v>1.8746735155841914</c:v>
                </c:pt>
                <c:pt idx="1884">
                  <c:v>1.8329705728713233</c:v>
                </c:pt>
                <c:pt idx="1885">
                  <c:v>1.8239160717395104</c:v>
                </c:pt>
                <c:pt idx="1886">
                  <c:v>1.8082012885251628</c:v>
                </c:pt>
                <c:pt idx="1887">
                  <c:v>1.838934354866796</c:v>
                </c:pt>
                <c:pt idx="1888">
                  <c:v>1.7983632247954047</c:v>
                </c:pt>
                <c:pt idx="1889">
                  <c:v>1.7654535956817008</c:v>
                </c:pt>
                <c:pt idx="1890">
                  <c:v>1.7725491903186503</c:v>
                </c:pt>
                <c:pt idx="1891">
                  <c:v>1.7391171861396497</c:v>
                </c:pt>
                <c:pt idx="1892">
                  <c:v>1.6875326484415822</c:v>
                </c:pt>
                <c:pt idx="1893">
                  <c:v>1.6681612397701562</c:v>
                </c:pt>
                <c:pt idx="1894">
                  <c:v>1.7449939056242392</c:v>
                </c:pt>
                <c:pt idx="1895">
                  <c:v>1.7035086191885784</c:v>
                </c:pt>
                <c:pt idx="1896">
                  <c:v>1.6969353996169261</c:v>
                </c:pt>
                <c:pt idx="1897">
                  <c:v>1.7293226536653328</c:v>
                </c:pt>
                <c:pt idx="1898">
                  <c:v>1.7429044053630518</c:v>
                </c:pt>
                <c:pt idx="1899">
                  <c:v>1.7258401532300205</c:v>
                </c:pt>
                <c:pt idx="1900">
                  <c:v>1.7204422775552861</c:v>
                </c:pt>
                <c:pt idx="1901">
                  <c:v>1.6788699286087425</c:v>
                </c:pt>
                <c:pt idx="1902">
                  <c:v>1.6976754309594302</c:v>
                </c:pt>
                <c:pt idx="1903">
                  <c:v>1.688055023506879</c:v>
                </c:pt>
                <c:pt idx="1904">
                  <c:v>1.7075570259446291</c:v>
                </c:pt>
                <c:pt idx="1905">
                  <c:v>1.6854866794358356</c:v>
                </c:pt>
                <c:pt idx="1906">
                  <c:v>1.6911022113877769</c:v>
                </c:pt>
                <c:pt idx="1907">
                  <c:v>1.7173515584189456</c:v>
                </c:pt>
                <c:pt idx="1908">
                  <c:v>1.7034650879331368</c:v>
                </c:pt>
                <c:pt idx="1909">
                  <c:v>1.6475709559463705</c:v>
                </c:pt>
                <c:pt idx="1910">
                  <c:v>1.6649834581229332</c:v>
                </c:pt>
                <c:pt idx="1911">
                  <c:v>1.6277642347205301</c:v>
                </c:pt>
                <c:pt idx="1912">
                  <c:v>1.6025596378199554</c:v>
                </c:pt>
                <c:pt idx="1913">
                  <c:v>1.5989030123628769</c:v>
                </c:pt>
                <c:pt idx="1914">
                  <c:v>1.5877154797144355</c:v>
                </c:pt>
                <c:pt idx="1915">
                  <c:v>1.504744906843114</c:v>
                </c:pt>
                <c:pt idx="1916">
                  <c:v>1.448067212258402</c:v>
                </c:pt>
                <c:pt idx="1917">
                  <c:v>1.4328312728539094</c:v>
                </c:pt>
                <c:pt idx="1918">
                  <c:v>1.352341981542748</c:v>
                </c:pt>
                <c:pt idx="1919">
                  <c:v>1.3730193278774165</c:v>
                </c:pt>
                <c:pt idx="1920">
                  <c:v>1.4634337454292186</c:v>
                </c:pt>
                <c:pt idx="1921">
                  <c:v>1.3958732369841549</c:v>
                </c:pt>
                <c:pt idx="1922">
                  <c:v>1.3776336409542052</c:v>
                </c:pt>
                <c:pt idx="1923">
                  <c:v>1.3534302629287827</c:v>
                </c:pt>
                <c:pt idx="1924">
                  <c:v>1.3708427651053454</c:v>
                </c:pt>
                <c:pt idx="1925">
                  <c:v>1.4034476754309595</c:v>
                </c:pt>
                <c:pt idx="1926">
                  <c:v>1.3782430785303852</c:v>
                </c:pt>
                <c:pt idx="1927">
                  <c:v>1.341850948981369</c:v>
                </c:pt>
                <c:pt idx="1928">
                  <c:v>1.3720181090022638</c:v>
                </c:pt>
                <c:pt idx="1929">
                  <c:v>1.3246561030820132</c:v>
                </c:pt>
                <c:pt idx="1930">
                  <c:v>1.3252655406581928</c:v>
                </c:pt>
                <c:pt idx="1931">
                  <c:v>1.2845638168204774</c:v>
                </c:pt>
                <c:pt idx="1932">
                  <c:v>1.3574786696848338</c:v>
                </c:pt>
                <c:pt idx="1933">
                  <c:v>1.3693627024203376</c:v>
                </c:pt>
                <c:pt idx="1934">
                  <c:v>1.3507313250914157</c:v>
                </c:pt>
                <c:pt idx="1935">
                  <c:v>1.3963520807940104</c:v>
                </c:pt>
                <c:pt idx="1936">
                  <c:v>1.4225143653142958</c:v>
                </c:pt>
                <c:pt idx="1937">
                  <c:v>1.4094985199373151</c:v>
                </c:pt>
                <c:pt idx="1938">
                  <c:v>1.4422775552846945</c:v>
                </c:pt>
                <c:pt idx="1939">
                  <c:v>1.4462388995298627</c:v>
                </c:pt>
                <c:pt idx="1940">
                  <c:v>1.4897701549712696</c:v>
                </c:pt>
                <c:pt idx="1941">
                  <c:v>1.4885077485634688</c:v>
                </c:pt>
                <c:pt idx="1942">
                  <c:v>1.4162023332752915</c:v>
                </c:pt>
                <c:pt idx="1943">
                  <c:v>1.4133292704161589</c:v>
                </c:pt>
                <c:pt idx="1944">
                  <c:v>1.3421991990249</c:v>
                </c:pt>
                <c:pt idx="1945">
                  <c:v>1.3435486679435837</c:v>
                </c:pt>
                <c:pt idx="1946">
                  <c:v>1.3118579139822395</c:v>
                </c:pt>
                <c:pt idx="1947">
                  <c:v>1.2920076615009579</c:v>
                </c:pt>
                <c:pt idx="1948">
                  <c:v>1.3660978582622323</c:v>
                </c:pt>
                <c:pt idx="1949">
                  <c:v>1.3808114226014276</c:v>
                </c:pt>
                <c:pt idx="1950">
                  <c:v>1.4281734285216787</c:v>
                </c:pt>
                <c:pt idx="1951">
                  <c:v>1.4410586801323348</c:v>
                </c:pt>
                <c:pt idx="1952">
                  <c:v>1.4542486505310812</c:v>
                </c:pt>
                <c:pt idx="1953">
                  <c:v>1.4113703639212956</c:v>
                </c:pt>
                <c:pt idx="1954">
                  <c:v>1.4113703639212956</c:v>
                </c:pt>
                <c:pt idx="1955">
                  <c:v>1.3378460734807591</c:v>
                </c:pt>
                <c:pt idx="1956">
                  <c:v>1.3319258227407276</c:v>
                </c:pt>
                <c:pt idx="1957">
                  <c:v>1.3254396656799576</c:v>
                </c:pt>
                <c:pt idx="1958">
                  <c:v>1.3650531081316379</c:v>
                </c:pt>
                <c:pt idx="1959">
                  <c:v>1.3246125718265711</c:v>
                </c:pt>
                <c:pt idx="1960">
                  <c:v>1.3467264495908058</c:v>
                </c:pt>
                <c:pt idx="1961">
                  <c:v>1.3760665157583141</c:v>
                </c:pt>
                <c:pt idx="1962">
                  <c:v>1.4092808636601073</c:v>
                </c:pt>
                <c:pt idx="1963">
                  <c:v>1.3591328573916064</c:v>
                </c:pt>
                <c:pt idx="1964">
                  <c:v>1.3085930698241328</c:v>
                </c:pt>
                <c:pt idx="1965">
                  <c:v>1.291398223924777</c:v>
                </c:pt>
                <c:pt idx="1966">
                  <c:v>1.2900487550060933</c:v>
                </c:pt>
                <c:pt idx="1967">
                  <c:v>1.3507748563468556</c:v>
                </c:pt>
                <c:pt idx="1968">
                  <c:v>1.4618230889778849</c:v>
                </c:pt>
                <c:pt idx="1969">
                  <c:v>1.4917290614661316</c:v>
                </c:pt>
                <c:pt idx="1970">
                  <c:v>1.4419728364966033</c:v>
                </c:pt>
                <c:pt idx="1971">
                  <c:v>1.4504179000522361</c:v>
                </c:pt>
                <c:pt idx="1972">
                  <c:v>1.4168553021069115</c:v>
                </c:pt>
                <c:pt idx="1973">
                  <c:v>1.4923820302977524</c:v>
                </c:pt>
                <c:pt idx="1974">
                  <c:v>1.5397875674734443</c:v>
                </c:pt>
                <c:pt idx="1975">
                  <c:v>1.5128417203552136</c:v>
                </c:pt>
                <c:pt idx="1976">
                  <c:v>1.566167508270937</c:v>
                </c:pt>
                <c:pt idx="1977">
                  <c:v>1.5595072261884018</c:v>
                </c:pt>
                <c:pt idx="1978">
                  <c:v>1.5805328225666013</c:v>
                </c:pt>
                <c:pt idx="1979">
                  <c:v>1.5736548842068592</c:v>
                </c:pt>
                <c:pt idx="1980">
                  <c:v>1.5283823785477959</c:v>
                </c:pt>
                <c:pt idx="1981">
                  <c:v>1.5330402228800266</c:v>
                </c:pt>
                <c:pt idx="1982">
                  <c:v>1.5877154797144337</c:v>
                </c:pt>
                <c:pt idx="1983">
                  <c:v>1.5719136339892028</c:v>
                </c:pt>
                <c:pt idx="1984">
                  <c:v>1.5806634163329254</c:v>
                </c:pt>
                <c:pt idx="1985">
                  <c:v>1.5647309768413704</c:v>
                </c:pt>
                <c:pt idx="1986">
                  <c:v>1.5848859481107418</c:v>
                </c:pt>
                <c:pt idx="1987">
                  <c:v>1.5470572871321595</c:v>
                </c:pt>
                <c:pt idx="1988">
                  <c:v>1.5433135991641986</c:v>
                </c:pt>
                <c:pt idx="1989">
                  <c:v>1.5296447849555967</c:v>
                </c:pt>
                <c:pt idx="1990">
                  <c:v>1.5424865053108121</c:v>
                </c:pt>
                <c:pt idx="1991">
                  <c:v>1.4973445934180734</c:v>
                </c:pt>
                <c:pt idx="1992">
                  <c:v>1.4924255615531945</c:v>
                </c:pt>
                <c:pt idx="1993">
                  <c:v>1.4839369667421201</c:v>
                </c:pt>
                <c:pt idx="1994">
                  <c:v>1.4935138429392296</c:v>
                </c:pt>
                <c:pt idx="1995">
                  <c:v>1.4478930872366349</c:v>
                </c:pt>
                <c:pt idx="1996">
                  <c:v>1.4753177781647211</c:v>
                </c:pt>
                <c:pt idx="1997">
                  <c:v>1.5387863485982924</c:v>
                </c:pt>
                <c:pt idx="1998">
                  <c:v>1.5423994427999288</c:v>
                </c:pt>
                <c:pt idx="1999">
                  <c:v>1.586714260839281</c:v>
                </c:pt>
                <c:pt idx="2000">
                  <c:v>1.6084363573045435</c:v>
                </c:pt>
                <c:pt idx="2001">
                  <c:v>1.6971095246386891</c:v>
                </c:pt>
                <c:pt idx="2002">
                  <c:v>1.7035086191885762</c:v>
                </c:pt>
                <c:pt idx="2003">
                  <c:v>1.6904492425561544</c:v>
                </c:pt>
                <c:pt idx="2004">
                  <c:v>1.6904057113007132</c:v>
                </c:pt>
                <c:pt idx="2005">
                  <c:v>1.6837454292181779</c:v>
                </c:pt>
                <c:pt idx="2006">
                  <c:v>1.6853125544140686</c:v>
                </c:pt>
                <c:pt idx="2007">
                  <c:v>1.6693365836670724</c:v>
                </c:pt>
                <c:pt idx="2008">
                  <c:v>1.6949764931220606</c:v>
                </c:pt>
                <c:pt idx="2009">
                  <c:v>1.6336844854605594</c:v>
                </c:pt>
                <c:pt idx="2010">
                  <c:v>1.6326832665854072</c:v>
                </c:pt>
                <c:pt idx="2011">
                  <c:v>1.6222792965349111</c:v>
                </c:pt>
                <c:pt idx="2012">
                  <c:v>1.5759620407452544</c:v>
                </c:pt>
                <c:pt idx="2013">
                  <c:v>1.5931568866446102</c:v>
                </c:pt>
                <c:pt idx="2014">
                  <c:v>1.5780080097510005</c:v>
                </c:pt>
                <c:pt idx="2015">
                  <c:v>1.5521069127633633</c:v>
                </c:pt>
                <c:pt idx="2016">
                  <c:v>1.5447501305937656</c:v>
                </c:pt>
                <c:pt idx="2017">
                  <c:v>1.5496691624586445</c:v>
                </c:pt>
                <c:pt idx="2018">
                  <c:v>1.5821434790179336</c:v>
                </c:pt>
                <c:pt idx="2019">
                  <c:v>1.5656886644610819</c:v>
                </c:pt>
                <c:pt idx="2020">
                  <c:v>1.5446630680828823</c:v>
                </c:pt>
                <c:pt idx="2021">
                  <c:v>1.5753526031690743</c:v>
                </c:pt>
                <c:pt idx="2022">
                  <c:v>1.594506355563293</c:v>
                </c:pt>
                <c:pt idx="2023">
                  <c:v>1.6006877938359727</c:v>
                </c:pt>
                <c:pt idx="2024">
                  <c:v>1.6156625457078166</c:v>
                </c:pt>
                <c:pt idx="2025">
                  <c:v>1.6002524812815584</c:v>
                </c:pt>
                <c:pt idx="2026">
                  <c:v>1.5649486331185773</c:v>
                </c:pt>
                <c:pt idx="2027">
                  <c:v>1.5552846944105849</c:v>
                </c:pt>
                <c:pt idx="2028">
                  <c:v>1.5113181264147637</c:v>
                </c:pt>
                <c:pt idx="2029">
                  <c:v>1.488246561030818</c:v>
                </c:pt>
                <c:pt idx="2030">
                  <c:v>1.5176736897092091</c:v>
                </c:pt>
                <c:pt idx="2031">
                  <c:v>1.4932961866620214</c:v>
                </c:pt>
                <c:pt idx="2032">
                  <c:v>1.4889430611178804</c:v>
                </c:pt>
                <c:pt idx="2033">
                  <c:v>1.5110134076266739</c:v>
                </c:pt>
                <c:pt idx="2034">
                  <c:v>1.4842416855302085</c:v>
                </c:pt>
                <c:pt idx="2035">
                  <c:v>1.5414417551802169</c:v>
                </c:pt>
                <c:pt idx="2036">
                  <c:v>1.5339108479888535</c:v>
                </c:pt>
                <c:pt idx="2037">
                  <c:v>1.5882813860351708</c:v>
                </c:pt>
                <c:pt idx="2038">
                  <c:v>1.5473184746648068</c:v>
                </c:pt>
                <c:pt idx="2039">
                  <c:v>1.5040919380114897</c:v>
                </c:pt>
                <c:pt idx="2040">
                  <c:v>1.4968222183527748</c:v>
                </c:pt>
                <c:pt idx="2041">
                  <c:v>1.4840675605084428</c:v>
                </c:pt>
                <c:pt idx="2042">
                  <c:v>1.5024377503047166</c:v>
                </c:pt>
                <c:pt idx="2043">
                  <c:v>1.4498955249869385</c:v>
                </c:pt>
                <c:pt idx="2044">
                  <c:v>1.4117186139648248</c:v>
                </c:pt>
                <c:pt idx="2045">
                  <c:v>1.4573393696674191</c:v>
                </c:pt>
                <c:pt idx="2046">
                  <c:v>1.4573393696674191</c:v>
                </c:pt>
                <c:pt idx="2047">
                  <c:v>1.4482848685356067</c:v>
                </c:pt>
                <c:pt idx="2048">
                  <c:v>1.4567299320912399</c:v>
                </c:pt>
                <c:pt idx="2049">
                  <c:v>1.5062685007835608</c:v>
                </c:pt>
                <c:pt idx="2050">
                  <c:v>1.469832839979103</c:v>
                </c:pt>
                <c:pt idx="2051">
                  <c:v>1.4485460560682553</c:v>
                </c:pt>
                <c:pt idx="2052">
                  <c:v>1.4612136514017049</c:v>
                </c:pt>
                <c:pt idx="2053">
                  <c:v>1.518370189796272</c:v>
                </c:pt>
                <c:pt idx="2054">
                  <c:v>1.5019153752394203</c:v>
                </c:pt>
                <c:pt idx="2055">
                  <c:v>1.5336061292007646</c:v>
                </c:pt>
                <c:pt idx="2056">
                  <c:v>1.5057896569737057</c:v>
                </c:pt>
                <c:pt idx="2057">
                  <c:v>1.5107957513494674</c:v>
                </c:pt>
                <c:pt idx="2058">
                  <c:v>1.5098380637297564</c:v>
                </c:pt>
                <c:pt idx="2059">
                  <c:v>1.5460125370015656</c:v>
                </c:pt>
                <c:pt idx="2060">
                  <c:v>1.5791398223924764</c:v>
                </c:pt>
                <c:pt idx="2061">
                  <c:v>1.5954640431830041</c:v>
                </c:pt>
                <c:pt idx="2062">
                  <c:v>1.5889778861222341</c:v>
                </c:pt>
                <c:pt idx="2063">
                  <c:v>1.582099947762492</c:v>
                </c:pt>
                <c:pt idx="2064">
                  <c:v>1.5946369493296175</c:v>
                </c:pt>
                <c:pt idx="2065">
                  <c:v>1.592982761622844</c:v>
                </c:pt>
                <c:pt idx="2066">
                  <c:v>1.6318997039874619</c:v>
                </c:pt>
                <c:pt idx="2067">
                  <c:v>1.6553195194149386</c:v>
                </c:pt>
                <c:pt idx="2068">
                  <c:v>1.6674212084276494</c:v>
                </c:pt>
                <c:pt idx="2069">
                  <c:v>1.6557113007139108</c:v>
                </c:pt>
                <c:pt idx="2070">
                  <c:v>1.6557113007139108</c:v>
                </c:pt>
                <c:pt idx="2071">
                  <c:v>1.6536218004527234</c:v>
                </c:pt>
                <c:pt idx="2072">
                  <c:v>1.6299407974925981</c:v>
                </c:pt>
                <c:pt idx="2073">
                  <c:v>1.6533170816646332</c:v>
                </c:pt>
                <c:pt idx="2074">
                  <c:v>1.6533170816646332</c:v>
                </c:pt>
                <c:pt idx="2075">
                  <c:v>1.7228800278600014</c:v>
                </c:pt>
                <c:pt idx="2076">
                  <c:v>1.7560508445063538</c:v>
                </c:pt>
                <c:pt idx="2077">
                  <c:v>1.7217046839630838</c:v>
                </c:pt>
                <c:pt idx="2078">
                  <c:v>1.6959777119972124</c:v>
                </c:pt>
                <c:pt idx="2079">
                  <c:v>1.6609350513668799</c:v>
                </c:pt>
                <c:pt idx="2080">
                  <c:v>1.6805676475709546</c:v>
                </c:pt>
                <c:pt idx="2081">
                  <c:v>1.6849207731150955</c:v>
                </c:pt>
                <c:pt idx="2082">
                  <c:v>1.6770416158802006</c:v>
                </c:pt>
                <c:pt idx="2083">
                  <c:v>1.7024203378025407</c:v>
                </c:pt>
                <c:pt idx="2084">
                  <c:v>1.6870538046317241</c:v>
                </c:pt>
                <c:pt idx="2085">
                  <c:v>1.6896656799582086</c:v>
                </c:pt>
                <c:pt idx="2086">
                  <c:v>1.7073829009228612</c:v>
                </c:pt>
                <c:pt idx="2087">
                  <c:v>1.6970224621278063</c:v>
                </c:pt>
                <c:pt idx="2088">
                  <c:v>1.6945411805676462</c:v>
                </c:pt>
                <c:pt idx="2089">
                  <c:v>1.6855302106912751</c:v>
                </c:pt>
                <c:pt idx="2090">
                  <c:v>1.6974577746822206</c:v>
                </c:pt>
                <c:pt idx="2091">
                  <c:v>1.6627633640954191</c:v>
                </c:pt>
                <c:pt idx="2092">
                  <c:v>1.6627633640954191</c:v>
                </c:pt>
                <c:pt idx="2093">
                  <c:v>1.6130506703813325</c:v>
                </c:pt>
                <c:pt idx="2094">
                  <c:v>1.6295490161936259</c:v>
                </c:pt>
                <c:pt idx="2095">
                  <c:v>1.5829705728713206</c:v>
                </c:pt>
                <c:pt idx="2096">
                  <c:v>1.6014713564339185</c:v>
                </c:pt>
                <c:pt idx="2097">
                  <c:v>1.6271547971443487</c:v>
                </c:pt>
                <c:pt idx="2098">
                  <c:v>1.5933745429218171</c:v>
                </c:pt>
                <c:pt idx="2099">
                  <c:v>1.5876719484589925</c:v>
                </c:pt>
                <c:pt idx="2100">
                  <c:v>1.5662110395263791</c:v>
                </c:pt>
                <c:pt idx="2101">
                  <c:v>1.5410064426258043</c:v>
                </c:pt>
                <c:pt idx="2102">
                  <c:v>1.5464478495559804</c:v>
                </c:pt>
                <c:pt idx="2103">
                  <c:v>1.5424429740553709</c:v>
                </c:pt>
                <c:pt idx="2104">
                  <c:v>1.5281647222705894</c:v>
                </c:pt>
                <c:pt idx="2105">
                  <c:v>1.5205902838237844</c:v>
                </c:pt>
                <c:pt idx="2106">
                  <c:v>1.5079662197457764</c:v>
                </c:pt>
                <c:pt idx="2107">
                  <c:v>1.4949503743687957</c:v>
                </c:pt>
                <c:pt idx="2108">
                  <c:v>1.4454553369319161</c:v>
                </c:pt>
                <c:pt idx="2109">
                  <c:v>1.4444541180567638</c:v>
                </c:pt>
                <c:pt idx="2110">
                  <c:v>1.4680915897614475</c:v>
                </c:pt>
                <c:pt idx="2111">
                  <c:v>1.4646090893261348</c:v>
                </c:pt>
                <c:pt idx="2112">
                  <c:v>1.4790179348772403</c:v>
                </c:pt>
                <c:pt idx="2113">
                  <c:v>1.4931655928956977</c:v>
                </c:pt>
                <c:pt idx="2114">
                  <c:v>1.4997388124673505</c:v>
                </c:pt>
                <c:pt idx="2115">
                  <c:v>1.4761884032735493</c:v>
                </c:pt>
                <c:pt idx="2116">
                  <c:v>1.459472401184049</c:v>
                </c:pt>
                <c:pt idx="2117">
                  <c:v>1.4355737419467167</c:v>
                </c:pt>
                <c:pt idx="2118">
                  <c:v>1.5222009402751162</c:v>
                </c:pt>
                <c:pt idx="2119">
                  <c:v>1.5616402577050308</c:v>
                </c:pt>
                <c:pt idx="2120">
                  <c:v>1.5436183179522884</c:v>
                </c:pt>
                <c:pt idx="2121">
                  <c:v>1.5484938185617261</c:v>
                </c:pt>
                <c:pt idx="2122">
                  <c:v>1.5338673167334136</c:v>
                </c:pt>
                <c:pt idx="2123">
                  <c:v>1.4980410935051354</c:v>
                </c:pt>
                <c:pt idx="2124">
                  <c:v>1.4935138429392292</c:v>
                </c:pt>
                <c:pt idx="2125">
                  <c:v>1.4755789656973697</c:v>
                </c:pt>
                <c:pt idx="2126">
                  <c:v>1.4800626850078347</c:v>
                </c:pt>
                <c:pt idx="2127">
                  <c:v>1.453465087933135</c:v>
                </c:pt>
                <c:pt idx="2128">
                  <c:v>1.4390562423820294</c:v>
                </c:pt>
                <c:pt idx="2129">
                  <c:v>1.4192930524116307</c:v>
                </c:pt>
                <c:pt idx="2130">
                  <c:v>1.4047971443496423</c:v>
                </c:pt>
                <c:pt idx="2131">
                  <c:v>1.3886905798363216</c:v>
                </c:pt>
                <c:pt idx="2132">
                  <c:v>1.4234285216785647</c:v>
                </c:pt>
                <c:pt idx="2133">
                  <c:v>1.4392303674037952</c:v>
                </c:pt>
                <c:pt idx="2134">
                  <c:v>1.4530733066341628</c:v>
                </c:pt>
                <c:pt idx="2135">
                  <c:v>1.4334842416855298</c:v>
                </c:pt>
                <c:pt idx="2136">
                  <c:v>1.3893870799233845</c:v>
                </c:pt>
                <c:pt idx="2137">
                  <c:v>1.4186836148354511</c:v>
                </c:pt>
                <c:pt idx="2138">
                  <c:v>1.3788960473620051</c:v>
                </c:pt>
                <c:pt idx="2139">
                  <c:v>1.3963956120494507</c:v>
                </c:pt>
                <c:pt idx="2140">
                  <c:v>1.3982239247779895</c:v>
                </c:pt>
                <c:pt idx="2141">
                  <c:v>1.4339195542399428</c:v>
                </c:pt>
                <c:pt idx="2142">
                  <c:v>1.4458471182308879</c:v>
                </c:pt>
                <c:pt idx="2143">
                  <c:v>1.4116315514539419</c:v>
                </c:pt>
                <c:pt idx="2144">
                  <c:v>1.3925648615706057</c:v>
                </c:pt>
                <c:pt idx="2145">
                  <c:v>1.3049364443670535</c:v>
                </c:pt>
                <c:pt idx="2146">
                  <c:v>1.3502524812815579</c:v>
                </c:pt>
                <c:pt idx="2147">
                  <c:v>1.3019763189970375</c:v>
                </c:pt>
                <c:pt idx="2148">
                  <c:v>1.3143391955423969</c:v>
                </c:pt>
                <c:pt idx="2149">
                  <c:v>1.3475535434441905</c:v>
                </c:pt>
                <c:pt idx="2150">
                  <c:v>1.3636165767020696</c:v>
                </c:pt>
                <c:pt idx="2151">
                  <c:v>1.3891694236461753</c:v>
                </c:pt>
                <c:pt idx="2152">
                  <c:v>1.3935225491903158</c:v>
                </c:pt>
                <c:pt idx="2153">
                  <c:v>1.3926083928260464</c:v>
                </c:pt>
                <c:pt idx="2154">
                  <c:v>1.3616576702072063</c:v>
                </c:pt>
                <c:pt idx="2155">
                  <c:v>1.3893000174124999</c:v>
                </c:pt>
                <c:pt idx="2156">
                  <c:v>1.433832491729059</c:v>
                </c:pt>
                <c:pt idx="2157">
                  <c:v>1.4081925822740704</c:v>
                </c:pt>
                <c:pt idx="2158">
                  <c:v>1.4154623019327852</c:v>
                </c:pt>
                <c:pt idx="2159">
                  <c:v>1.4128939578617423</c:v>
                </c:pt>
                <c:pt idx="2160">
                  <c:v>1.4496778687097311</c:v>
                </c:pt>
                <c:pt idx="2161">
                  <c:v>1.42921817865227</c:v>
                </c:pt>
                <c:pt idx="2162">
                  <c:v>1.4136775204596876</c:v>
                </c:pt>
                <c:pt idx="2163">
                  <c:v>1.3988768936096094</c:v>
                </c:pt>
                <c:pt idx="2164">
                  <c:v>1.3701462650182812</c:v>
                </c:pt>
                <c:pt idx="2165">
                  <c:v>1.3796796099599495</c:v>
                </c:pt>
                <c:pt idx="2166">
                  <c:v>1.3914330489291298</c:v>
                </c:pt>
                <c:pt idx="2167">
                  <c:v>1.384293923036739</c:v>
                </c:pt>
                <c:pt idx="2168">
                  <c:v>1.4013581751697708</c:v>
                </c:pt>
                <c:pt idx="2169">
                  <c:v>1.4246909280863651</c:v>
                </c:pt>
                <c:pt idx="2170">
                  <c:v>1.4492860874107598</c:v>
                </c:pt>
                <c:pt idx="2171">
                  <c:v>1.4564252133031506</c:v>
                </c:pt>
                <c:pt idx="2172">
                  <c:v>1.4529427128678378</c:v>
                </c:pt>
                <c:pt idx="2173">
                  <c:v>1.4554239944279979</c:v>
                </c:pt>
                <c:pt idx="2174">
                  <c:v>1.4549451506181423</c:v>
                </c:pt>
                <c:pt idx="2175">
                  <c:v>1.4393174299146771</c:v>
                </c:pt>
                <c:pt idx="2176">
                  <c:v>1.3782866097858246</c:v>
                </c:pt>
                <c:pt idx="2177">
                  <c:v>1.3291833536479176</c:v>
                </c:pt>
                <c:pt idx="2178">
                  <c:v>1.3482500435312539</c:v>
                </c:pt>
                <c:pt idx="2179">
                  <c:v>1.3514278251784764</c:v>
                </c:pt>
                <c:pt idx="2180">
                  <c:v>1.2983632247954016</c:v>
                </c:pt>
                <c:pt idx="2181">
                  <c:v>1.3021069127633624</c:v>
                </c:pt>
                <c:pt idx="2182">
                  <c:v>1.2469963433745415</c:v>
                </c:pt>
                <c:pt idx="2183">
                  <c:v>1.2338499042312367</c:v>
                </c:pt>
                <c:pt idx="2184">
                  <c:v>1.1665070520633805</c:v>
                </c:pt>
                <c:pt idx="2185">
                  <c:v>1.1408671426083918</c:v>
                </c:pt>
                <c:pt idx="2186">
                  <c:v>1.1945847118230879</c:v>
                </c:pt>
                <c:pt idx="2187">
                  <c:v>1.1474838934354858</c:v>
                </c:pt>
                <c:pt idx="2188">
                  <c:v>1.1368622671077828</c:v>
                </c:pt>
                <c:pt idx="2189">
                  <c:v>1.1532300191537517</c:v>
                </c:pt>
                <c:pt idx="2190">
                  <c:v>1.0848424168553015</c:v>
                </c:pt>
                <c:pt idx="2191">
                  <c:v>1.0988159498519932</c:v>
                </c:pt>
                <c:pt idx="2192">
                  <c:v>1.0484067560508441</c:v>
                </c:pt>
                <c:pt idx="2193">
                  <c:v>1.0009141563642694</c:v>
                </c:pt>
                <c:pt idx="2194">
                  <c:v>1.041311161413895</c:v>
                </c:pt>
                <c:pt idx="2195">
                  <c:v>1.0534128504266063</c:v>
                </c:pt>
                <c:pt idx="2196">
                  <c:v>1.0724795403099425</c:v>
                </c:pt>
                <c:pt idx="2197">
                  <c:v>1.0658627894828485</c:v>
                </c:pt>
                <c:pt idx="2198">
                  <c:v>1.0559376632422079</c:v>
                </c:pt>
                <c:pt idx="2199">
                  <c:v>0.96883162110395271</c:v>
                </c:pt>
                <c:pt idx="2200">
                  <c:v>0.96082187010273379</c:v>
                </c:pt>
                <c:pt idx="2201">
                  <c:v>0.99212084276510559</c:v>
                </c:pt>
                <c:pt idx="2202">
                  <c:v>0.96804805850600739</c:v>
                </c:pt>
                <c:pt idx="2203">
                  <c:v>0.96217133902141749</c:v>
                </c:pt>
                <c:pt idx="2204">
                  <c:v>0.96217133902141749</c:v>
                </c:pt>
                <c:pt idx="2205">
                  <c:v>0.9799320912415117</c:v>
                </c:pt>
                <c:pt idx="2206">
                  <c:v>1.0296883162110397</c:v>
                </c:pt>
                <c:pt idx="2207">
                  <c:v>0.98210865401358194</c:v>
                </c:pt>
                <c:pt idx="2208">
                  <c:v>1.0345638168204774</c:v>
                </c:pt>
                <c:pt idx="2209">
                  <c:v>1.0402664112833016</c:v>
                </c:pt>
                <c:pt idx="2210">
                  <c:v>1.0636862267107787</c:v>
                </c:pt>
                <c:pt idx="2211">
                  <c:v>1.0745255093156891</c:v>
                </c:pt>
                <c:pt idx="2212">
                  <c:v>1.0633815079226889</c:v>
                </c:pt>
                <c:pt idx="2213">
                  <c:v>1.1144872018109004</c:v>
                </c:pt>
                <c:pt idx="2214">
                  <c:v>1.1251523593940451</c:v>
                </c:pt>
                <c:pt idx="2215">
                  <c:v>1.1057809507226191</c:v>
                </c:pt>
                <c:pt idx="2216">
                  <c:v>1.1359045794880727</c:v>
                </c:pt>
                <c:pt idx="2217">
                  <c:v>1.1514017064252138</c:v>
                </c:pt>
                <c:pt idx="2218">
                  <c:v>1.1422601427825185</c:v>
                </c:pt>
                <c:pt idx="2219">
                  <c:v>1.1139212954901625</c:v>
                </c:pt>
                <c:pt idx="2220">
                  <c:v>1.0996865749608227</c:v>
                </c:pt>
                <c:pt idx="2221">
                  <c:v>1.1391258923907372</c:v>
                </c:pt>
                <c:pt idx="2222">
                  <c:v>1.1101340762667604</c:v>
                </c:pt>
                <c:pt idx="2223">
                  <c:v>1.1084798885599869</c:v>
                </c:pt>
                <c:pt idx="2224">
                  <c:v>1.0642956642869588</c:v>
                </c:pt>
                <c:pt idx="2225">
                  <c:v>1.0653839456729939</c:v>
                </c:pt>
                <c:pt idx="2226">
                  <c:v>1.1298972662371587</c:v>
                </c:pt>
                <c:pt idx="2227">
                  <c:v>1.1710778338847296</c:v>
                </c:pt>
                <c:pt idx="2228">
                  <c:v>1.1895786174473275</c:v>
                </c:pt>
                <c:pt idx="2229">
                  <c:v>1.202681525335191</c:v>
                </c:pt>
                <c:pt idx="2230">
                  <c:v>1.2155232456904059</c:v>
                </c:pt>
                <c:pt idx="2231">
                  <c:v>1.2160891520111443</c:v>
                </c:pt>
                <c:pt idx="2232">
                  <c:v>1.2435138429392305</c:v>
                </c:pt>
                <c:pt idx="2233">
                  <c:v>1.2450809681351211</c:v>
                </c:pt>
                <c:pt idx="2234">
                  <c:v>1.1986331185791399</c:v>
                </c:pt>
                <c:pt idx="2235">
                  <c:v>1.1941929305241166</c:v>
                </c:pt>
                <c:pt idx="2236">
                  <c:v>1.237375935921992</c:v>
                </c:pt>
                <c:pt idx="2237">
                  <c:v>1.2722009402751175</c:v>
                </c:pt>
                <c:pt idx="2238">
                  <c:v>1.2387689360961169</c:v>
                </c:pt>
                <c:pt idx="2239">
                  <c:v>1.1805241163155142</c:v>
                </c:pt>
                <c:pt idx="2240">
                  <c:v>1.1707295838411977</c:v>
                </c:pt>
                <c:pt idx="2241">
                  <c:v>1.1731238028904754</c:v>
                </c:pt>
                <c:pt idx="2242">
                  <c:v>1.177041615880202</c:v>
                </c:pt>
                <c:pt idx="2243">
                  <c:v>1.2564426258053283</c:v>
                </c:pt>
                <c:pt idx="2244">
                  <c:v>1.2473010621626326</c:v>
                </c:pt>
                <c:pt idx="2245">
                  <c:v>1.2512624064078008</c:v>
                </c:pt>
                <c:pt idx="2246">
                  <c:v>1.2789047536130944</c:v>
                </c:pt>
                <c:pt idx="2247">
                  <c:v>1.3397614487201812</c:v>
                </c:pt>
                <c:pt idx="2248">
                  <c:v>1.3616141389517677</c:v>
                </c:pt>
                <c:pt idx="2249">
                  <c:v>1.3497736374717051</c:v>
                </c:pt>
                <c:pt idx="2250">
                  <c:v>1.3319693539961697</c:v>
                </c:pt>
                <c:pt idx="2251">
                  <c:v>1.3205206338150797</c:v>
                </c:pt>
                <c:pt idx="2252">
                  <c:v>1.341850948981369</c:v>
                </c:pt>
                <c:pt idx="2253">
                  <c:v>1.3428956991119629</c:v>
                </c:pt>
                <c:pt idx="2254">
                  <c:v>1.3624847640605964</c:v>
                </c:pt>
                <c:pt idx="2255">
                  <c:v>1.4247779905972497</c:v>
                </c:pt>
                <c:pt idx="2256">
                  <c:v>1.3983545185443158</c:v>
                </c:pt>
                <c:pt idx="2257">
                  <c:v>1.3554762319345297</c:v>
                </c:pt>
                <c:pt idx="2258">
                  <c:v>1.3768936096117024</c:v>
                </c:pt>
                <c:pt idx="2259">
                  <c:v>1.3694497649312218</c:v>
                </c:pt>
                <c:pt idx="2260">
                  <c:v>1.3620494515061825</c:v>
                </c:pt>
                <c:pt idx="2261">
                  <c:v>1.3411979801497487</c:v>
                </c:pt>
                <c:pt idx="2262">
                  <c:v>1.3392826049103266</c:v>
                </c:pt>
                <c:pt idx="2263">
                  <c:v>1.2783388472923569</c:v>
                </c:pt>
                <c:pt idx="2264">
                  <c:v>1.31494863311858</c:v>
                </c:pt>
                <c:pt idx="2265">
                  <c:v>1.3115096639387089</c:v>
                </c:pt>
                <c:pt idx="2266">
                  <c:v>1.2849120668640093</c:v>
                </c:pt>
                <c:pt idx="2267">
                  <c:v>1.3005397875674745</c:v>
                </c:pt>
                <c:pt idx="2268">
                  <c:v>1.281777816472228</c:v>
                </c:pt>
                <c:pt idx="2269">
                  <c:v>1.2772070346508801</c:v>
                </c:pt>
                <c:pt idx="2270">
                  <c:v>1.2874368796796105</c:v>
                </c:pt>
                <c:pt idx="2271">
                  <c:v>1.3069824133728023</c:v>
                </c:pt>
                <c:pt idx="2272">
                  <c:v>1.3136426954553375</c:v>
                </c:pt>
                <c:pt idx="2273">
                  <c:v>1.3580881072610143</c:v>
                </c:pt>
                <c:pt idx="2274">
                  <c:v>1.3933484241685536</c:v>
                </c:pt>
                <c:pt idx="2275">
                  <c:v>1.4365749608218708</c:v>
                </c:pt>
                <c:pt idx="2276">
                  <c:v>1.4098032387254054</c:v>
                </c:pt>
                <c:pt idx="2277">
                  <c:v>1.4106738638342335</c:v>
                </c:pt>
                <c:pt idx="2278">
                  <c:v>1.4411022113877769</c:v>
                </c:pt>
                <c:pt idx="2279">
                  <c:v>1.4577746822218356</c:v>
                </c:pt>
                <c:pt idx="2280">
                  <c:v>1.4133728016716005</c:v>
                </c:pt>
                <c:pt idx="2281">
                  <c:v>1.3888647048580887</c:v>
                </c:pt>
                <c:pt idx="2282">
                  <c:v>1.3573916071739514</c:v>
                </c:pt>
                <c:pt idx="2283">
                  <c:v>1.3973968309246043</c:v>
                </c:pt>
                <c:pt idx="2284">
                  <c:v>1.3741076092634517</c:v>
                </c:pt>
                <c:pt idx="2285">
                  <c:v>1.3581751697718967</c:v>
                </c:pt>
                <c:pt idx="2286">
                  <c:v>1.3618317952289747</c:v>
                </c:pt>
                <c:pt idx="2287">
                  <c:v>1.3512537001567129</c:v>
                </c:pt>
                <c:pt idx="2288">
                  <c:v>1.3696674212084279</c:v>
                </c:pt>
                <c:pt idx="2289">
                  <c:v>1.3433310116663768</c:v>
                </c:pt>
                <c:pt idx="2290">
                  <c:v>1.3238725404840679</c:v>
                </c:pt>
                <c:pt idx="2291">
                  <c:v>1.2958384119798017</c:v>
                </c:pt>
                <c:pt idx="2292">
                  <c:v>1.2744210343026294</c:v>
                </c:pt>
                <c:pt idx="2293">
                  <c:v>1.2907452550931571</c:v>
                </c:pt>
                <c:pt idx="2294">
                  <c:v>1.255093156886645</c:v>
                </c:pt>
                <c:pt idx="2295">
                  <c:v>1.2736374717046846</c:v>
                </c:pt>
                <c:pt idx="2296">
                  <c:v>1.3267891345986422</c:v>
                </c:pt>
                <c:pt idx="2297">
                  <c:v>1.3640518892564866</c:v>
                </c:pt>
                <c:pt idx="2298">
                  <c:v>1.3085495385686925</c:v>
                </c:pt>
                <c:pt idx="2299">
                  <c:v>1.3085495385686925</c:v>
                </c:pt>
                <c:pt idx="2300">
                  <c:v>1.2935747866968486</c:v>
                </c:pt>
                <c:pt idx="2301">
                  <c:v>1.2984502873062862</c:v>
                </c:pt>
                <c:pt idx="2302">
                  <c:v>1.2750740031342507</c:v>
                </c:pt>
                <c:pt idx="2303">
                  <c:v>1.239508967438621</c:v>
                </c:pt>
                <c:pt idx="2304">
                  <c:v>1.2575744384468051</c:v>
                </c:pt>
                <c:pt idx="2305">
                  <c:v>1.2569214696151838</c:v>
                </c:pt>
                <c:pt idx="2306">
                  <c:v>1.2846073480759186</c:v>
                </c:pt>
                <c:pt idx="2307">
                  <c:v>1.2307156538394568</c:v>
                </c:pt>
                <c:pt idx="2308">
                  <c:v>1.1917116489639561</c:v>
                </c:pt>
                <c:pt idx="2309">
                  <c:v>1.1859219919902491</c:v>
                </c:pt>
                <c:pt idx="2310">
                  <c:v>1.2108218701027336</c:v>
                </c:pt>
                <c:pt idx="2311">
                  <c:v>1.2176562772070345</c:v>
                </c:pt>
                <c:pt idx="2312">
                  <c:v>1.2272766846595853</c:v>
                </c:pt>
                <c:pt idx="2313">
                  <c:v>1.2197893087236635</c:v>
                </c:pt>
                <c:pt idx="2314">
                  <c:v>1.1794793661849208</c:v>
                </c:pt>
                <c:pt idx="2315">
                  <c:v>1.1818300539787567</c:v>
                </c:pt>
                <c:pt idx="2316">
                  <c:v>1.1787828660978583</c:v>
                </c:pt>
                <c:pt idx="2317">
                  <c:v>1.1887079923384993</c:v>
                </c:pt>
                <c:pt idx="2318">
                  <c:v>1.1804805850600735</c:v>
                </c:pt>
                <c:pt idx="2319">
                  <c:v>1.2010708688838592</c:v>
                </c:pt>
                <c:pt idx="2320">
                  <c:v>1.2476493122061645</c:v>
                </c:pt>
                <c:pt idx="2321">
                  <c:v>1.2281473097684144</c:v>
                </c:pt>
                <c:pt idx="2322">
                  <c:v>1.2355911544488949</c:v>
                </c:pt>
                <c:pt idx="2323">
                  <c:v>1.2355911544488949</c:v>
                </c:pt>
                <c:pt idx="2324">
                  <c:v>1.229714434964305</c:v>
                </c:pt>
                <c:pt idx="2325">
                  <c:v>1.2316733414591683</c:v>
                </c:pt>
                <c:pt idx="2326">
                  <c:v>1.2421643740205477</c:v>
                </c:pt>
                <c:pt idx="2327">
                  <c:v>1.2421643740205477</c:v>
                </c:pt>
                <c:pt idx="2328">
                  <c:v>1.1914069301758672</c:v>
                </c:pt>
                <c:pt idx="2329">
                  <c:v>1.2192669336583677</c:v>
                </c:pt>
                <c:pt idx="2330">
                  <c:v>1.2189186836148362</c:v>
                </c:pt>
                <c:pt idx="2331">
                  <c:v>1.1952812119101521</c:v>
                </c:pt>
                <c:pt idx="2332">
                  <c:v>1.2016367752045976</c:v>
                </c:pt>
                <c:pt idx="2333">
                  <c:v>1.1470050496256317</c:v>
                </c:pt>
                <c:pt idx="2334">
                  <c:v>1.1633292704161593</c:v>
                </c:pt>
                <c:pt idx="2335">
                  <c:v>1.1515758314469795</c:v>
                </c:pt>
                <c:pt idx="2336">
                  <c:v>1.1636339892042491</c:v>
                </c:pt>
                <c:pt idx="2337">
                  <c:v>1.1811335538916947</c:v>
                </c:pt>
                <c:pt idx="2338">
                  <c:v>1.1633292704161593</c:v>
                </c:pt>
                <c:pt idx="2339">
                  <c:v>1.1409106738638348</c:v>
                </c:pt>
                <c:pt idx="2340">
                  <c:v>1.1203203900400491</c:v>
                </c:pt>
                <c:pt idx="2341">
                  <c:v>1.1130942016367755</c:v>
                </c:pt>
                <c:pt idx="2342">
                  <c:v>1.1460473620059202</c:v>
                </c:pt>
                <c:pt idx="2343">
                  <c:v>1.1034302629287827</c:v>
                </c:pt>
                <c:pt idx="2344">
                  <c:v>1.0802281037785129</c:v>
                </c:pt>
                <c:pt idx="2345">
                  <c:v>1.076484415810552</c:v>
                </c:pt>
                <c:pt idx="2346">
                  <c:v>1.0825352603169076</c:v>
                </c:pt>
                <c:pt idx="2347">
                  <c:v>1.0701723837715482</c:v>
                </c:pt>
                <c:pt idx="2348">
                  <c:v>1.0565906320738292</c:v>
                </c:pt>
                <c:pt idx="2349">
                  <c:v>1.0737419467177438</c:v>
                </c:pt>
                <c:pt idx="2350">
                  <c:v>1.0088368448546063</c:v>
                </c:pt>
                <c:pt idx="2351">
                  <c:v>1.044401880550236</c:v>
                </c:pt>
                <c:pt idx="2352">
                  <c:v>1.0296012537001573</c:v>
                </c:pt>
                <c:pt idx="2353">
                  <c:v>1.0780950722618847</c:v>
                </c:pt>
                <c:pt idx="2354">
                  <c:v>1.092678042834756</c:v>
                </c:pt>
                <c:pt idx="2355">
                  <c:v>1.0768761971095255</c:v>
                </c:pt>
                <c:pt idx="2356">
                  <c:v>1.1096117012014637</c:v>
                </c:pt>
                <c:pt idx="2357">
                  <c:v>1.0989030123628774</c:v>
                </c:pt>
                <c:pt idx="2358">
                  <c:v>1.0813163851645489</c:v>
                </c:pt>
                <c:pt idx="2359">
                  <c:v>1.0982500435312561</c:v>
                </c:pt>
                <c:pt idx="2360">
                  <c:v>1.0710430088803768</c:v>
                </c:pt>
                <c:pt idx="2361">
                  <c:v>1.0285129723141222</c:v>
                </c:pt>
                <c:pt idx="2362">
                  <c:v>1.0524986940623373</c:v>
                </c:pt>
                <c:pt idx="2363">
                  <c:v>1.0585060073132513</c:v>
                </c:pt>
                <c:pt idx="2364">
                  <c:v>1.0625108828138607</c:v>
                </c:pt>
                <c:pt idx="2365">
                  <c:v>1.0630767891345991</c:v>
                </c:pt>
                <c:pt idx="2366">
                  <c:v>1.0335625979453251</c:v>
                </c:pt>
                <c:pt idx="2367">
                  <c:v>1.0285129723141218</c:v>
                </c:pt>
                <c:pt idx="2368">
                  <c:v>1.0723489465436189</c:v>
                </c:pt>
                <c:pt idx="2369">
                  <c:v>1.0500609437576185</c:v>
                </c:pt>
                <c:pt idx="2370">
                  <c:v>1.0280776597597079</c:v>
                </c:pt>
                <c:pt idx="2371">
                  <c:v>1.0500174125021768</c:v>
                </c:pt>
                <c:pt idx="2372">
                  <c:v>1.0130593766324223</c:v>
                </c:pt>
                <c:pt idx="2373">
                  <c:v>0.98210865401358194</c:v>
                </c:pt>
                <c:pt idx="2374">
                  <c:v>0.9892477799059729</c:v>
                </c:pt>
                <c:pt idx="2375">
                  <c:v>0.99638690579836364</c:v>
                </c:pt>
                <c:pt idx="2376">
                  <c:v>0.97819084102385556</c:v>
                </c:pt>
                <c:pt idx="2377">
                  <c:v>0.95738290092286293</c:v>
                </c:pt>
                <c:pt idx="2378">
                  <c:v>0.96399965174995672</c:v>
                </c:pt>
                <c:pt idx="2379">
                  <c:v>1.00896743862093</c:v>
                </c:pt>
                <c:pt idx="2380">
                  <c:v>1.0271199721399968</c:v>
                </c:pt>
                <c:pt idx="2381">
                  <c:v>1.0580706947588374</c:v>
                </c:pt>
                <c:pt idx="2382">
                  <c:v>1.0625108828138607</c:v>
                </c:pt>
                <c:pt idx="2383">
                  <c:v>1.0891955423994428</c:v>
                </c:pt>
                <c:pt idx="2384">
                  <c:v>1.0973358871669858</c:v>
                </c:pt>
                <c:pt idx="2385">
                  <c:v>1.0879766672470832</c:v>
                </c:pt>
                <c:pt idx="2386">
                  <c:v>1.1611527076440886</c:v>
                </c:pt>
                <c:pt idx="2387">
                  <c:v>1.1664635208079406</c:v>
                </c:pt>
                <c:pt idx="2388">
                  <c:v>1.1945847118230892</c:v>
                </c:pt>
                <c:pt idx="2389">
                  <c:v>1.1883162110395267</c:v>
                </c:pt>
                <c:pt idx="2390">
                  <c:v>1.25060943757618</c:v>
                </c:pt>
                <c:pt idx="2391">
                  <c:v>1.2378547797318475</c:v>
                </c:pt>
                <c:pt idx="2392">
                  <c:v>1.2236200592025077</c:v>
                </c:pt>
                <c:pt idx="2393">
                  <c:v>1.2703726275465788</c:v>
                </c:pt>
                <c:pt idx="2394">
                  <c:v>1.2474751871843988</c:v>
                </c:pt>
                <c:pt idx="2395">
                  <c:v>1.2281473097684139</c:v>
                </c:pt>
                <c:pt idx="2396">
                  <c:v>1.2256224969528122</c:v>
                </c:pt>
                <c:pt idx="2397">
                  <c:v>1.2578356259794532</c:v>
                </c:pt>
                <c:pt idx="2398">
                  <c:v>1.2460386557548317</c:v>
                </c:pt>
                <c:pt idx="2399">
                  <c:v>1.1963259620407452</c:v>
                </c:pt>
                <c:pt idx="2400">
                  <c:v>1.2288002786000347</c:v>
                </c:pt>
                <c:pt idx="2401">
                  <c:v>1.2684572523071567</c:v>
                </c:pt>
                <c:pt idx="2402">
                  <c:v>1.2625805328225668</c:v>
                </c:pt>
                <c:pt idx="2403">
                  <c:v>1.2448633118579142</c:v>
                </c:pt>
                <c:pt idx="2404">
                  <c:v>1.2556590632073834</c:v>
                </c:pt>
                <c:pt idx="2405">
                  <c:v>1.2374629984328753</c:v>
                </c:pt>
                <c:pt idx="2406">
                  <c:v>1.2367664983458129</c:v>
                </c:pt>
                <c:pt idx="2407">
                  <c:v>1.2565732195716532</c:v>
                </c:pt>
                <c:pt idx="2408">
                  <c:v>1.2473445934180751</c:v>
                </c:pt>
                <c:pt idx="2409">
                  <c:v>1.3062859132857398</c:v>
                </c:pt>
                <c:pt idx="2410">
                  <c:v>1.3265714783214357</c:v>
                </c:pt>
                <c:pt idx="2411">
                  <c:v>1.3410673863834246</c:v>
                </c:pt>
                <c:pt idx="2412">
                  <c:v>1.3529514191189289</c:v>
                </c:pt>
                <c:pt idx="2413">
                  <c:v>1.3255267281908427</c:v>
                </c:pt>
                <c:pt idx="2414">
                  <c:v>1.3115096639387098</c:v>
                </c:pt>
                <c:pt idx="2415">
                  <c:v>1.3529514191189294</c:v>
                </c:pt>
                <c:pt idx="2416">
                  <c:v>1.3466393870799251</c:v>
                </c:pt>
                <c:pt idx="2417">
                  <c:v>1.3686226710778353</c:v>
                </c:pt>
                <c:pt idx="2418">
                  <c:v>1.3443757617969716</c:v>
                </c:pt>
                <c:pt idx="2419">
                  <c:v>1.3495995124499403</c:v>
                </c:pt>
                <c:pt idx="2420">
                  <c:v>1.3225230715653851</c:v>
                </c:pt>
                <c:pt idx="2421">
                  <c:v>1.2795577224447165</c:v>
                </c:pt>
                <c:pt idx="2422">
                  <c:v>1.2724621278077675</c:v>
                </c:pt>
                <c:pt idx="2423">
                  <c:v>1.2987114748389357</c:v>
                </c:pt>
                <c:pt idx="2424">
                  <c:v>1.2908758488594825</c:v>
                </c:pt>
                <c:pt idx="2425">
                  <c:v>1.3041964130245534</c:v>
                </c:pt>
                <c:pt idx="2426">
                  <c:v>1.2711561901445254</c:v>
                </c:pt>
                <c:pt idx="2427">
                  <c:v>1.2914417551802209</c:v>
                </c:pt>
                <c:pt idx="2428">
                  <c:v>1.2740292530036581</c:v>
                </c:pt>
                <c:pt idx="2429">
                  <c:v>1.2304979975622512</c:v>
                </c:pt>
                <c:pt idx="2430">
                  <c:v>1.2464304370538062</c:v>
                </c:pt>
                <c:pt idx="2431">
                  <c:v>1.2650182831272869</c:v>
                </c:pt>
                <c:pt idx="2432">
                  <c:v>1.2563120320390055</c:v>
                </c:pt>
                <c:pt idx="2433">
                  <c:v>1.24438446804806</c:v>
                </c:pt>
                <c:pt idx="2434">
                  <c:v>1.312728539091069</c:v>
                </c:pt>
                <c:pt idx="2435">
                  <c:v>1.3625718265714801</c:v>
                </c:pt>
                <c:pt idx="2436">
                  <c:v>1.3769806721225857</c:v>
                </c:pt>
                <c:pt idx="2437">
                  <c:v>1.3986592373324065</c:v>
                </c:pt>
                <c:pt idx="2438">
                  <c:v>1.3986592373324065</c:v>
                </c:pt>
                <c:pt idx="2439">
                  <c:v>1.3857739857217499</c:v>
                </c:pt>
                <c:pt idx="2440">
                  <c:v>1.3780689535086208</c:v>
                </c:pt>
                <c:pt idx="2441">
                  <c:v>1.3637036392129565</c:v>
                </c:pt>
                <c:pt idx="2442">
                  <c:v>1.403012362876547</c:v>
                </c:pt>
                <c:pt idx="2443">
                  <c:v>1.3784607348075935</c:v>
                </c:pt>
                <c:pt idx="2444">
                  <c:v>1.3598293574786711</c:v>
                </c:pt>
                <c:pt idx="2445">
                  <c:v>1.3628765453595699</c:v>
                </c:pt>
                <c:pt idx="2446">
                  <c:v>1.3256573219571668</c:v>
                </c:pt>
                <c:pt idx="2447">
                  <c:v>1.3291833536479207</c:v>
                </c:pt>
                <c:pt idx="2448">
                  <c:v>1.3139909454988694</c:v>
                </c:pt>
                <c:pt idx="2449">
                  <c:v>1.3144697893087249</c:v>
                </c:pt>
                <c:pt idx="2450">
                  <c:v>1.314600383075049</c:v>
                </c:pt>
                <c:pt idx="2451">
                  <c:v>1.3083754135469281</c:v>
                </c:pt>
                <c:pt idx="2452">
                  <c:v>1.3452028556503581</c:v>
                </c:pt>
                <c:pt idx="2453">
                  <c:v>1.353082012885253</c:v>
                </c:pt>
                <c:pt idx="2454">
                  <c:v>1.3420250740031356</c:v>
                </c:pt>
                <c:pt idx="2455">
                  <c:v>1.3347553543444208</c:v>
                </c:pt>
                <c:pt idx="2456">
                  <c:v>1.3347553543444208</c:v>
                </c:pt>
                <c:pt idx="2457">
                  <c:v>1.3764582970572885</c:v>
                </c:pt>
                <c:pt idx="2458">
                  <c:v>1.3848598293574801</c:v>
                </c:pt>
                <c:pt idx="2459">
                  <c:v>1.4265627720703478</c:v>
                </c:pt>
                <c:pt idx="2460">
                  <c:v>1.4365749608218716</c:v>
                </c:pt>
                <c:pt idx="2461">
                  <c:v>1.4254309594288714</c:v>
                </c:pt>
                <c:pt idx="2462">
                  <c:v>1.4219484589935587</c:v>
                </c:pt>
                <c:pt idx="2463">
                  <c:v>1.4818039352254933</c:v>
                </c:pt>
                <c:pt idx="2464">
                  <c:v>1.5088368448546072</c:v>
                </c:pt>
                <c:pt idx="2465">
                  <c:v>1.5240727842590993</c:v>
                </c:pt>
                <c:pt idx="2466">
                  <c:v>1.4995211561901458</c:v>
                </c:pt>
                <c:pt idx="2467">
                  <c:v>1.5238115967264507</c:v>
                </c:pt>
                <c:pt idx="2468">
                  <c:v>1.517020720877591</c:v>
                </c:pt>
                <c:pt idx="2469">
                  <c:v>1.5115357826919738</c:v>
                </c:pt>
                <c:pt idx="2470">
                  <c:v>1.4864182483022819</c:v>
                </c:pt>
                <c:pt idx="2471">
                  <c:v>1.4759272157409029</c:v>
                </c:pt>
                <c:pt idx="2472">
                  <c:v>1.4303064600383086</c:v>
                </c:pt>
                <c:pt idx="2473">
                  <c:v>1.4334842416855311</c:v>
                </c:pt>
                <c:pt idx="2474">
                  <c:v>1.4645655580706958</c:v>
                </c:pt>
                <c:pt idx="2475">
                  <c:v>1.4465436183179534</c:v>
                </c:pt>
                <c:pt idx="2476">
                  <c:v>1.4589500261187545</c:v>
                </c:pt>
                <c:pt idx="2477">
                  <c:v>1.4459341807417738</c:v>
                </c:pt>
                <c:pt idx="2478">
                  <c:v>1.4191189273898672</c:v>
                </c:pt>
                <c:pt idx="2479">
                  <c:v>1.4644349643043721</c:v>
                </c:pt>
                <c:pt idx="2480">
                  <c:v>1.4569911196238916</c:v>
                </c:pt>
                <c:pt idx="2481">
                  <c:v>1.4195107086888399</c:v>
                </c:pt>
                <c:pt idx="2482">
                  <c:v>1.4281734285216796</c:v>
                </c:pt>
                <c:pt idx="2483">
                  <c:v>1.4796709037088642</c:v>
                </c:pt>
                <c:pt idx="2484">
                  <c:v>1.5056590632073839</c:v>
                </c:pt>
                <c:pt idx="2485">
                  <c:v>1.5443583492947948</c:v>
                </c:pt>
                <c:pt idx="2486">
                  <c:v>1.5630332578791584</c:v>
                </c:pt>
                <c:pt idx="2487">
                  <c:v>1.5679958209994789</c:v>
                </c:pt>
                <c:pt idx="2488">
                  <c:v>1.542530036566256</c:v>
                </c:pt>
                <c:pt idx="2489">
                  <c:v>1.6003395437924444</c:v>
                </c:pt>
                <c:pt idx="2490">
                  <c:v>1.6040832317604057</c:v>
                </c:pt>
                <c:pt idx="2491">
                  <c:v>1.6532300191537543</c:v>
                </c:pt>
                <c:pt idx="2492">
                  <c:v>1.6244993905624256</c:v>
                </c:pt>
                <c:pt idx="2493">
                  <c:v>1.6679435834929497</c:v>
                </c:pt>
                <c:pt idx="2494">
                  <c:v>1.6615444889430626</c:v>
                </c:pt>
                <c:pt idx="2495">
                  <c:v>1.6943670555458832</c:v>
                </c:pt>
                <c:pt idx="2496">
                  <c:v>1.6918422427302815</c:v>
                </c:pt>
                <c:pt idx="2497">
                  <c:v>1.6467003308375423</c:v>
                </c:pt>
                <c:pt idx="2498">
                  <c:v>1.6415201114400149</c:v>
                </c:pt>
                <c:pt idx="2499">
                  <c:v>1.5767020720877598</c:v>
                </c:pt>
                <c:pt idx="2500">
                  <c:v>1.5542399442799937</c:v>
                </c:pt>
                <c:pt idx="2501">
                  <c:v>1.5334320041790011</c:v>
                </c:pt>
                <c:pt idx="2502">
                  <c:v>1.5394828486853567</c:v>
                </c:pt>
                <c:pt idx="2503">
                  <c:v>1.4781037785129727</c:v>
                </c:pt>
                <c:pt idx="2504">
                  <c:v>1.5225491903186494</c:v>
                </c:pt>
                <c:pt idx="2505">
                  <c:v>1.5733066341633299</c:v>
                </c:pt>
                <c:pt idx="2506">
                  <c:v>1.5730454466306818</c:v>
                </c:pt>
                <c:pt idx="2507">
                  <c:v>1.541093505136689</c:v>
                </c:pt>
                <c:pt idx="2508">
                  <c:v>1.5155841894480244</c:v>
                </c:pt>
                <c:pt idx="2509">
                  <c:v>1.4733588716698596</c:v>
                </c:pt>
                <c:pt idx="2510">
                  <c:v>1.4612571826571488</c:v>
                </c:pt>
                <c:pt idx="2511">
                  <c:v>1.4736200592025086</c:v>
                </c:pt>
                <c:pt idx="2512">
                  <c:v>1.4360961170120157</c:v>
                </c:pt>
                <c:pt idx="2513">
                  <c:v>1.4905101863137746</c:v>
                </c:pt>
                <c:pt idx="2514">
                  <c:v>1.3778948284868551</c:v>
                </c:pt>
                <c:pt idx="2515">
                  <c:v>1.3556938882117375</c:v>
                </c:pt>
                <c:pt idx="2516">
                  <c:v>1.3009751001218888</c:v>
                </c:pt>
                <c:pt idx="2517">
                  <c:v>1.329705728713217</c:v>
                </c:pt>
                <c:pt idx="2518">
                  <c:v>1.3741511405188938</c:v>
                </c:pt>
                <c:pt idx="2519">
                  <c:v>1.4862876545359578</c:v>
                </c:pt>
                <c:pt idx="2520">
                  <c:v>1.5002611875326495</c:v>
                </c:pt>
                <c:pt idx="2521">
                  <c:v>1.4838063729757973</c:v>
                </c:pt>
                <c:pt idx="2522">
                  <c:v>1.4929044053630514</c:v>
                </c:pt>
                <c:pt idx="2523">
                  <c:v>1.4077572697196592</c:v>
                </c:pt>
                <c:pt idx="2524">
                  <c:v>1.5228974403621804</c:v>
                </c:pt>
                <c:pt idx="2525">
                  <c:v>1.5254657844332233</c:v>
                </c:pt>
                <c:pt idx="2526">
                  <c:v>1.4436270242033782</c:v>
                </c:pt>
                <c:pt idx="2527">
                  <c:v>1.3636601079575139</c:v>
                </c:pt>
                <c:pt idx="2528">
                  <c:v>1.4256921469615187</c:v>
                </c:pt>
                <c:pt idx="2529">
                  <c:v>1.3638342329792792</c:v>
                </c:pt>
                <c:pt idx="2530">
                  <c:v>1.2824307853038484</c:v>
                </c:pt>
                <c:pt idx="2531">
                  <c:v>1.281516628939579</c:v>
                </c:pt>
                <c:pt idx="2532">
                  <c:v>1.2076005572000699</c:v>
                </c:pt>
                <c:pt idx="2533">
                  <c:v>1.2610134076266761</c:v>
                </c:pt>
                <c:pt idx="2534">
                  <c:v>1.1984589935573742</c:v>
                </c:pt>
                <c:pt idx="2535">
                  <c:v>1.2779905972488246</c:v>
                </c:pt>
                <c:pt idx="2536">
                  <c:v>1.2222270590283824</c:v>
                </c:pt>
                <c:pt idx="2537">
                  <c:v>1.2782517847814727</c:v>
                </c:pt>
                <c:pt idx="2538">
                  <c:v>1.3780254222531774</c:v>
                </c:pt>
                <c:pt idx="2539">
                  <c:v>1.3483806372975793</c:v>
                </c:pt>
                <c:pt idx="2540">
                  <c:v>1.3673602646700327</c:v>
                </c:pt>
                <c:pt idx="2541">
                  <c:v>1.3375413546926689</c:v>
                </c:pt>
                <c:pt idx="2542">
                  <c:v>1.2913546926693362</c:v>
                </c:pt>
                <c:pt idx="2543">
                  <c:v>1.3168204771025591</c:v>
                </c:pt>
                <c:pt idx="2544">
                  <c:v>1.29518544314818</c:v>
                </c:pt>
                <c:pt idx="2545">
                  <c:v>1.2842590980323867</c:v>
                </c:pt>
                <c:pt idx="2546">
                  <c:v>1.3061988507748561</c:v>
                </c:pt>
                <c:pt idx="2547">
                  <c:v>1.2569214696151834</c:v>
                </c:pt>
                <c:pt idx="2548">
                  <c:v>1.2537001567125192</c:v>
                </c:pt>
                <c:pt idx="2549">
                  <c:v>1.2312380289047535</c:v>
                </c:pt>
                <c:pt idx="2550">
                  <c:v>1.266280689535086</c:v>
                </c:pt>
                <c:pt idx="2551">
                  <c:v>1.3246561030820128</c:v>
                </c:pt>
                <c:pt idx="2552">
                  <c:v>1.3246561030820128</c:v>
                </c:pt>
                <c:pt idx="2553">
                  <c:v>1.4414069301758663</c:v>
                </c:pt>
                <c:pt idx="2554">
                  <c:v>1.4118927389865923</c:v>
                </c:pt>
                <c:pt idx="2555">
                  <c:v>1.4185965523245692</c:v>
                </c:pt>
                <c:pt idx="2556">
                  <c:v>1.3984851123106394</c:v>
                </c:pt>
                <c:pt idx="2557">
                  <c:v>1.3820738290092289</c:v>
                </c:pt>
                <c:pt idx="2558">
                  <c:v>1.3822044227755534</c:v>
                </c:pt>
                <c:pt idx="2559">
                  <c:v>1.2756399094549891</c:v>
                </c:pt>
                <c:pt idx="2560">
                  <c:v>1.2467351558418951</c:v>
                </c:pt>
                <c:pt idx="2561">
                  <c:v>1.2775552846944112</c:v>
                </c:pt>
                <c:pt idx="2562">
                  <c:v>1.2386383423297933</c:v>
                </c:pt>
                <c:pt idx="2563">
                  <c:v>1.2632770329096297</c:v>
                </c:pt>
                <c:pt idx="2564">
                  <c:v>1.1884903360612924</c:v>
                </c:pt>
                <c:pt idx="2565">
                  <c:v>1.1849643043705385</c:v>
                </c:pt>
                <c:pt idx="2566">
                  <c:v>1.156886644610831</c:v>
                </c:pt>
                <c:pt idx="2567">
                  <c:v>1.1705119275639917</c:v>
                </c:pt>
                <c:pt idx="2568">
                  <c:v>1.0895437924429747</c:v>
                </c:pt>
                <c:pt idx="2569">
                  <c:v>1.0467525683440715</c:v>
                </c:pt>
                <c:pt idx="2570">
                  <c:v>1.046273724534216</c:v>
                </c:pt>
                <c:pt idx="2571">
                  <c:v>1.1205380463172561</c:v>
                </c:pt>
                <c:pt idx="2572">
                  <c:v>1.1110482326310294</c:v>
                </c:pt>
                <c:pt idx="2573">
                  <c:v>1.1613268326658543</c:v>
                </c:pt>
                <c:pt idx="2574">
                  <c:v>1.1817865227233155</c:v>
                </c:pt>
                <c:pt idx="2575">
                  <c:v>1.2152620581577578</c:v>
                </c:pt>
                <c:pt idx="2576">
                  <c:v>1.2152620581577578</c:v>
                </c:pt>
                <c:pt idx="2577">
                  <c:v>1.1828312728539094</c:v>
                </c:pt>
                <c:pt idx="2578">
                  <c:v>1.2023768065471012</c:v>
                </c:pt>
                <c:pt idx="2579">
                  <c:v>1.1768674908584367</c:v>
                </c:pt>
                <c:pt idx="2580">
                  <c:v>1.1768674908584367</c:v>
                </c:pt>
                <c:pt idx="2581">
                  <c:v>1.1117882639735335</c:v>
                </c:pt>
                <c:pt idx="2582">
                  <c:v>1.0684311335538919</c:v>
                </c:pt>
                <c:pt idx="2583">
                  <c:v>1.0895002611875331</c:v>
                </c:pt>
                <c:pt idx="2584">
                  <c:v>1.1531429566428697</c:v>
                </c:pt>
                <c:pt idx="2585">
                  <c:v>1.1740814905101864</c:v>
                </c:pt>
                <c:pt idx="2586">
                  <c:v>1.1260665157583145</c:v>
                </c:pt>
                <c:pt idx="2587">
                  <c:v>1.0955511056938882</c:v>
                </c:pt>
                <c:pt idx="2588">
                  <c:v>1.0912850426606302</c:v>
                </c:pt>
                <c:pt idx="2589">
                  <c:v>1.0740466655058332</c:v>
                </c:pt>
                <c:pt idx="2590">
                  <c:v>1.090632073829009</c:v>
                </c:pt>
                <c:pt idx="2591">
                  <c:v>1.1337280167160015</c:v>
                </c:pt>
                <c:pt idx="2592">
                  <c:v>1.0789656973707116</c:v>
                </c:pt>
                <c:pt idx="2593">
                  <c:v>1.0841023855127974</c:v>
                </c:pt>
                <c:pt idx="2594">
                  <c:v>1.1427825178478139</c:v>
                </c:pt>
                <c:pt idx="2595">
                  <c:v>1.1522723315340411</c:v>
                </c:pt>
                <c:pt idx="2596">
                  <c:v>1.1232369841546226</c:v>
                </c:pt>
                <c:pt idx="2597">
                  <c:v>1.1145742643217829</c:v>
                </c:pt>
                <c:pt idx="2598">
                  <c:v>1.1152272331534037</c:v>
                </c:pt>
                <c:pt idx="2599">
                  <c:v>1.0761796970224617</c:v>
                </c:pt>
                <c:pt idx="2600">
                  <c:v>1.0791398223924773</c:v>
                </c:pt>
                <c:pt idx="2601">
                  <c:v>1.0419205989900742</c:v>
                </c:pt>
                <c:pt idx="2602">
                  <c:v>1.0742643217830397</c:v>
                </c:pt>
                <c:pt idx="2603">
                  <c:v>1.1314208601776068</c:v>
                </c:pt>
                <c:pt idx="2604">
                  <c:v>1.1461344245168026</c:v>
                </c:pt>
                <c:pt idx="2605">
                  <c:v>1.143174299146787</c:v>
                </c:pt>
                <c:pt idx="2606">
                  <c:v>1.1239770154971267</c:v>
                </c:pt>
                <c:pt idx="2607">
                  <c:v>1.149660456207557</c:v>
                </c:pt>
                <c:pt idx="2608">
                  <c:v>1.1117012014626502</c:v>
                </c:pt>
                <c:pt idx="2609">
                  <c:v>1.0999042312380287</c:v>
                </c:pt>
                <c:pt idx="2610">
                  <c:v>1.1561901445237681</c:v>
                </c:pt>
                <c:pt idx="2611">
                  <c:v>1.20420511927564</c:v>
                </c:pt>
                <c:pt idx="2612">
                  <c:v>1.2322827790353479</c:v>
                </c:pt>
                <c:pt idx="2613">
                  <c:v>1.2328922166115275</c:v>
                </c:pt>
                <c:pt idx="2614">
                  <c:v>1.2304109350513674</c:v>
                </c:pt>
                <c:pt idx="2615">
                  <c:v>1.2322827790353483</c:v>
                </c:pt>
                <c:pt idx="2616">
                  <c:v>1.2581403447675439</c:v>
                </c:pt>
                <c:pt idx="2617">
                  <c:v>1.2553978756747353</c:v>
                </c:pt>
                <c:pt idx="2618">
                  <c:v>1.2531777816472234</c:v>
                </c:pt>
                <c:pt idx="2619">
                  <c:v>1.2454727494340943</c:v>
                </c:pt>
                <c:pt idx="2620">
                  <c:v>1.220964652620582</c:v>
                </c:pt>
                <c:pt idx="2621">
                  <c:v>1.2333275291659413</c:v>
                </c:pt>
                <c:pt idx="2622">
                  <c:v>1.1969353996169252</c:v>
                </c:pt>
                <c:pt idx="2623">
                  <c:v>1.1924516803064602</c:v>
                </c:pt>
                <c:pt idx="2624">
                  <c:v>1.1757356782169599</c:v>
                </c:pt>
                <c:pt idx="2625">
                  <c:v>1.1409106738638344</c:v>
                </c:pt>
                <c:pt idx="2626">
                  <c:v>1.1022549190318651</c:v>
                </c:pt>
                <c:pt idx="2627">
                  <c:v>1.128896047362006</c:v>
                </c:pt>
                <c:pt idx="2628">
                  <c:v>1.1278077659759709</c:v>
                </c:pt>
                <c:pt idx="2629">
                  <c:v>1.1154013581751698</c:v>
                </c:pt>
                <c:pt idx="2630">
                  <c:v>1.1264147658018455</c:v>
                </c:pt>
                <c:pt idx="2631">
                  <c:v>1.188969179871147</c:v>
                </c:pt>
                <c:pt idx="2632">
                  <c:v>1.2429914678739333</c:v>
                </c:pt>
                <c:pt idx="2633">
                  <c:v>1.2180480585060072</c:v>
                </c:pt>
                <c:pt idx="2634">
                  <c:v>1.2621452202681525</c:v>
                </c:pt>
                <c:pt idx="2635">
                  <c:v>1.2596204074525508</c:v>
                </c:pt>
                <c:pt idx="2636">
                  <c:v>1.2421208427651051</c:v>
                </c:pt>
                <c:pt idx="2637">
                  <c:v>1.2574438446804801</c:v>
                </c:pt>
                <c:pt idx="2638">
                  <c:v>1.2017673689709207</c:v>
                </c:pt>
                <c:pt idx="2639">
                  <c:v>1.1806547100818383</c:v>
                </c:pt>
                <c:pt idx="2640">
                  <c:v>1.2306721225840147</c:v>
                </c:pt>
                <c:pt idx="2641">
                  <c:v>1.226623715827964</c:v>
                </c:pt>
                <c:pt idx="2642">
                  <c:v>1.2775988159498515</c:v>
                </c:pt>
                <c:pt idx="2643">
                  <c:v>1.3125108828138599</c:v>
                </c:pt>
                <c:pt idx="2644">
                  <c:v>1.3392390736548836</c:v>
                </c:pt>
                <c:pt idx="2645">
                  <c:v>1.3388908236113521</c:v>
                </c:pt>
                <c:pt idx="2646">
                  <c:v>1.3359306982413366</c:v>
                </c:pt>
                <c:pt idx="2647">
                  <c:v>1.3420686052585746</c:v>
                </c:pt>
                <c:pt idx="2648">
                  <c:v>1.3600034825004346</c:v>
                </c:pt>
                <c:pt idx="2649">
                  <c:v>1.3610917638864701</c:v>
                </c:pt>
                <c:pt idx="2650">
                  <c:v>1.3498606999825871</c:v>
                </c:pt>
                <c:pt idx="2651">
                  <c:v>1.3906494863311849</c:v>
                </c:pt>
                <c:pt idx="2652">
                  <c:v>1.3800278600034814</c:v>
                </c:pt>
                <c:pt idx="2653">
                  <c:v>1.3486853560856686</c:v>
                </c:pt>
                <c:pt idx="2654">
                  <c:v>1.3402838237854771</c:v>
                </c:pt>
                <c:pt idx="2655">
                  <c:v>1.3775465784433214</c:v>
                </c:pt>
                <c:pt idx="2656">
                  <c:v>1.4239944279993026</c:v>
                </c:pt>
                <c:pt idx="2657">
                  <c:v>1.463607870450983</c:v>
                </c:pt>
                <c:pt idx="2658">
                  <c:v>1.4174647396830915</c:v>
                </c:pt>
                <c:pt idx="2659">
                  <c:v>1.4295664286958027</c:v>
                </c:pt>
                <c:pt idx="2660">
                  <c:v>1.4083667072958375</c:v>
                </c:pt>
                <c:pt idx="2661">
                  <c:v>1.4477189622148692</c:v>
                </c:pt>
                <c:pt idx="2662">
                  <c:v>1.4966480933310105</c:v>
                </c:pt>
                <c:pt idx="2663">
                  <c:v>1.5270329096291126</c:v>
                </c:pt>
                <c:pt idx="2664">
                  <c:v>1.4857652794706588</c:v>
                </c:pt>
                <c:pt idx="2665">
                  <c:v>1.4778425909803228</c:v>
                </c:pt>
                <c:pt idx="2666">
                  <c:v>1.4877677172209638</c:v>
                </c:pt>
                <c:pt idx="2667">
                  <c:v>1.4898572174821516</c:v>
                </c:pt>
                <c:pt idx="2668">
                  <c:v>1.4722270590283819</c:v>
                </c:pt>
                <c:pt idx="2669">
                  <c:v>1.453943931742991</c:v>
                </c:pt>
                <c:pt idx="2670">
                  <c:v>1.4663068082883504</c:v>
                </c:pt>
                <c:pt idx="2671">
                  <c:v>1.4920773115096635</c:v>
                </c:pt>
                <c:pt idx="2672">
                  <c:v>1.4466306808288349</c:v>
                </c:pt>
                <c:pt idx="2673">
                  <c:v>1.4158976144872017</c:v>
                </c:pt>
                <c:pt idx="2674">
                  <c:v>1.3899094549886817</c:v>
                </c:pt>
                <c:pt idx="2675">
                  <c:v>1.3990945498868186</c:v>
                </c:pt>
                <c:pt idx="2676">
                  <c:v>1.3670990771373845</c:v>
                </c:pt>
                <c:pt idx="2677">
                  <c:v>1.3771983283997913</c:v>
                </c:pt>
                <c:pt idx="2678">
                  <c:v>1.3345376980672126</c:v>
                </c:pt>
                <c:pt idx="2679">
                  <c:v>1.3609611701201469</c:v>
                </c:pt>
                <c:pt idx="2680">
                  <c:v>1.349643043705381</c:v>
                </c:pt>
                <c:pt idx="2681">
                  <c:v>1.2967090370886303</c:v>
                </c:pt>
                <c:pt idx="2682">
                  <c:v>1.3085060073132517</c:v>
                </c:pt>
                <c:pt idx="2683">
                  <c:v>1.3609611701201474</c:v>
                </c:pt>
                <c:pt idx="2684">
                  <c:v>1.3298798537349827</c:v>
                </c:pt>
                <c:pt idx="2685">
                  <c:v>1.3059811944976505</c:v>
                </c:pt>
                <c:pt idx="2686">
                  <c:v>1.2988420686052597</c:v>
                </c:pt>
                <c:pt idx="2687">
                  <c:v>1.2991032561379083</c:v>
                </c:pt>
                <c:pt idx="2688">
                  <c:v>1.3452899181612414</c:v>
                </c:pt>
                <c:pt idx="2689">
                  <c:v>1.3371060421382568</c:v>
                </c:pt>
                <c:pt idx="2690">
                  <c:v>1.3222618840327369</c:v>
                </c:pt>
                <c:pt idx="2691">
                  <c:v>1.3131203203900417</c:v>
                </c:pt>
                <c:pt idx="2692">
                  <c:v>1.3377154797144368</c:v>
                </c:pt>
                <c:pt idx="2693">
                  <c:v>1.3179522897440381</c:v>
                </c:pt>
                <c:pt idx="2694">
                  <c:v>1.3610482326310307</c:v>
                </c:pt>
                <c:pt idx="2695">
                  <c:v>1.339761448720183</c:v>
                </c:pt>
                <c:pt idx="2696">
                  <c:v>1.3447240118405031</c:v>
                </c:pt>
                <c:pt idx="2697">
                  <c:v>1.3407626675953352</c:v>
                </c:pt>
                <c:pt idx="2698">
                  <c:v>1.3438098554762337</c:v>
                </c:pt>
                <c:pt idx="2699">
                  <c:v>1.3147745080968152</c:v>
                </c:pt>
                <c:pt idx="2700">
                  <c:v>1.3513842939230387</c:v>
                </c:pt>
                <c:pt idx="2701">
                  <c:v>1.307765975970749</c:v>
                </c:pt>
                <c:pt idx="2702">
                  <c:v>1.3106390388298816</c:v>
                </c:pt>
                <c:pt idx="2703">
                  <c:v>1.2965784433223071</c:v>
                </c:pt>
                <c:pt idx="2704">
                  <c:v>1.311770851471358</c:v>
                </c:pt>
                <c:pt idx="2705">
                  <c:v>1.2862180045272522</c:v>
                </c:pt>
                <c:pt idx="2706">
                  <c:v>1.2701114400139315</c:v>
                </c:pt>
                <c:pt idx="2707">
                  <c:v>1.2785565035695643</c:v>
                </c:pt>
                <c:pt idx="2708">
                  <c:v>1.2540919380114937</c:v>
                </c:pt>
                <c:pt idx="2709">
                  <c:v>1.2540919380114937</c:v>
                </c:pt>
                <c:pt idx="2710">
                  <c:v>1.2893087236635918</c:v>
                </c:pt>
                <c:pt idx="2711">
                  <c:v>1.3123367577920959</c:v>
                </c:pt>
                <c:pt idx="2712">
                  <c:v>1.317560508445065</c:v>
                </c:pt>
                <c:pt idx="2713">
                  <c:v>1.3028904753613109</c:v>
                </c:pt>
                <c:pt idx="2714">
                  <c:v>1.3101601950200257</c:v>
                </c:pt>
                <c:pt idx="2715">
                  <c:v>1.2784694410586814</c:v>
                </c:pt>
                <c:pt idx="2716">
                  <c:v>1.2462127807765988</c:v>
                </c:pt>
                <c:pt idx="2717">
                  <c:v>1.2407278425909816</c:v>
                </c:pt>
                <c:pt idx="2718">
                  <c:v>1.216393870799235</c:v>
                </c:pt>
                <c:pt idx="2719">
                  <c:v>1.1681177085147145</c:v>
                </c:pt>
                <c:pt idx="2720">
                  <c:v>1.1436966742120851</c:v>
                </c:pt>
                <c:pt idx="2721">
                  <c:v>1.1214957339369676</c:v>
                </c:pt>
                <c:pt idx="2722">
                  <c:v>1.1591938011492258</c:v>
                </c:pt>
                <c:pt idx="2723">
                  <c:v>1.187227929653492</c:v>
                </c:pt>
                <c:pt idx="2724">
                  <c:v>1.1720790527598823</c:v>
                </c:pt>
                <c:pt idx="2725">
                  <c:v>1.2141737767717227</c:v>
                </c:pt>
                <c:pt idx="2726">
                  <c:v>1.1825700853212613</c:v>
                </c:pt>
                <c:pt idx="2727">
                  <c:v>1.179087584885949</c:v>
                </c:pt>
                <c:pt idx="2728">
                  <c:v>1.1890562423820312</c:v>
                </c:pt>
                <c:pt idx="2729">
                  <c:v>1.1770416158802028</c:v>
                </c:pt>
                <c:pt idx="2730">
                  <c:v>1.1146177955772254</c:v>
                </c:pt>
                <c:pt idx="2731">
                  <c:v>1.148398049799757</c:v>
                </c:pt>
                <c:pt idx="2732">
                  <c:v>1.1361657670207217</c:v>
                </c:pt>
                <c:pt idx="2733">
                  <c:v>1.1063903882987995</c:v>
                </c:pt>
                <c:pt idx="2734">
                  <c:v>1.0898920424865062</c:v>
                </c:pt>
                <c:pt idx="2735">
                  <c:v>1.0680828835103613</c:v>
                </c:pt>
                <c:pt idx="2736">
                  <c:v>1.0554152881769121</c:v>
                </c:pt>
                <c:pt idx="2737">
                  <c:v>1.0655580706947596</c:v>
                </c:pt>
                <c:pt idx="2738">
                  <c:v>1.0280341285042667</c:v>
                </c:pt>
                <c:pt idx="2739">
                  <c:v>1.0306895350861929</c:v>
                </c:pt>
                <c:pt idx="2740">
                  <c:v>0.99020546752568439</c:v>
                </c:pt>
                <c:pt idx="2741">
                  <c:v>0.93000174125021862</c:v>
                </c:pt>
                <c:pt idx="2742">
                  <c:v>0.939056242382031</c:v>
                </c:pt>
                <c:pt idx="2743">
                  <c:v>1.0040919380114932</c:v>
                </c:pt>
                <c:pt idx="2744">
                  <c:v>1.0770938533867329</c:v>
                </c:pt>
                <c:pt idx="2745">
                  <c:v>1.0526292878286623</c:v>
                </c:pt>
                <c:pt idx="2746">
                  <c:v>1.0296447849555994</c:v>
                </c:pt>
                <c:pt idx="2747">
                  <c:v>0.97967090370886423</c:v>
                </c:pt>
                <c:pt idx="2748">
                  <c:v>1.0225927215740915</c:v>
                </c:pt>
                <c:pt idx="2749">
                  <c:v>1.0618579139822404</c:v>
                </c:pt>
                <c:pt idx="2750">
                  <c:v>1.0240727842590989</c:v>
                </c:pt>
                <c:pt idx="2751">
                  <c:v>1.0356085669510717</c:v>
                </c:pt>
                <c:pt idx="2752">
                  <c:v>1.0310377851297239</c:v>
                </c:pt>
                <c:pt idx="2753">
                  <c:v>1.0243339717917475</c:v>
                </c:pt>
                <c:pt idx="2754">
                  <c:v>1.0198502524812825</c:v>
                </c:pt>
                <c:pt idx="2755">
                  <c:v>1.0582012885251619</c:v>
                </c:pt>
                <c:pt idx="2756">
                  <c:v>1.0618143827267987</c:v>
                </c:pt>
                <c:pt idx="2757">
                  <c:v>1.1135730454466315</c:v>
                </c:pt>
                <c:pt idx="2758">
                  <c:v>1.1134859829357486</c:v>
                </c:pt>
                <c:pt idx="2759">
                  <c:v>1.0574612571826578</c:v>
                </c:pt>
                <c:pt idx="2760">
                  <c:v>1.0281211910151495</c:v>
                </c:pt>
                <c:pt idx="2761">
                  <c:v>1.0139300017412509</c:v>
                </c:pt>
                <c:pt idx="2762">
                  <c:v>0.97370712171339102</c:v>
                </c:pt>
                <c:pt idx="2763">
                  <c:v>0.97157409019676222</c:v>
                </c:pt>
                <c:pt idx="2764">
                  <c:v>0.95154971269371491</c:v>
                </c:pt>
                <c:pt idx="2765">
                  <c:v>0.91345986418248382</c:v>
                </c:pt>
                <c:pt idx="2766">
                  <c:v>0.92107783388473008</c:v>
                </c:pt>
                <c:pt idx="2767">
                  <c:v>0.9614748389343557</c:v>
                </c:pt>
                <c:pt idx="2768">
                  <c:v>0.97253177781647326</c:v>
                </c:pt>
                <c:pt idx="2769">
                  <c:v>1.0474055371756932</c:v>
                </c:pt>
                <c:pt idx="2770">
                  <c:v>1.0720006965000879</c:v>
                </c:pt>
                <c:pt idx="2771">
                  <c:v>1.0779644784955607</c:v>
                </c:pt>
                <c:pt idx="2772">
                  <c:v>1.1292878286609795</c:v>
                </c:pt>
                <c:pt idx="2773">
                  <c:v>1.1376458297057295</c:v>
                </c:pt>
                <c:pt idx="2774">
                  <c:v>1.1477450809681358</c:v>
                </c:pt>
                <c:pt idx="2775">
                  <c:v>1.0617273202159154</c:v>
                </c:pt>
                <c:pt idx="2776">
                  <c:v>1.0333449416681182</c:v>
                </c:pt>
                <c:pt idx="2777">
                  <c:v>1.0529775378721928</c:v>
                </c:pt>
                <c:pt idx="2778">
                  <c:v>1.0562423820302982</c:v>
                </c:pt>
                <c:pt idx="2779">
                  <c:v>1.0654274769284351</c:v>
                </c:pt>
                <c:pt idx="2780">
                  <c:v>1.0492773811596732</c:v>
                </c:pt>
                <c:pt idx="2781">
                  <c:v>1.0470572871321613</c:v>
                </c:pt>
                <c:pt idx="2782">
                  <c:v>1.0795751349468921</c:v>
                </c:pt>
                <c:pt idx="2783">
                  <c:v>1.0719136339892046</c:v>
                </c:pt>
                <c:pt idx="2784">
                  <c:v>1.0550670381333802</c:v>
                </c:pt>
                <c:pt idx="2785">
                  <c:v>1.047797318474665</c:v>
                </c:pt>
                <c:pt idx="2786">
                  <c:v>1.0346508793313602</c:v>
                </c:pt>
                <c:pt idx="2787">
                  <c:v>0.98624412328051569</c:v>
                </c:pt>
                <c:pt idx="2788">
                  <c:v>0.99669162458645322</c:v>
                </c:pt>
                <c:pt idx="2789">
                  <c:v>1.0918074177259274</c:v>
                </c:pt>
                <c:pt idx="2790">
                  <c:v>1.0768761971095246</c:v>
                </c:pt>
                <c:pt idx="2791">
                  <c:v>1.0915026989378376</c:v>
                </c:pt>
                <c:pt idx="2792">
                  <c:v>1.0423994427999306</c:v>
                </c:pt>
                <c:pt idx="2793">
                  <c:v>1.0108828138603521</c:v>
                </c:pt>
                <c:pt idx="2794">
                  <c:v>1.0114051889256492</c:v>
                </c:pt>
                <c:pt idx="2795">
                  <c:v>1.0487985373498181</c:v>
                </c:pt>
                <c:pt idx="2796">
                  <c:v>1.040875848859482</c:v>
                </c:pt>
                <c:pt idx="2797">
                  <c:v>1.024943409367927</c:v>
                </c:pt>
                <c:pt idx="2798">
                  <c:v>1.0392651924081497</c:v>
                </c:pt>
                <c:pt idx="2799">
                  <c:v>1.0567212258401537</c:v>
                </c:pt>
                <c:pt idx="2800">
                  <c:v>1.0649051018631384</c:v>
                </c:pt>
                <c:pt idx="2801">
                  <c:v>1.0955075744384475</c:v>
                </c:pt>
                <c:pt idx="2802">
                  <c:v>1.0955075744384475</c:v>
                </c:pt>
                <c:pt idx="2803">
                  <c:v>1.0960299495037442</c:v>
                </c:pt>
                <c:pt idx="2804">
                  <c:v>1.1018631377328925</c:v>
                </c:pt>
                <c:pt idx="2805">
                  <c:v>1.0401358175169775</c:v>
                </c:pt>
                <c:pt idx="2806">
                  <c:v>1.0522810377851299</c:v>
                </c:pt>
                <c:pt idx="2807">
                  <c:v>0.99686574960821894</c:v>
                </c:pt>
                <c:pt idx="2808">
                  <c:v>0.96413024551628079</c:v>
                </c:pt>
                <c:pt idx="2809">
                  <c:v>0.96090893261361665</c:v>
                </c:pt>
                <c:pt idx="2810">
                  <c:v>0.95516280689535082</c:v>
                </c:pt>
                <c:pt idx="2811">
                  <c:v>1.0195455336931918</c:v>
                </c:pt>
                <c:pt idx="2812">
                  <c:v>0.97457774682221854</c:v>
                </c:pt>
                <c:pt idx="2813">
                  <c:v>0.96857043357130435</c:v>
                </c:pt>
                <c:pt idx="2814">
                  <c:v>0.93465958558244844</c:v>
                </c:pt>
                <c:pt idx="2815">
                  <c:v>1.0071391258923907</c:v>
                </c:pt>
                <c:pt idx="2816">
                  <c:v>0.98633118579139833</c:v>
                </c:pt>
                <c:pt idx="2817">
                  <c:v>0.97031168378896049</c:v>
                </c:pt>
                <c:pt idx="2818">
                  <c:v>0.94789308723663601</c:v>
                </c:pt>
                <c:pt idx="2819">
                  <c:v>0.95333449416681204</c:v>
                </c:pt>
                <c:pt idx="2820">
                  <c:v>0.95955946369493317</c:v>
                </c:pt>
                <c:pt idx="2821">
                  <c:v>0.97026815253351928</c:v>
                </c:pt>
                <c:pt idx="2822">
                  <c:v>0.91145742643217842</c:v>
                </c:pt>
                <c:pt idx="2823">
                  <c:v>0.88050670381333829</c:v>
                </c:pt>
                <c:pt idx="2824">
                  <c:v>0.89226014278251831</c:v>
                </c:pt>
                <c:pt idx="2825">
                  <c:v>0.91598467699808506</c:v>
                </c:pt>
                <c:pt idx="2826">
                  <c:v>0.91598467699808506</c:v>
                </c:pt>
                <c:pt idx="2827">
                  <c:v>0.90510186313773322</c:v>
                </c:pt>
                <c:pt idx="2828">
                  <c:v>0.90026989378373701</c:v>
                </c:pt>
                <c:pt idx="2829">
                  <c:v>0.88703639212954943</c:v>
                </c:pt>
                <c:pt idx="2830">
                  <c:v>0.88703639212954943</c:v>
                </c:pt>
                <c:pt idx="2831">
                  <c:v>0.83445063555632992</c:v>
                </c:pt>
                <c:pt idx="2832">
                  <c:v>0.84655232456904095</c:v>
                </c:pt>
                <c:pt idx="2833">
                  <c:v>0.81843113355389208</c:v>
                </c:pt>
                <c:pt idx="2834">
                  <c:v>0.77146090893261388</c:v>
                </c:pt>
                <c:pt idx="2835">
                  <c:v>0.76789134598641851</c:v>
                </c:pt>
                <c:pt idx="2836">
                  <c:v>0.73907365488420718</c:v>
                </c:pt>
                <c:pt idx="2837">
                  <c:v>0.72005049625631234</c:v>
                </c:pt>
                <c:pt idx="2838">
                  <c:v>0.69528121191015169</c:v>
                </c:pt>
                <c:pt idx="2839">
                  <c:v>0.71948458993557396</c:v>
                </c:pt>
                <c:pt idx="2840">
                  <c:v>0.67895699111962404</c:v>
                </c:pt>
                <c:pt idx="2841">
                  <c:v>0.65144523768065499</c:v>
                </c:pt>
                <c:pt idx="2842">
                  <c:v>0.65666898833362408</c:v>
                </c:pt>
                <c:pt idx="2843">
                  <c:v>0.63873411109176437</c:v>
                </c:pt>
                <c:pt idx="2844">
                  <c:v>0.64186836148354565</c:v>
                </c:pt>
                <c:pt idx="2845">
                  <c:v>0.65553717569214731</c:v>
                </c:pt>
                <c:pt idx="2846">
                  <c:v>0.65553717569214731</c:v>
                </c:pt>
                <c:pt idx="2847">
                  <c:v>0.63229148528643608</c:v>
                </c:pt>
                <c:pt idx="2848">
                  <c:v>0.6705554588194329</c:v>
                </c:pt>
                <c:pt idx="2849">
                  <c:v>0.68161239770155047</c:v>
                </c:pt>
                <c:pt idx="2850">
                  <c:v>0.75888037611004799</c:v>
                </c:pt>
                <c:pt idx="2851">
                  <c:v>0.76606303325787994</c:v>
                </c:pt>
                <c:pt idx="2852">
                  <c:v>0.68013233501654247</c:v>
                </c:pt>
                <c:pt idx="2853">
                  <c:v>0.72331534041441792</c:v>
                </c:pt>
                <c:pt idx="2854">
                  <c:v>0.77698937837367277</c:v>
                </c:pt>
                <c:pt idx="2855">
                  <c:v>0.76702072087759054</c:v>
                </c:pt>
                <c:pt idx="2856">
                  <c:v>0.75761796970224649</c:v>
                </c:pt>
                <c:pt idx="2857">
                  <c:v>0.7115619014452379</c:v>
                </c:pt>
                <c:pt idx="2858">
                  <c:v>0.73289221661152748</c:v>
                </c:pt>
                <c:pt idx="2859">
                  <c:v>0.74525509315688687</c:v>
                </c:pt>
                <c:pt idx="2860">
                  <c:v>0.78247431655928956</c:v>
                </c:pt>
                <c:pt idx="2861">
                  <c:v>0.81220616402577073</c:v>
                </c:pt>
                <c:pt idx="2862">
                  <c:v>0.80554588194323551</c:v>
                </c:pt>
                <c:pt idx="2863">
                  <c:v>0.80841894480236842</c:v>
                </c:pt>
                <c:pt idx="2864">
                  <c:v>0.88203029775378772</c:v>
                </c:pt>
                <c:pt idx="2865">
                  <c:v>0.85094898136862307</c:v>
                </c:pt>
                <c:pt idx="2866">
                  <c:v>0.83196935399616967</c:v>
                </c:pt>
                <c:pt idx="2867">
                  <c:v>0.82339369667421236</c:v>
                </c:pt>
                <c:pt idx="2868">
                  <c:v>0.81059550757443866</c:v>
                </c:pt>
                <c:pt idx="2869">
                  <c:v>0.86283301410412694</c:v>
                </c:pt>
                <c:pt idx="2870">
                  <c:v>0.9206425213303151</c:v>
                </c:pt>
                <c:pt idx="2871">
                  <c:v>0.95424865053108099</c:v>
                </c:pt>
                <c:pt idx="2872">
                  <c:v>1.0543705380463169</c:v>
                </c:pt>
                <c:pt idx="2873">
                  <c:v>1.1366881420860171</c:v>
                </c:pt>
                <c:pt idx="2874">
                  <c:v>1.143740205467525</c:v>
                </c:pt>
                <c:pt idx="2875">
                  <c:v>1.1374717046839624</c:v>
                </c:pt>
                <c:pt idx="2876">
                  <c:v>1.1184485460560674</c:v>
                </c:pt>
                <c:pt idx="2877">
                  <c:v>1.1578878634859819</c:v>
                </c:pt>
                <c:pt idx="2878">
                  <c:v>1.1608044576005563</c:v>
                </c:pt>
                <c:pt idx="2879">
                  <c:v>1.1272418596552316</c:v>
                </c:pt>
                <c:pt idx="2880">
                  <c:v>1.0516280689535078</c:v>
                </c:pt>
                <c:pt idx="2881">
                  <c:v>1.0791833536479185</c:v>
                </c:pt>
                <c:pt idx="2882">
                  <c:v>1.2163068082883504</c:v>
                </c:pt>
                <c:pt idx="2883">
                  <c:v>1.2119972139996511</c:v>
                </c:pt>
                <c:pt idx="2884">
                  <c:v>1.2275378721922334</c:v>
                </c:pt>
                <c:pt idx="2885">
                  <c:v>1.2205293400661668</c:v>
                </c:pt>
                <c:pt idx="2886">
                  <c:v>1.1630680828835094</c:v>
                </c:pt>
                <c:pt idx="2887">
                  <c:v>1.1616315514539428</c:v>
                </c:pt>
                <c:pt idx="2888">
                  <c:v>1.2130419641302446</c:v>
                </c:pt>
                <c:pt idx="2889">
                  <c:v>1.2267978408497293</c:v>
                </c:pt>
                <c:pt idx="2890">
                  <c:v>1.2308897788612216</c:v>
                </c:pt>
                <c:pt idx="2891">
                  <c:v>1.1789569911196232</c:v>
                </c:pt>
                <c:pt idx="2892">
                  <c:v>1.200983806372975</c:v>
                </c:pt>
                <c:pt idx="2893">
                  <c:v>1.1234111091763879</c:v>
                </c:pt>
                <c:pt idx="2894">
                  <c:v>1.1353386731673334</c:v>
                </c:pt>
                <c:pt idx="2895">
                  <c:v>1.0936792617099069</c:v>
                </c:pt>
                <c:pt idx="2896">
                  <c:v>1.1118317952289734</c:v>
                </c:pt>
                <c:pt idx="2897">
                  <c:v>1.1892738986592364</c:v>
                </c:pt>
                <c:pt idx="2898">
                  <c:v>1.1837454292181779</c:v>
                </c:pt>
                <c:pt idx="2899">
                  <c:v>1.2636688142086014</c:v>
                </c:pt>
                <c:pt idx="2900">
                  <c:v>1.3136426954553366</c:v>
                </c:pt>
                <c:pt idx="2901">
                  <c:v>1.2815166289395785</c:v>
                </c:pt>
                <c:pt idx="2902">
                  <c:v>1.3170381333797665</c:v>
                </c:pt>
                <c:pt idx="2903">
                  <c:v>1.3025422253177781</c:v>
                </c:pt>
                <c:pt idx="2904">
                  <c:v>1.3380637297579661</c:v>
                </c:pt>
                <c:pt idx="2905">
                  <c:v>1.3345812293226533</c:v>
                </c:pt>
                <c:pt idx="2906">
                  <c:v>1.303108131638516</c:v>
                </c:pt>
                <c:pt idx="2907">
                  <c:v>1.2575744384468042</c:v>
                </c:pt>
                <c:pt idx="2908">
                  <c:v>1.3107261013407618</c:v>
                </c:pt>
                <c:pt idx="2909">
                  <c:v>1.3714522026815246</c:v>
                </c:pt>
                <c:pt idx="2910">
                  <c:v>1.364226014278251</c:v>
                </c:pt>
                <c:pt idx="2911">
                  <c:v>1.346769980846247</c:v>
                </c:pt>
                <c:pt idx="2912">
                  <c:v>1.3315775726971961</c:v>
                </c:pt>
                <c:pt idx="2913">
                  <c:v>1.2749434093679257</c:v>
                </c:pt>
                <c:pt idx="2914">
                  <c:v>1.2876545359568166</c:v>
                </c:pt>
                <c:pt idx="2915">
                  <c:v>1.2493034999129371</c:v>
                </c:pt>
                <c:pt idx="2916">
                  <c:v>1.2513059376632421</c:v>
                </c:pt>
                <c:pt idx="2917">
                  <c:v>1.219658714957339</c:v>
                </c:pt>
                <c:pt idx="2918">
                  <c:v>1.3102037262754656</c:v>
                </c:pt>
                <c:pt idx="2919">
                  <c:v>1.2968831621103951</c:v>
                </c:pt>
                <c:pt idx="2920">
                  <c:v>1.3176475709559461</c:v>
                </c:pt>
                <c:pt idx="2921">
                  <c:v>1.2550931568866441</c:v>
                </c:pt>
                <c:pt idx="2922">
                  <c:v>1.2550060943757613</c:v>
                </c:pt>
                <c:pt idx="2923">
                  <c:v>1.2130854953856862</c:v>
                </c:pt>
                <c:pt idx="2924">
                  <c:v>1.200983806372975</c:v>
                </c:pt>
                <c:pt idx="2925">
                  <c:v>1.1823088977886114</c:v>
                </c:pt>
                <c:pt idx="2926">
                  <c:v>1.1644610830576347</c:v>
                </c:pt>
                <c:pt idx="2927">
                  <c:v>1.1473968309246034</c:v>
                </c:pt>
                <c:pt idx="2928">
                  <c:v>1.1480497997562247</c:v>
                </c:pt>
                <c:pt idx="2929">
                  <c:v>1.154013581751697</c:v>
                </c:pt>
                <c:pt idx="2930">
                  <c:v>1.1352516106564505</c:v>
                </c:pt>
                <c:pt idx="2931">
                  <c:v>1.131464391433048</c:v>
                </c:pt>
                <c:pt idx="2932">
                  <c:v>1.1100034825004346</c:v>
                </c:pt>
                <c:pt idx="2933">
                  <c:v>1.1335538916942358</c:v>
                </c:pt>
                <c:pt idx="2934">
                  <c:v>1.1716437402054671</c:v>
                </c:pt>
                <c:pt idx="2935">
                  <c:v>1.2035086191885771</c:v>
                </c:pt>
                <c:pt idx="2936">
                  <c:v>1.1953247431655925</c:v>
                </c:pt>
                <c:pt idx="2937">
                  <c:v>1.1977624934703113</c:v>
                </c:pt>
                <c:pt idx="2938">
                  <c:v>1.2474751871843983</c:v>
                </c:pt>
                <c:pt idx="2939">
                  <c:v>1.2252307156538391</c:v>
                </c:pt>
                <c:pt idx="2940">
                  <c:v>1.1514017064252129</c:v>
                </c:pt>
                <c:pt idx="2941">
                  <c:v>1.1617621452202678</c:v>
                </c:pt>
                <c:pt idx="2942">
                  <c:v>1.1177085147135641</c:v>
                </c:pt>
                <c:pt idx="2943">
                  <c:v>1.1292878286609782</c:v>
                </c:pt>
                <c:pt idx="2944">
                  <c:v>1.1509228626153578</c:v>
                </c:pt>
                <c:pt idx="2945">
                  <c:v>1.1562336757792098</c:v>
                </c:pt>
                <c:pt idx="2946">
                  <c:v>1.19088455511057</c:v>
                </c:pt>
                <c:pt idx="2947">
                  <c:v>1.2129984328748047</c:v>
                </c:pt>
                <c:pt idx="2948">
                  <c:v>1.1833536479192066</c:v>
                </c:pt>
                <c:pt idx="2949">
                  <c:v>1.2444279993035003</c:v>
                </c:pt>
                <c:pt idx="2950">
                  <c:v>1.1811335538916947</c:v>
                </c:pt>
                <c:pt idx="2951">
                  <c:v>1.1436966742120847</c:v>
                </c:pt>
                <c:pt idx="2952">
                  <c:v>1.1768239596029955</c:v>
                </c:pt>
                <c:pt idx="2953">
                  <c:v>1.220137558767195</c:v>
                </c:pt>
                <c:pt idx="2954">
                  <c:v>1.2429914678739333</c:v>
                </c:pt>
                <c:pt idx="2955">
                  <c:v>1.2737680654710077</c:v>
                </c:pt>
                <c:pt idx="2956">
                  <c:v>1.288351036043879</c:v>
                </c:pt>
                <c:pt idx="2957">
                  <c:v>1.2567473445934176</c:v>
                </c:pt>
                <c:pt idx="2958">
                  <c:v>1.2593156886644605</c:v>
                </c:pt>
                <c:pt idx="2959">
                  <c:v>1.2642347205293398</c:v>
                </c:pt>
                <c:pt idx="2960">
                  <c:v>1.3132509141563644</c:v>
                </c:pt>
                <c:pt idx="2961">
                  <c:v>1.3489465436183181</c:v>
                </c:pt>
                <c:pt idx="2962">
                  <c:v>1.3618317952289747</c:v>
                </c:pt>
                <c:pt idx="2963">
                  <c:v>1.3767194845899358</c:v>
                </c:pt>
                <c:pt idx="2964">
                  <c:v>1.4151140518892569</c:v>
                </c:pt>
                <c:pt idx="2965">
                  <c:v>1.4193801149225149</c:v>
                </c:pt>
                <c:pt idx="2966">
                  <c:v>1.4588194323524299</c:v>
                </c:pt>
                <c:pt idx="2967">
                  <c:v>1.4681351210168909</c:v>
                </c:pt>
                <c:pt idx="2968">
                  <c:v>1.4629113703639218</c:v>
                </c:pt>
                <c:pt idx="2969">
                  <c:v>1.4656538394567304</c:v>
                </c:pt>
                <c:pt idx="2970">
                  <c:v>1.4813686226710781</c:v>
                </c:pt>
                <c:pt idx="2971">
                  <c:v>1.4757095594636951</c:v>
                </c:pt>
                <c:pt idx="2972">
                  <c:v>1.4717917464739685</c:v>
                </c:pt>
                <c:pt idx="2973">
                  <c:v>1.4748389343548669</c:v>
                </c:pt>
                <c:pt idx="2974">
                  <c:v>1.4667856520982068</c:v>
                </c:pt>
                <c:pt idx="2975">
                  <c:v>1.4946891868361485</c:v>
                </c:pt>
                <c:pt idx="2976">
                  <c:v>1.4706164025770505</c:v>
                </c:pt>
                <c:pt idx="2977">
                  <c:v>1.4448023681002962</c:v>
                </c:pt>
                <c:pt idx="2978">
                  <c:v>1.4845899355737422</c:v>
                </c:pt>
                <c:pt idx="2979">
                  <c:v>1.50709559463695</c:v>
                </c:pt>
                <c:pt idx="2980">
                  <c:v>1.5100557200069655</c:v>
                </c:pt>
                <c:pt idx="2981">
                  <c:v>1.5089239073654892</c:v>
                </c:pt>
                <c:pt idx="2982">
                  <c:v>1.5112745951593252</c:v>
                </c:pt>
                <c:pt idx="2983">
                  <c:v>1.4777555284694421</c:v>
                </c:pt>
                <c:pt idx="2984">
                  <c:v>1.5378286609785841</c:v>
                </c:pt>
                <c:pt idx="2985">
                  <c:v>1.5377851297231424</c:v>
                </c:pt>
                <c:pt idx="2986">
                  <c:v>1.5746561030820141</c:v>
                </c:pt>
                <c:pt idx="2987">
                  <c:v>1.5620320390040061</c:v>
                </c:pt>
                <c:pt idx="2988">
                  <c:v>1.5824046665505844</c:v>
                </c:pt>
                <c:pt idx="2989">
                  <c:v>1.5755702594462835</c:v>
                </c:pt>
                <c:pt idx="2990">
                  <c:v>1.5726101340762675</c:v>
                </c:pt>
                <c:pt idx="2991">
                  <c:v>1.5152794706599346</c:v>
                </c:pt>
                <c:pt idx="2992">
                  <c:v>1.5256834407104307</c:v>
                </c:pt>
                <c:pt idx="2993">
                  <c:v>1.5124934703116844</c:v>
                </c:pt>
                <c:pt idx="2994">
                  <c:v>1.5127111265888917</c:v>
                </c:pt>
                <c:pt idx="2995">
                  <c:v>1.5124499390562431</c:v>
                </c:pt>
                <c:pt idx="2996">
                  <c:v>1.551366881420861</c:v>
                </c:pt>
                <c:pt idx="2997">
                  <c:v>1.5498432874804116</c:v>
                </c:pt>
                <c:pt idx="2998">
                  <c:v>1.5205032213129033</c:v>
                </c:pt>
                <c:pt idx="2999">
                  <c:v>1.5350861918857746</c:v>
                </c:pt>
                <c:pt idx="3000">
                  <c:v>1.595159324394916</c:v>
                </c:pt>
                <c:pt idx="3001">
                  <c:v>1.5929827616228458</c:v>
                </c:pt>
                <c:pt idx="3002">
                  <c:v>1.6174908584363581</c:v>
                </c:pt>
                <c:pt idx="3003">
                  <c:v>1.6219310464913814</c:v>
                </c:pt>
                <c:pt idx="3004">
                  <c:v>1.5247692843461613</c:v>
                </c:pt>
                <c:pt idx="3005">
                  <c:v>1.5503221312902675</c:v>
                </c:pt>
                <c:pt idx="3006">
                  <c:v>1.4734459341807429</c:v>
                </c:pt>
                <c:pt idx="3007">
                  <c:v>1.483849904231239</c:v>
                </c:pt>
                <c:pt idx="3008">
                  <c:v>1.5208514713564347</c:v>
                </c:pt>
                <c:pt idx="3009">
                  <c:v>1.4847205293400667</c:v>
                </c:pt>
                <c:pt idx="3010">
                  <c:v>1.4965174995646882</c:v>
                </c:pt>
                <c:pt idx="3011">
                  <c:v>1.5133205641650709</c:v>
                </c:pt>
                <c:pt idx="3012">
                  <c:v>1.5419205989900751</c:v>
                </c:pt>
                <c:pt idx="3013">
                  <c:v>1.5680828835103608</c:v>
                </c:pt>
                <c:pt idx="3014">
                  <c:v>1.5551541006442631</c:v>
                </c:pt>
                <c:pt idx="3015">
                  <c:v>1.5271199721399973</c:v>
                </c:pt>
                <c:pt idx="3016">
                  <c:v>1.54144175518022</c:v>
                </c:pt>
                <c:pt idx="3017">
                  <c:v>1.5837976667247089</c:v>
                </c:pt>
                <c:pt idx="3018">
                  <c:v>1.5400487550060946</c:v>
                </c:pt>
                <c:pt idx="3019">
                  <c:v>1.5407887863485987</c:v>
                </c:pt>
                <c:pt idx="3020">
                  <c:v>1.588411979801498</c:v>
                </c:pt>
                <c:pt idx="3021">
                  <c:v>1.583101166637646</c:v>
                </c:pt>
                <c:pt idx="3022">
                  <c:v>1.6229322653665332</c:v>
                </c:pt>
                <c:pt idx="3023">
                  <c:v>1.6399094549886821</c:v>
                </c:pt>
                <c:pt idx="3024">
                  <c:v>1.6601079575134947</c:v>
                </c:pt>
                <c:pt idx="3025">
                  <c:v>1.6844854605606825</c:v>
                </c:pt>
                <c:pt idx="3026">
                  <c:v>1.6563207382900922</c:v>
                </c:pt>
                <c:pt idx="3027">
                  <c:v>1.660543270067909</c:v>
                </c:pt>
                <c:pt idx="3028">
                  <c:v>1.6887950548493822</c:v>
                </c:pt>
                <c:pt idx="3029">
                  <c:v>1.729235591154449</c:v>
                </c:pt>
                <c:pt idx="3030">
                  <c:v>1.7765105345638172</c:v>
                </c:pt>
                <c:pt idx="3031">
                  <c:v>1.7644523768065477</c:v>
                </c:pt>
                <c:pt idx="3032">
                  <c:v>1.7789047536130949</c:v>
                </c:pt>
                <c:pt idx="3033">
                  <c:v>1.7907017238377163</c:v>
                </c:pt>
                <c:pt idx="3034">
                  <c:v>1.7885686923210873</c:v>
                </c:pt>
                <c:pt idx="3035">
                  <c:v>1.7801671600208957</c:v>
                </c:pt>
                <c:pt idx="3036">
                  <c:v>1.7783823785477981</c:v>
                </c:pt>
                <c:pt idx="3037">
                  <c:v>1.7968396308549544</c:v>
                </c:pt>
                <c:pt idx="3038">
                  <c:v>1.799364443670556</c:v>
                </c:pt>
                <c:pt idx="3039">
                  <c:v>1.8262232282779038</c:v>
                </c:pt>
                <c:pt idx="3040">
                  <c:v>1.7566602820825357</c:v>
                </c:pt>
                <c:pt idx="3041">
                  <c:v>1.6880550235068785</c:v>
                </c:pt>
                <c:pt idx="3042">
                  <c:v>1.6814382726797845</c:v>
                </c:pt>
                <c:pt idx="3043">
                  <c:v>1.7882204422775558</c:v>
                </c:pt>
                <c:pt idx="3044">
                  <c:v>1.7928347553543449</c:v>
                </c:pt>
                <c:pt idx="3045">
                  <c:v>1.7537001567125201</c:v>
                </c:pt>
                <c:pt idx="3046">
                  <c:v>1.6641128330141046</c:v>
                </c:pt>
                <c:pt idx="3047">
                  <c:v>1.5763102907887867</c:v>
                </c:pt>
                <c:pt idx="3048">
                  <c:v>1.5969441058680136</c:v>
                </c:pt>
                <c:pt idx="3049">
                  <c:v>1.6449155493644443</c:v>
                </c:pt>
                <c:pt idx="3050">
                  <c:v>1.6018631377328929</c:v>
                </c:pt>
                <c:pt idx="3051">
                  <c:v>1.6101776075222016</c:v>
                </c:pt>
                <c:pt idx="3052">
                  <c:v>1.6584537698067221</c:v>
                </c:pt>
                <c:pt idx="3053">
                  <c:v>1.6969353996169261</c:v>
                </c:pt>
                <c:pt idx="3054">
                  <c:v>1.6982848685356093</c:v>
                </c:pt>
                <c:pt idx="3055">
                  <c:v>1.6726014278251795</c:v>
                </c:pt>
                <c:pt idx="3056">
                  <c:v>1.6797405537175703</c:v>
                </c:pt>
                <c:pt idx="3057">
                  <c:v>1.7361570607696337</c:v>
                </c:pt>
                <c:pt idx="3058">
                  <c:v>1.6547971443496441</c:v>
                </c:pt>
                <c:pt idx="3059">
                  <c:v>1.6948458993557383</c:v>
                </c:pt>
                <c:pt idx="3060">
                  <c:v>1.5903708862963617</c:v>
                </c:pt>
                <c:pt idx="3061">
                  <c:v>1.6256312032039011</c:v>
                </c:pt>
                <c:pt idx="3062">
                  <c:v>1.6045185443148187</c:v>
                </c:pt>
                <c:pt idx="3063">
                  <c:v>1.659237332404667</c:v>
                </c:pt>
                <c:pt idx="3064">
                  <c:v>1.673428521678566</c:v>
                </c:pt>
                <c:pt idx="3065">
                  <c:v>1.6413024551628075</c:v>
                </c:pt>
                <c:pt idx="3066">
                  <c:v>1.6336409542051196</c:v>
                </c:pt>
                <c:pt idx="3067">
                  <c:v>1.5760926345115798</c:v>
                </c:pt>
                <c:pt idx="3068">
                  <c:v>1.5805328225666031</c:v>
                </c:pt>
                <c:pt idx="3069">
                  <c:v>1.5340414417551806</c:v>
                </c:pt>
                <c:pt idx="3070">
                  <c:v>1.5420511927563996</c:v>
                </c:pt>
                <c:pt idx="3071">
                  <c:v>1.5417464739683098</c:v>
                </c:pt>
                <c:pt idx="3072">
                  <c:v>1.48606999825875</c:v>
                </c:pt>
                <c:pt idx="3073">
                  <c:v>1.506616750827094</c:v>
                </c:pt>
                <c:pt idx="3074">
                  <c:v>1.5094027511753438</c:v>
                </c:pt>
                <c:pt idx="3075">
                  <c:v>1.4923820302977537</c:v>
                </c:pt>
                <c:pt idx="3076">
                  <c:v>1.522070346508793</c:v>
                </c:pt>
                <c:pt idx="3077">
                  <c:v>1.551802193975274</c:v>
                </c:pt>
                <c:pt idx="3078">
                  <c:v>1.5551105693888205</c:v>
                </c:pt>
                <c:pt idx="3079">
                  <c:v>1.6023419815427471</c:v>
                </c:pt>
                <c:pt idx="3080">
                  <c:v>1.6217569214696148</c:v>
                </c:pt>
                <c:pt idx="3081">
                  <c:v>1.6217569214696148</c:v>
                </c:pt>
                <c:pt idx="3082">
                  <c:v>1.5939404492425555</c:v>
                </c:pt>
                <c:pt idx="3083">
                  <c:v>1.6907974925996858</c:v>
                </c:pt>
                <c:pt idx="3084">
                  <c:v>1.6810464913808105</c:v>
                </c:pt>
                <c:pt idx="3085">
                  <c:v>1.7019850252481277</c:v>
                </c:pt>
                <c:pt idx="3086">
                  <c:v>1.684354866794358</c:v>
                </c:pt>
                <c:pt idx="3087">
                  <c:v>1.685878460734807</c:v>
                </c:pt>
                <c:pt idx="3088">
                  <c:v>1.7046404318300534</c:v>
                </c:pt>
                <c:pt idx="3089">
                  <c:v>1.7183527772940965</c:v>
                </c:pt>
                <c:pt idx="3090">
                  <c:v>1.7839543792442965</c:v>
                </c:pt>
                <c:pt idx="3091">
                  <c:v>1.7708079401009917</c:v>
                </c:pt>
                <c:pt idx="3092">
                  <c:v>1.7786435660804449</c:v>
                </c:pt>
                <c:pt idx="3093">
                  <c:v>1.8014104126763004</c:v>
                </c:pt>
                <c:pt idx="3094">
                  <c:v>1.7924865053108121</c:v>
                </c:pt>
                <c:pt idx="3095">
                  <c:v>1.7838237854779724</c:v>
                </c:pt>
                <c:pt idx="3096">
                  <c:v>1.8086801323350157</c:v>
                </c:pt>
                <c:pt idx="3097">
                  <c:v>1.8620929827616219</c:v>
                </c:pt>
                <c:pt idx="3098">
                  <c:v>1.866097858262231</c:v>
                </c:pt>
                <c:pt idx="3099">
                  <c:v>1.866097858262231</c:v>
                </c:pt>
                <c:pt idx="3100">
                  <c:v>1.881333797666723</c:v>
                </c:pt>
                <c:pt idx="3101">
                  <c:v>1.8744993905624221</c:v>
                </c:pt>
                <c:pt idx="3102">
                  <c:v>1.7991032561379052</c:v>
                </c:pt>
                <c:pt idx="3103">
                  <c:v>1.8151662893957847</c:v>
                </c:pt>
                <c:pt idx="3104">
                  <c:v>1.8223924777990583</c:v>
                </c:pt>
                <c:pt idx="3105">
                  <c:v>1.8111614138951753</c:v>
                </c:pt>
                <c:pt idx="3106">
                  <c:v>1.8274856346857029</c:v>
                </c:pt>
                <c:pt idx="3107">
                  <c:v>1.7856520982065107</c:v>
                </c:pt>
                <c:pt idx="3108">
                  <c:v>1.7946195368274407</c:v>
                </c:pt>
                <c:pt idx="3109">
                  <c:v>1.8223489465436171</c:v>
                </c:pt>
                <c:pt idx="3110">
                  <c:v>1.8279644784955584</c:v>
                </c:pt>
                <c:pt idx="3111">
                  <c:v>1.8784607348075903</c:v>
                </c:pt>
                <c:pt idx="3112">
                  <c:v>1.9151575831446963</c:v>
                </c:pt>
                <c:pt idx="3113">
                  <c:v>1.9040571130071378</c:v>
                </c:pt>
                <c:pt idx="3114">
                  <c:v>1.9590370886296342</c:v>
                </c:pt>
                <c:pt idx="3115">
                  <c:v>1.952028556503568</c:v>
                </c:pt>
                <c:pt idx="3116">
                  <c:v>1.9491554936444349</c:v>
                </c:pt>
                <c:pt idx="3117">
                  <c:v>1.9832839979104979</c:v>
                </c:pt>
                <c:pt idx="3118">
                  <c:v>2.0059202507400293</c:v>
                </c:pt>
                <c:pt idx="3119">
                  <c:v>1.985765279470658</c:v>
                </c:pt>
                <c:pt idx="3120">
                  <c:v>1.9366620233327509</c:v>
                </c:pt>
                <c:pt idx="3121">
                  <c:v>1.9018805502350666</c:v>
                </c:pt>
                <c:pt idx="3122">
                  <c:v>1.9160717395089648</c:v>
                </c:pt>
                <c:pt idx="3123">
                  <c:v>1.8667072958384092</c:v>
                </c:pt>
                <c:pt idx="3124">
                  <c:v>1.9072348946543589</c:v>
                </c:pt>
                <c:pt idx="3125">
                  <c:v>1.8879070172383741</c:v>
                </c:pt>
                <c:pt idx="3126">
                  <c:v>1.8618317952289716</c:v>
                </c:pt>
                <c:pt idx="3127">
                  <c:v>1.8172557896569708</c:v>
                </c:pt>
                <c:pt idx="3128">
                  <c:v>1.8114661326832637</c:v>
                </c:pt>
                <c:pt idx="3129">
                  <c:v>1.8153839456729903</c:v>
                </c:pt>
                <c:pt idx="3130">
                  <c:v>1.8527772940971592</c:v>
                </c:pt>
                <c:pt idx="3131">
                  <c:v>1.8164286958035847</c:v>
                </c:pt>
                <c:pt idx="3132">
                  <c:v>1.8832491729061438</c:v>
                </c:pt>
                <c:pt idx="3133">
                  <c:v>1.8635730454466279</c:v>
                </c:pt>
                <c:pt idx="3134">
                  <c:v>1.7950983806372949</c:v>
                </c:pt>
                <c:pt idx="3135">
                  <c:v>1.8244819780602444</c:v>
                </c:pt>
                <c:pt idx="3136">
                  <c:v>1.7415984676998053</c:v>
                </c:pt>
                <c:pt idx="3137">
                  <c:v>1.7651488768936066</c:v>
                </c:pt>
                <c:pt idx="3138">
                  <c:v>1.7655406581925792</c:v>
                </c:pt>
                <c:pt idx="3139">
                  <c:v>1.7796012537001533</c:v>
                </c:pt>
                <c:pt idx="3140">
                  <c:v>1.7994079749259937</c:v>
                </c:pt>
                <c:pt idx="3141">
                  <c:v>1.8138603517325409</c:v>
                </c:pt>
                <c:pt idx="3142">
                  <c:v>1.8525161065645106</c:v>
                </c:pt>
                <c:pt idx="3143">
                  <c:v>1.8410673863834206</c:v>
                </c:pt>
                <c:pt idx="3144">
                  <c:v>1.8288351036043853</c:v>
                </c:pt>
                <c:pt idx="3145">
                  <c:v>1.8387166985895846</c:v>
                </c:pt>
                <c:pt idx="3146">
                  <c:v>1.8629636078704483</c:v>
                </c:pt>
                <c:pt idx="3147">
                  <c:v>1.81969353996169</c:v>
                </c:pt>
                <c:pt idx="3148">
                  <c:v>1.7956642869580333</c:v>
                </c:pt>
                <c:pt idx="3149">
                  <c:v>1.8118143827267956</c:v>
                </c:pt>
                <c:pt idx="3150">
                  <c:v>1.8142521330315144</c:v>
                </c:pt>
                <c:pt idx="3151">
                  <c:v>1.8016280689535065</c:v>
                </c:pt>
                <c:pt idx="3152">
                  <c:v>1.7812554414069282</c:v>
                </c:pt>
                <c:pt idx="3153">
                  <c:v>1.7348946543618298</c:v>
                </c:pt>
                <c:pt idx="3154">
                  <c:v>1.8005397875674709</c:v>
                </c:pt>
                <c:pt idx="3155">
                  <c:v>1.7928782866097834</c:v>
                </c:pt>
                <c:pt idx="3156">
                  <c:v>1.7601427825178453</c:v>
                </c:pt>
                <c:pt idx="3157">
                  <c:v>1.7755528469441031</c:v>
                </c:pt>
                <c:pt idx="3158">
                  <c:v>1.8029340066167481</c:v>
                </c:pt>
                <c:pt idx="3159">
                  <c:v>1.8359742294967756</c:v>
                </c:pt>
                <c:pt idx="3160">
                  <c:v>1.8234807591850921</c:v>
                </c:pt>
                <c:pt idx="3161">
                  <c:v>1.8154274769284315</c:v>
                </c:pt>
                <c:pt idx="3162">
                  <c:v>1.8470746996343341</c:v>
                </c:pt>
                <c:pt idx="3163">
                  <c:v>1.9044488943061086</c:v>
                </c:pt>
                <c:pt idx="3164">
                  <c:v>1.8771112658889049</c:v>
                </c:pt>
                <c:pt idx="3165">
                  <c:v>1.8235242904405333</c:v>
                </c:pt>
                <c:pt idx="3166">
                  <c:v>1.860395263799405</c:v>
                </c:pt>
                <c:pt idx="3167">
                  <c:v>1.8524290440536273</c:v>
                </c:pt>
                <c:pt idx="3168">
                  <c:v>1.8851210168901238</c:v>
                </c:pt>
                <c:pt idx="3169">
                  <c:v>1.931786522723312</c:v>
                </c:pt>
                <c:pt idx="3170">
                  <c:v>1.9399703987462966</c:v>
                </c:pt>
                <c:pt idx="3171">
                  <c:v>1.9697457774682188</c:v>
                </c:pt>
                <c:pt idx="3172">
                  <c:v>1.9807591850948945</c:v>
                </c:pt>
                <c:pt idx="3173">
                  <c:v>1.9899007487375902</c:v>
                </c:pt>
                <c:pt idx="3174">
                  <c:v>1.9401009925126207</c:v>
                </c:pt>
                <c:pt idx="3175">
                  <c:v>1.6813947414243398</c:v>
                </c:pt>
                <c:pt idx="3176">
                  <c:v>1.7267543095942859</c:v>
                </c:pt>
                <c:pt idx="3177">
                  <c:v>1.6847031168378868</c:v>
                </c:pt>
                <c:pt idx="3178">
                  <c:v>1.7277555284694381</c:v>
                </c:pt>
                <c:pt idx="3179">
                  <c:v>1.7536566254570753</c:v>
                </c:pt>
                <c:pt idx="3180">
                  <c:v>1.7523071565383916</c:v>
                </c:pt>
                <c:pt idx="3181">
                  <c:v>1.7897005049625601</c:v>
                </c:pt>
                <c:pt idx="3182">
                  <c:v>1.7755528469441031</c:v>
                </c:pt>
                <c:pt idx="3183">
                  <c:v>1.7843461605432673</c:v>
                </c:pt>
                <c:pt idx="3184">
                  <c:v>1.7298885599860676</c:v>
                </c:pt>
                <c:pt idx="3185">
                  <c:v>1.7114748389343526</c:v>
                </c:pt>
                <c:pt idx="3186">
                  <c:v>1.721138777642345</c:v>
                </c:pt>
                <c:pt idx="3187">
                  <c:v>1.7185269023158609</c:v>
                </c:pt>
                <c:pt idx="3188">
                  <c:v>1.7404666550583303</c:v>
                </c:pt>
                <c:pt idx="3189">
                  <c:v>1.7498694062336742</c:v>
                </c:pt>
                <c:pt idx="3190">
                  <c:v>1.7318039352254901</c:v>
                </c:pt>
                <c:pt idx="3191">
                  <c:v>1.7080794010099232</c:v>
                </c:pt>
                <c:pt idx="3192">
                  <c:v>1.6858784607348056</c:v>
                </c:pt>
                <c:pt idx="3193">
                  <c:v>1.6914504614313053</c:v>
                </c:pt>
                <c:pt idx="3194">
                  <c:v>1.6955423994427972</c:v>
                </c:pt>
                <c:pt idx="3195">
                  <c:v>1.6826571478321406</c:v>
                </c:pt>
                <c:pt idx="3196">
                  <c:v>1.6995472749434062</c:v>
                </c:pt>
                <c:pt idx="3197">
                  <c:v>1.6452202681525305</c:v>
                </c:pt>
                <c:pt idx="3198">
                  <c:v>1.6450026118753236</c:v>
                </c:pt>
                <c:pt idx="3199">
                  <c:v>1.6672470834058828</c:v>
                </c:pt>
                <c:pt idx="3200">
                  <c:v>1.6591938011492227</c:v>
                </c:pt>
                <c:pt idx="3201">
                  <c:v>1.7071217133902117</c:v>
                </c:pt>
                <c:pt idx="3202">
                  <c:v>1.6847901793487701</c:v>
                </c:pt>
                <c:pt idx="3203">
                  <c:v>1.6996778687097316</c:v>
                </c:pt>
                <c:pt idx="3204">
                  <c:v>1.7092982761622824</c:v>
                </c:pt>
                <c:pt idx="3205">
                  <c:v>1.7380724360090523</c:v>
                </c:pt>
                <c:pt idx="3206">
                  <c:v>1.7546143130767868</c:v>
                </c:pt>
                <c:pt idx="3207">
                  <c:v>1.7525248128155995</c:v>
                </c:pt>
                <c:pt idx="3208">
                  <c:v>1.7491729061466113</c:v>
                </c:pt>
                <c:pt idx="3209">
                  <c:v>1.7193975274246891</c:v>
                </c:pt>
                <c:pt idx="3210">
                  <c:v>1.7129549016193608</c:v>
                </c:pt>
                <c:pt idx="3211">
                  <c:v>1.7435573741946699</c:v>
                </c:pt>
                <c:pt idx="3212">
                  <c:v>1.7786870973358853</c:v>
                </c:pt>
                <c:pt idx="3213">
                  <c:v>1.8223489465436162</c:v>
                </c:pt>
                <c:pt idx="3214">
                  <c:v>1.837280167160019</c:v>
                </c:pt>
                <c:pt idx="3215">
                  <c:v>1.8485112310639016</c:v>
                </c:pt>
                <c:pt idx="3216">
                  <c:v>1.8387602298450263</c:v>
                </c:pt>
                <c:pt idx="3217">
                  <c:v>1.8442016367752023</c:v>
                </c:pt>
                <c:pt idx="3218">
                  <c:v>1.8373236984154597</c:v>
                </c:pt>
                <c:pt idx="3219">
                  <c:v>1.8268326658540808</c:v>
                </c:pt>
                <c:pt idx="3220">
                  <c:v>1.8157757269719634</c:v>
                </c:pt>
                <c:pt idx="3221">
                  <c:v>1.8338411979801474</c:v>
                </c:pt>
                <c:pt idx="3222">
                  <c:v>1.8585669510708662</c:v>
                </c:pt>
                <c:pt idx="3223">
                  <c:v>1.8299669162458621</c:v>
                </c:pt>
                <c:pt idx="3224">
                  <c:v>1.8415897614487178</c:v>
                </c:pt>
                <c:pt idx="3225">
                  <c:v>1.8511666376458273</c:v>
                </c:pt>
                <c:pt idx="3226">
                  <c:v>1.8695803586975428</c:v>
                </c:pt>
                <c:pt idx="3227">
                  <c:v>1.8955249869406217</c:v>
                </c:pt>
                <c:pt idx="3228">
                  <c:v>1.9224708340588528</c:v>
                </c:pt>
                <c:pt idx="3229">
                  <c:v>1.9068866446108292</c:v>
                </c:pt>
                <c:pt idx="3230">
                  <c:v>1.9121103952637983</c:v>
                </c:pt>
                <c:pt idx="3231">
                  <c:v>1.957469963433744</c:v>
                </c:pt>
                <c:pt idx="3232">
                  <c:v>1.955685181960646</c:v>
                </c:pt>
                <c:pt idx="3233">
                  <c:v>1.9458035869754466</c:v>
                </c:pt>
                <c:pt idx="3234">
                  <c:v>1.9162458645307314</c:v>
                </c:pt>
                <c:pt idx="3235">
                  <c:v>1.9321783040222864</c:v>
                </c:pt>
                <c:pt idx="3236">
                  <c:v>1.9724882465610292</c:v>
                </c:pt>
                <c:pt idx="3237">
                  <c:v>1.9755789656973692</c:v>
                </c:pt>
                <c:pt idx="3238">
                  <c:v>1.9859829357478653</c:v>
                </c:pt>
                <c:pt idx="3239">
                  <c:v>1.9590806198850759</c:v>
                </c:pt>
                <c:pt idx="3240">
                  <c:v>1.991206686400834</c:v>
                </c:pt>
                <c:pt idx="3241">
                  <c:v>1.9877241859655213</c:v>
                </c:pt>
                <c:pt idx="3242">
                  <c:v>2.0476667247083382</c:v>
                </c:pt>
                <c:pt idx="3243">
                  <c:v>2.0679522897440341</c:v>
                </c:pt>
                <c:pt idx="3244">
                  <c:v>2.0964652620581559</c:v>
                </c:pt>
                <c:pt idx="3245">
                  <c:v>2.093896917987113</c:v>
                </c:pt>
                <c:pt idx="3246">
                  <c:v>2.0914156364269529</c:v>
                </c:pt>
                <c:pt idx="3247">
                  <c:v>2.1050409193801132</c:v>
                </c:pt>
                <c:pt idx="3248">
                  <c:v>2.08575657321957</c:v>
                </c:pt>
                <c:pt idx="3249">
                  <c:v>2.0835386557548303</c:v>
                </c:pt>
                <c:pt idx="3250">
                  <c:v>2.1309032735504072</c:v>
                </c:pt>
                <c:pt idx="3251">
                  <c:v>2.1398585234198135</c:v>
                </c:pt>
                <c:pt idx="3252">
                  <c:v>2.1408183876022968</c:v>
                </c:pt>
                <c:pt idx="3253">
                  <c:v>2.1957343722792948</c:v>
                </c:pt>
                <c:pt idx="3254">
                  <c:v>2.1812140867142591</c:v>
                </c:pt>
                <c:pt idx="3255">
                  <c:v>2.235208950026117</c:v>
                </c:pt>
                <c:pt idx="3256">
                  <c:v>2.2447566602820812</c:v>
                </c:pt>
                <c:pt idx="3257">
                  <c:v>2.255596813512101</c:v>
                </c:pt>
                <c:pt idx="3258">
                  <c:v>2.2498990074873744</c:v>
                </c:pt>
                <c:pt idx="3259">
                  <c:v>2.2977764234720519</c:v>
                </c:pt>
                <c:pt idx="3260">
                  <c:v>2.3079579488072426</c:v>
                </c:pt>
                <c:pt idx="3261">
                  <c:v>2.3072514365314283</c:v>
                </c:pt>
                <c:pt idx="3262">
                  <c:v>2.3085560682570074</c:v>
                </c:pt>
                <c:pt idx="3263">
                  <c:v>2.2911518370189787</c:v>
                </c:pt>
                <c:pt idx="3264">
                  <c:v>2.2818104649138076</c:v>
                </c:pt>
                <c:pt idx="3265">
                  <c:v>2.240617708514713</c:v>
                </c:pt>
                <c:pt idx="3266">
                  <c:v>2.2351871843983973</c:v>
                </c:pt>
                <c:pt idx="3267">
                  <c:v>2.2124634337454285</c:v>
                </c:pt>
                <c:pt idx="3268">
                  <c:v>2.2024747518718431</c:v>
                </c:pt>
                <c:pt idx="3269">
                  <c:v>2.2340897614487192</c:v>
                </c:pt>
                <c:pt idx="3270">
                  <c:v>2.2369767543095938</c:v>
                </c:pt>
                <c:pt idx="3271">
                  <c:v>2.34158584363573</c:v>
                </c:pt>
                <c:pt idx="3272">
                  <c:v>2.3341215392651917</c:v>
                </c:pt>
                <c:pt idx="3273">
                  <c:v>2.3352572697196581</c:v>
                </c:pt>
                <c:pt idx="3274">
                  <c:v>2.3107574438446798</c:v>
                </c:pt>
                <c:pt idx="3275">
                  <c:v>2.296483109872888</c:v>
                </c:pt>
                <c:pt idx="3276">
                  <c:v>2.3474320912415112</c:v>
                </c:pt>
                <c:pt idx="3277">
                  <c:v>2.3370973358871665</c:v>
                </c:pt>
                <c:pt idx="3278">
                  <c:v>2.3514622148702755</c:v>
                </c:pt>
                <c:pt idx="3279">
                  <c:v>2.3471983283997897</c:v>
                </c:pt>
                <c:pt idx="3280">
                  <c:v>2.3171360787045088</c:v>
                </c:pt>
                <c:pt idx="3281">
                  <c:v>2.3341063033257865</c:v>
                </c:pt>
                <c:pt idx="3282">
                  <c:v>2.3207017238377143</c:v>
                </c:pt>
                <c:pt idx="3283">
                  <c:v>2.3253748041093489</c:v>
                </c:pt>
                <c:pt idx="3284">
                  <c:v>2.2828282256660271</c:v>
                </c:pt>
                <c:pt idx="3285">
                  <c:v>2.3236196238899516</c:v>
                </c:pt>
                <c:pt idx="3286">
                  <c:v>2.337590545011317</c:v>
                </c:pt>
                <c:pt idx="3287">
                  <c:v>2.303863398920424</c:v>
                </c:pt>
                <c:pt idx="3288">
                  <c:v>2.3073180393522543</c:v>
                </c:pt>
                <c:pt idx="3289">
                  <c:v>2.256152272331533</c:v>
                </c:pt>
                <c:pt idx="3290">
                  <c:v>2.2347418596552315</c:v>
                </c:pt>
                <c:pt idx="3291">
                  <c:v>2.2136400835800094</c:v>
                </c:pt>
                <c:pt idx="3292">
                  <c:v>2.217631464391431</c:v>
                </c:pt>
                <c:pt idx="3293">
                  <c:v>2.234841981542746</c:v>
                </c:pt>
                <c:pt idx="3294">
                  <c:v>2.1523106390388285</c:v>
                </c:pt>
                <c:pt idx="3295">
                  <c:v>2.2371204074525495</c:v>
                </c:pt>
                <c:pt idx="3296">
                  <c:v>2.1747644959080605</c:v>
                </c:pt>
                <c:pt idx="3297">
                  <c:v>2.1414609089326122</c:v>
                </c:pt>
                <c:pt idx="3298">
                  <c:v>2.1549351384293911</c:v>
                </c:pt>
                <c:pt idx="3299">
                  <c:v>2.0831703813337965</c:v>
                </c:pt>
                <c:pt idx="3300">
                  <c:v>2.1565292530036557</c:v>
                </c:pt>
                <c:pt idx="3301">
                  <c:v>2.1968169946021239</c:v>
                </c:pt>
                <c:pt idx="3302">
                  <c:v>2.1968169946021239</c:v>
                </c:pt>
                <c:pt idx="3303">
                  <c:v>2.2471970224621276</c:v>
                </c:pt>
                <c:pt idx="3304">
                  <c:v>2.2438964826745598</c:v>
                </c:pt>
                <c:pt idx="3305">
                  <c:v>2.2424943409367923</c:v>
                </c:pt>
                <c:pt idx="3306">
                  <c:v>2.2281634163329267</c:v>
                </c:pt>
                <c:pt idx="3307">
                  <c:v>2.2238777642347203</c:v>
                </c:pt>
                <c:pt idx="3308">
                  <c:v>2.2273950896743862</c:v>
                </c:pt>
                <c:pt idx="3309">
                  <c:v>2.1647418596552321</c:v>
                </c:pt>
                <c:pt idx="3310">
                  <c:v>2.1329875500609439</c:v>
                </c:pt>
                <c:pt idx="3311">
                  <c:v>2.1457622322827787</c:v>
                </c:pt>
                <c:pt idx="3312">
                  <c:v>2.1817068605258578</c:v>
                </c:pt>
                <c:pt idx="3313">
                  <c:v>2.1580258575657325</c:v>
                </c:pt>
                <c:pt idx="3314">
                  <c:v>2.1894632596204078</c:v>
                </c:pt>
                <c:pt idx="3315">
                  <c:v>2.1554701375587677</c:v>
                </c:pt>
                <c:pt idx="3316">
                  <c:v>2.166108305763538</c:v>
                </c:pt>
                <c:pt idx="3317">
                  <c:v>2.169077137384642</c:v>
                </c:pt>
                <c:pt idx="3318">
                  <c:v>2.2131956294619539</c:v>
                </c:pt>
                <c:pt idx="3319">
                  <c:v>2.1740523245690411</c:v>
                </c:pt>
                <c:pt idx="3320">
                  <c:v>2.1529222531777821</c:v>
                </c:pt>
                <c:pt idx="3321">
                  <c:v>2.1607043357130427</c:v>
                </c:pt>
                <c:pt idx="3322">
                  <c:v>2.182807330663417</c:v>
                </c:pt>
                <c:pt idx="3323">
                  <c:v>2.1638677520459697</c:v>
                </c:pt>
                <c:pt idx="3324">
                  <c:v>2.193758923907366</c:v>
                </c:pt>
                <c:pt idx="3325">
                  <c:v>2.2706525335190668</c:v>
                </c:pt>
                <c:pt idx="3326">
                  <c:v>2.272964043183006</c:v>
                </c:pt>
                <c:pt idx="3327">
                  <c:v>2.2956525335190676</c:v>
                </c:pt>
                <c:pt idx="3328">
                  <c:v>2.3115331708166473</c:v>
                </c:pt>
                <c:pt idx="3329">
                  <c:v>2.3258784607348089</c:v>
                </c:pt>
                <c:pt idx="3330">
                  <c:v>2.3258784607348089</c:v>
                </c:pt>
                <c:pt idx="3331">
                  <c:v>2.3906947588368457</c:v>
                </c:pt>
                <c:pt idx="3332">
                  <c:v>2.3952272331534052</c:v>
                </c:pt>
                <c:pt idx="3333">
                  <c:v>2.4236209298276177</c:v>
                </c:pt>
                <c:pt idx="3334">
                  <c:v>2.4420803586975461</c:v>
                </c:pt>
                <c:pt idx="3335">
                  <c:v>2.4554475013059385</c:v>
                </c:pt>
                <c:pt idx="3336">
                  <c:v>2.4330289047536136</c:v>
                </c:pt>
                <c:pt idx="3337">
                  <c:v>2.4041689883336246</c:v>
                </c:pt>
                <c:pt idx="3338">
                  <c:v>2.4548772418596561</c:v>
                </c:pt>
                <c:pt idx="3339">
                  <c:v>2.4541668117708517</c:v>
                </c:pt>
                <c:pt idx="3340">
                  <c:v>2.4717207905275993</c:v>
                </c:pt>
                <c:pt idx="3341">
                  <c:v>2.4751767368970929</c:v>
                </c:pt>
                <c:pt idx="3342">
                  <c:v>2.5342660630332592</c:v>
                </c:pt>
                <c:pt idx="3343">
                  <c:v>2.5244057983632255</c:v>
                </c:pt>
                <c:pt idx="3344">
                  <c:v>2.5355868013233507</c:v>
                </c:pt>
                <c:pt idx="3345">
                  <c:v>2.5554335713041967</c:v>
                </c:pt>
                <c:pt idx="3346">
                  <c:v>2.5120298624412336</c:v>
                </c:pt>
                <c:pt idx="3347">
                  <c:v>2.6426954553369328</c:v>
                </c:pt>
                <c:pt idx="3348">
                  <c:v>2.6426954553369328</c:v>
                </c:pt>
                <c:pt idx="3349">
                  <c:v>2.7232648441581064</c:v>
                </c:pt>
                <c:pt idx="3350">
                  <c:v>2.6870107086888395</c:v>
                </c:pt>
                <c:pt idx="3351">
                  <c:v>2.6776275465784449</c:v>
                </c:pt>
                <c:pt idx="3352">
                  <c:v>2.6963564339195556</c:v>
                </c:pt>
                <c:pt idx="3353">
                  <c:v>2.7217151314643933</c:v>
                </c:pt>
                <c:pt idx="3354">
                  <c:v>2.6584250391781312</c:v>
                </c:pt>
                <c:pt idx="3355">
                  <c:v>2.5635160195020035</c:v>
                </c:pt>
                <c:pt idx="3356">
                  <c:v>2.6520128852516112</c:v>
                </c:pt>
                <c:pt idx="3357">
                  <c:v>2.6029396656799588</c:v>
                </c:pt>
                <c:pt idx="3358">
                  <c:v>2.5492133902141743</c:v>
                </c:pt>
                <c:pt idx="3359">
                  <c:v>2.5216219745777471</c:v>
                </c:pt>
                <c:pt idx="3360">
                  <c:v>2.6367247083405889</c:v>
                </c:pt>
                <c:pt idx="3361">
                  <c:v>2.6692743339717926</c:v>
                </c:pt>
                <c:pt idx="3362">
                  <c:v>2.6794610830576358</c:v>
                </c:pt>
                <c:pt idx="3363">
                  <c:v>2.6911331185791409</c:v>
                </c:pt>
                <c:pt idx="3364">
                  <c:v>2.7351541006442641</c:v>
                </c:pt>
                <c:pt idx="3365">
                  <c:v>2.7459437576179715</c:v>
                </c:pt>
                <c:pt idx="3366">
                  <c:v>2.7735699982587514</c:v>
                </c:pt>
                <c:pt idx="3367">
                  <c:v>2.7999843287480428</c:v>
                </c:pt>
                <c:pt idx="3368">
                  <c:v>2.8156294619536846</c:v>
                </c:pt>
                <c:pt idx="3369">
                  <c:v>2.7844088455511078</c:v>
                </c:pt>
                <c:pt idx="3370">
                  <c:v>2.7155493644436728</c:v>
                </c:pt>
                <c:pt idx="3371">
                  <c:v>2.7166023855127999</c:v>
                </c:pt>
                <c:pt idx="3372">
                  <c:v>2.7332987985373518</c:v>
                </c:pt>
                <c:pt idx="3373">
                  <c:v>2.7446817865227251</c:v>
                </c:pt>
                <c:pt idx="3374">
                  <c:v>2.7285834929479384</c:v>
                </c:pt>
                <c:pt idx="3375">
                  <c:v>2.7212062510882831</c:v>
                </c:pt>
                <c:pt idx="3376">
                  <c:v>2.6994867664983473</c:v>
                </c:pt>
                <c:pt idx="3377">
                  <c:v>2.7598559115444909</c:v>
                </c:pt>
                <c:pt idx="3378">
                  <c:v>2.7828848162981035</c:v>
                </c:pt>
                <c:pt idx="3379">
                  <c:v>2.760397440362182</c:v>
                </c:pt>
                <c:pt idx="3380">
                  <c:v>2.7459063207382921</c:v>
                </c:pt>
                <c:pt idx="3381">
                  <c:v>2.6970311683788979</c:v>
                </c:pt>
                <c:pt idx="3382">
                  <c:v>2.6952154797144372</c:v>
                </c:pt>
                <c:pt idx="3383">
                  <c:v>2.6528408497301084</c:v>
                </c:pt>
                <c:pt idx="3384">
                  <c:v>2.6637558767194869</c:v>
                </c:pt>
                <c:pt idx="3385">
                  <c:v>2.6991376458297078</c:v>
                </c:pt>
                <c:pt idx="3386">
                  <c:v>2.6900522375065323</c:v>
                </c:pt>
                <c:pt idx="3387">
                  <c:v>2.6730450113181292</c:v>
                </c:pt>
                <c:pt idx="3388">
                  <c:v>2.7039813686226735</c:v>
                </c:pt>
                <c:pt idx="3389">
                  <c:v>2.648270067908761</c:v>
                </c:pt>
                <c:pt idx="3390">
                  <c:v>2.6511466132683292</c:v>
                </c:pt>
                <c:pt idx="3391">
                  <c:v>2.7160699982587526</c:v>
                </c:pt>
                <c:pt idx="3392">
                  <c:v>2.6856364269545563</c:v>
                </c:pt>
                <c:pt idx="3393">
                  <c:v>2.6837654535956847</c:v>
                </c:pt>
                <c:pt idx="3394">
                  <c:v>2.6722832143479045</c:v>
                </c:pt>
                <c:pt idx="3395">
                  <c:v>2.7092834755354374</c:v>
                </c:pt>
                <c:pt idx="3396">
                  <c:v>2.6923393696674238</c:v>
                </c:pt>
                <c:pt idx="3397">
                  <c:v>2.6264683092460408</c:v>
                </c:pt>
                <c:pt idx="3398">
                  <c:v>2.6788420686052614</c:v>
                </c:pt>
                <c:pt idx="3399">
                  <c:v>2.7108475535434473</c:v>
                </c:pt>
                <c:pt idx="3400">
                  <c:v>2.7194641302455196</c:v>
                </c:pt>
                <c:pt idx="3401">
                  <c:v>2.6711827442103462</c:v>
                </c:pt>
                <c:pt idx="3402">
                  <c:v>2.6070686052585783</c:v>
                </c:pt>
                <c:pt idx="3403">
                  <c:v>2.6603748041093533</c:v>
                </c:pt>
                <c:pt idx="3404">
                  <c:v>2.7339569911196269</c:v>
                </c:pt>
                <c:pt idx="3405">
                  <c:v>2.7360377851297257</c:v>
                </c:pt>
                <c:pt idx="3406">
                  <c:v>2.724102820825355</c:v>
                </c:pt>
                <c:pt idx="3407">
                  <c:v>2.7263842939230392</c:v>
                </c:pt>
                <c:pt idx="3408">
                  <c:v>2.7205763538220467</c:v>
                </c:pt>
                <c:pt idx="3409">
                  <c:v>2.7020890649486358</c:v>
                </c:pt>
                <c:pt idx="3410">
                  <c:v>2.7603691450461456</c:v>
                </c:pt>
                <c:pt idx="3411">
                  <c:v>2.7630445760055746</c:v>
                </c:pt>
                <c:pt idx="3412">
                  <c:v>2.7487158279644808</c:v>
                </c:pt>
                <c:pt idx="3413">
                  <c:v>2.6804409716176236</c:v>
                </c:pt>
                <c:pt idx="3414">
                  <c:v>2.6256372975796642</c:v>
                </c:pt>
                <c:pt idx="3415">
                  <c:v>2.6182321957165264</c:v>
                </c:pt>
                <c:pt idx="3416">
                  <c:v>2.6006629810203745</c:v>
                </c:pt>
                <c:pt idx="3417">
                  <c:v>2.6111810029601279</c:v>
                </c:pt>
                <c:pt idx="3418">
                  <c:v>2.6681825700853237</c:v>
                </c:pt>
                <c:pt idx="3419">
                  <c:v>2.7376458297057304</c:v>
                </c:pt>
                <c:pt idx="3420">
                  <c:v>2.7097440362180065</c:v>
                </c:pt>
                <c:pt idx="3421">
                  <c:v>2.7102637994079761</c:v>
                </c:pt>
                <c:pt idx="3422">
                  <c:v>2.7058340588542591</c:v>
                </c:pt>
                <c:pt idx="3423">
                  <c:v>2.7670629461953702</c:v>
                </c:pt>
                <c:pt idx="3424">
                  <c:v>2.6401684659585598</c:v>
                </c:pt>
                <c:pt idx="3425">
                  <c:v>2.6166585408323195</c:v>
                </c:pt>
                <c:pt idx="3426">
                  <c:v>2.5615235939404513</c:v>
                </c:pt>
                <c:pt idx="3427">
                  <c:v>2.6017273202159168</c:v>
                </c:pt>
                <c:pt idx="3428">
                  <c:v>2.5202546578443337</c:v>
                </c:pt>
                <c:pt idx="3429">
                  <c:v>2.4878247431655942</c:v>
                </c:pt>
                <c:pt idx="3430">
                  <c:v>2.4345141911892756</c:v>
                </c:pt>
                <c:pt idx="3431">
                  <c:v>2.2803343200417916</c:v>
                </c:pt>
                <c:pt idx="3432">
                  <c:v>2.3115083580010465</c:v>
                </c:pt>
                <c:pt idx="3433">
                  <c:v>2.3411810029601274</c:v>
                </c:pt>
                <c:pt idx="3434">
                  <c:v>2.3623432874804129</c:v>
                </c:pt>
                <c:pt idx="3435">
                  <c:v>2.4213851645481475</c:v>
                </c:pt>
                <c:pt idx="3436">
                  <c:v>2.3363102907887883</c:v>
                </c:pt>
                <c:pt idx="3437">
                  <c:v>2.3134781473097705</c:v>
                </c:pt>
                <c:pt idx="3438">
                  <c:v>2.2148467699808485</c:v>
                </c:pt>
                <c:pt idx="3439">
                  <c:v>2.1752598815949873</c:v>
                </c:pt>
                <c:pt idx="3440">
                  <c:v>2.1476480062685028</c:v>
                </c:pt>
                <c:pt idx="3441">
                  <c:v>2.1670786174473289</c:v>
                </c:pt>
                <c:pt idx="3442">
                  <c:v>2.1395672993209138</c:v>
                </c:pt>
                <c:pt idx="3443">
                  <c:v>2.1090540658192598</c:v>
                </c:pt>
                <c:pt idx="3444">
                  <c:v>2.0801728190841038</c:v>
                </c:pt>
                <c:pt idx="3445">
                  <c:v>2.0391232805154118</c:v>
                </c:pt>
                <c:pt idx="3446">
                  <c:v>2.1078852516106577</c:v>
                </c:pt>
                <c:pt idx="3447">
                  <c:v>2.1396225840153247</c:v>
                </c:pt>
                <c:pt idx="3448">
                  <c:v>2.0504483719310476</c:v>
                </c:pt>
                <c:pt idx="3449">
                  <c:v>2.0750761796970236</c:v>
                </c:pt>
                <c:pt idx="3450">
                  <c:v>2.0886718613964841</c:v>
                </c:pt>
                <c:pt idx="3451">
                  <c:v>2.1083314469789318</c:v>
                </c:pt>
                <c:pt idx="3452">
                  <c:v>2.073698415462303</c:v>
                </c:pt>
                <c:pt idx="3453">
                  <c:v>2.1240867142608408</c:v>
                </c:pt>
                <c:pt idx="3454">
                  <c:v>2.1674434093679271</c:v>
                </c:pt>
                <c:pt idx="3455">
                  <c:v>2.1708053282256676</c:v>
                </c:pt>
                <c:pt idx="3456">
                  <c:v>2.2068496430437068</c:v>
                </c:pt>
                <c:pt idx="3457">
                  <c:v>2.2536614138951783</c:v>
                </c:pt>
                <c:pt idx="3458">
                  <c:v>2.2453882987985385</c:v>
                </c:pt>
                <c:pt idx="3459">
                  <c:v>2.2652964478495572</c:v>
                </c:pt>
                <c:pt idx="3460">
                  <c:v>2.2652964478495572</c:v>
                </c:pt>
                <c:pt idx="3461">
                  <c:v>2.2588533867316749</c:v>
                </c:pt>
                <c:pt idx="3462">
                  <c:v>2.238662284520287</c:v>
                </c:pt>
                <c:pt idx="3463">
                  <c:v>2.3021164896395625</c:v>
                </c:pt>
                <c:pt idx="3464">
                  <c:v>2.3342482152185284</c:v>
                </c:pt>
                <c:pt idx="3465">
                  <c:v>2.3367830402228811</c:v>
                </c:pt>
                <c:pt idx="3466">
                  <c:v>2.401110047013757</c:v>
                </c:pt>
                <c:pt idx="3467">
                  <c:v>2.3676924081490522</c:v>
                </c:pt>
                <c:pt idx="3468">
                  <c:v>2.3730994253874287</c:v>
                </c:pt>
                <c:pt idx="3469">
                  <c:v>2.4203068953508624</c:v>
                </c:pt>
                <c:pt idx="3470">
                  <c:v>2.3952690231586282</c:v>
                </c:pt>
                <c:pt idx="3471">
                  <c:v>2.4457156538394571</c:v>
                </c:pt>
                <c:pt idx="3472">
                  <c:v>2.4919919902489989</c:v>
                </c:pt>
                <c:pt idx="3473">
                  <c:v>2.4566141389517675</c:v>
                </c:pt>
                <c:pt idx="3474">
                  <c:v>2.4766716002089511</c:v>
                </c:pt>
                <c:pt idx="3475">
                  <c:v>2.4944972139996522</c:v>
                </c:pt>
                <c:pt idx="3476">
                  <c:v>2.4485647745080974</c:v>
                </c:pt>
                <c:pt idx="3477">
                  <c:v>2.4521003830750483</c:v>
                </c:pt>
                <c:pt idx="3478">
                  <c:v>2.4666850948981378</c:v>
                </c:pt>
                <c:pt idx="3479">
                  <c:v>2.544966916245865</c:v>
                </c:pt>
                <c:pt idx="3480">
                  <c:v>2.5282413372801678</c:v>
                </c:pt>
                <c:pt idx="3481">
                  <c:v>2.497584885948112</c:v>
                </c:pt>
                <c:pt idx="3482">
                  <c:v>2.4455728713216098</c:v>
                </c:pt>
                <c:pt idx="3483">
                  <c:v>2.4288694932961881</c:v>
                </c:pt>
                <c:pt idx="3484">
                  <c:v>2.3307657147832157</c:v>
                </c:pt>
                <c:pt idx="3485">
                  <c:v>2.3735177607522209</c:v>
                </c:pt>
                <c:pt idx="3486">
                  <c:v>2.4216485286435669</c:v>
                </c:pt>
                <c:pt idx="3487">
                  <c:v>2.35530167160021</c:v>
                </c:pt>
                <c:pt idx="3488">
                  <c:v>2.3440153230019161</c:v>
                </c:pt>
                <c:pt idx="3489">
                  <c:v>2.3096160543270075</c:v>
                </c:pt>
                <c:pt idx="3490">
                  <c:v>2.3226488768936102</c:v>
                </c:pt>
                <c:pt idx="3491">
                  <c:v>2.2726971965871501</c:v>
                </c:pt>
                <c:pt idx="3492">
                  <c:v>2.3476536653317086</c:v>
                </c:pt>
                <c:pt idx="3493">
                  <c:v>2.2924329618666204</c:v>
                </c:pt>
                <c:pt idx="3494">
                  <c:v>2.3197906146613265</c:v>
                </c:pt>
                <c:pt idx="3495">
                  <c:v>2.3923768065471003</c:v>
                </c:pt>
                <c:pt idx="3496">
                  <c:v>2.3725047884380976</c:v>
                </c:pt>
                <c:pt idx="3497">
                  <c:v>2.4123641824830222</c:v>
                </c:pt>
                <c:pt idx="3498">
                  <c:v>2.325965958558244</c:v>
                </c:pt>
                <c:pt idx="3499">
                  <c:v>2.3378691450461426</c:v>
                </c:pt>
                <c:pt idx="3500">
                  <c:v>2.3167651924081483</c:v>
                </c:pt>
                <c:pt idx="3501">
                  <c:v>2.2522984502873058</c:v>
                </c:pt>
                <c:pt idx="3502">
                  <c:v>2.2688607870450981</c:v>
                </c:pt>
                <c:pt idx="3503">
                  <c:v>2.326484851123106</c:v>
                </c:pt>
                <c:pt idx="3504">
                  <c:v>2.3273702768587849</c:v>
                </c:pt>
                <c:pt idx="3505">
                  <c:v>2.2498916071739505</c:v>
                </c:pt>
                <c:pt idx="3506">
                  <c:v>2.2702772940971618</c:v>
                </c:pt>
                <c:pt idx="3507">
                  <c:v>2.2512045098380637</c:v>
                </c:pt>
                <c:pt idx="3508">
                  <c:v>2.2835229845028731</c:v>
                </c:pt>
                <c:pt idx="3509">
                  <c:v>2.3427150444018809</c:v>
                </c:pt>
                <c:pt idx="3510">
                  <c:v>2.4091049973881247</c:v>
                </c:pt>
                <c:pt idx="3511">
                  <c:v>2.4027799059724884</c:v>
                </c:pt>
                <c:pt idx="3512">
                  <c:v>2.4004879853734979</c:v>
                </c:pt>
                <c:pt idx="3513">
                  <c:v>2.45830968135121</c:v>
                </c:pt>
                <c:pt idx="3514">
                  <c:v>2.3947492599686573</c:v>
                </c:pt>
                <c:pt idx="3515">
                  <c:v>2.4228687097335886</c:v>
                </c:pt>
                <c:pt idx="3516">
                  <c:v>2.4240013930001738</c:v>
                </c:pt>
                <c:pt idx="3517">
                  <c:v>2.4825043531255435</c:v>
                </c:pt>
                <c:pt idx="3518">
                  <c:v>2.4538751523593936</c:v>
                </c:pt>
                <c:pt idx="3519">
                  <c:v>2.4225866271983283</c:v>
                </c:pt>
                <c:pt idx="3520">
                  <c:v>2.5526850078356254</c:v>
                </c:pt>
                <c:pt idx="3521">
                  <c:v>2.6249956468744551</c:v>
                </c:pt>
                <c:pt idx="3522">
                  <c:v>2.6110399616924944</c:v>
                </c:pt>
                <c:pt idx="3523">
                  <c:v>2.5835591154448889</c:v>
                </c:pt>
                <c:pt idx="3524">
                  <c:v>2.7473406756050838</c:v>
                </c:pt>
                <c:pt idx="3525">
                  <c:v>2.7474991293748907</c:v>
                </c:pt>
                <c:pt idx="3526">
                  <c:v>2.6426567125195888</c:v>
                </c:pt>
                <c:pt idx="3527">
                  <c:v>2.6096587149573391</c:v>
                </c:pt>
                <c:pt idx="3528">
                  <c:v>2.6287550060943752</c:v>
                </c:pt>
                <c:pt idx="3529">
                  <c:v>2.7313930001741249</c:v>
                </c:pt>
                <c:pt idx="3530">
                  <c:v>2.733412415114052</c:v>
                </c:pt>
                <c:pt idx="3531">
                  <c:v>2.6499703987463001</c:v>
                </c:pt>
                <c:pt idx="3532">
                  <c:v>2.6661910151488777</c:v>
                </c:pt>
                <c:pt idx="3533">
                  <c:v>2.7261313773289229</c:v>
                </c:pt>
                <c:pt idx="3534">
                  <c:v>2.713217395089675</c:v>
                </c:pt>
                <c:pt idx="3535">
                  <c:v>2.6158610482326319</c:v>
                </c:pt>
                <c:pt idx="3536">
                  <c:v>2.6602607522200947</c:v>
                </c:pt>
                <c:pt idx="3537">
                  <c:v>2.7314935573741956</c:v>
                </c:pt>
                <c:pt idx="3538">
                  <c:v>2.6477759881594998</c:v>
                </c:pt>
                <c:pt idx="3539">
                  <c:v>2.7822440362180054</c:v>
                </c:pt>
                <c:pt idx="3540">
                  <c:v>2.8056568866446119</c:v>
                </c:pt>
                <c:pt idx="3541">
                  <c:v>2.848992251436532</c:v>
                </c:pt>
                <c:pt idx="3542">
                  <c:v>2.9003203900400494</c:v>
                </c:pt>
                <c:pt idx="3543">
                  <c:v>2.8598694062336758</c:v>
                </c:pt>
                <c:pt idx="3544">
                  <c:v>2.8183157757269726</c:v>
                </c:pt>
                <c:pt idx="3545">
                  <c:v>2.727151749956469</c:v>
                </c:pt>
                <c:pt idx="3546">
                  <c:v>2.7280693888211736</c:v>
                </c:pt>
                <c:pt idx="3547">
                  <c:v>2.7229975622496947</c:v>
                </c:pt>
                <c:pt idx="3548">
                  <c:v>2.696417812989726</c:v>
                </c:pt>
                <c:pt idx="3549">
                  <c:v>2.7425152359394036</c:v>
                </c:pt>
                <c:pt idx="3550">
                  <c:v>2.8531808288351028</c:v>
                </c:pt>
                <c:pt idx="3551">
                  <c:v>2.8264334842416847</c:v>
                </c:pt>
                <c:pt idx="3552">
                  <c:v>2.8264334842416847</c:v>
                </c:pt>
                <c:pt idx="3553">
                  <c:v>2.7989204248650523</c:v>
                </c:pt>
                <c:pt idx="3554">
                  <c:v>2.8080027860003471</c:v>
                </c:pt>
                <c:pt idx="3555">
                  <c:v>2.7537097335887157</c:v>
                </c:pt>
                <c:pt idx="3556">
                  <c:v>2.7239469789308712</c:v>
                </c:pt>
                <c:pt idx="3557">
                  <c:v>2.8260134076266752</c:v>
                </c:pt>
                <c:pt idx="3558">
                  <c:v>2.8852002437750306</c:v>
                </c:pt>
                <c:pt idx="3559">
                  <c:v>2.9051697718962211</c:v>
                </c:pt>
                <c:pt idx="3560">
                  <c:v>2.8962227929653488</c:v>
                </c:pt>
                <c:pt idx="3561">
                  <c:v>2.9099812815601602</c:v>
                </c:pt>
                <c:pt idx="3562">
                  <c:v>2.8579335713041965</c:v>
                </c:pt>
                <c:pt idx="3563">
                  <c:v>2.8760138429392299</c:v>
                </c:pt>
                <c:pt idx="3564">
                  <c:v>2.8675988159498513</c:v>
                </c:pt>
                <c:pt idx="3565">
                  <c:v>2.8357596204074524</c:v>
                </c:pt>
                <c:pt idx="3566">
                  <c:v>2.739975187184398</c:v>
                </c:pt>
                <c:pt idx="3567">
                  <c:v>2.7619523768065468</c:v>
                </c:pt>
                <c:pt idx="3568">
                  <c:v>2.7862380289047537</c:v>
                </c:pt>
                <c:pt idx="3569">
                  <c:v>2.8236805676475707</c:v>
                </c:pt>
                <c:pt idx="3570">
                  <c:v>2.8067865227233151</c:v>
                </c:pt>
                <c:pt idx="3571">
                  <c:v>2.7610865401358171</c:v>
                </c:pt>
                <c:pt idx="3572">
                  <c:v>2.7702633640954208</c:v>
                </c:pt>
                <c:pt idx="3573">
                  <c:v>2.7294758836844855</c:v>
                </c:pt>
                <c:pt idx="3574">
                  <c:v>2.7118792442974051</c:v>
                </c:pt>
                <c:pt idx="3575">
                  <c:v>2.7305045272505657</c:v>
                </c:pt>
                <c:pt idx="3576">
                  <c:v>2.7305045272505657</c:v>
                </c:pt>
                <c:pt idx="3577">
                  <c:v>2.7060813163851649</c:v>
                </c:pt>
                <c:pt idx="3578">
                  <c:v>2.7201897962737243</c:v>
                </c:pt>
                <c:pt idx="3579">
                  <c:v>2.825842765105345</c:v>
                </c:pt>
                <c:pt idx="3580">
                  <c:v>2.825842765105345</c:v>
                </c:pt>
                <c:pt idx="3581">
                  <c:v>2.961880114922514</c:v>
                </c:pt>
                <c:pt idx="3582">
                  <c:v>2.9859067560508445</c:v>
                </c:pt>
                <c:pt idx="3583">
                  <c:v>2.9979448894306104</c:v>
                </c:pt>
                <c:pt idx="3584">
                  <c:v>2.9917747692843455</c:v>
                </c:pt>
                <c:pt idx="3585">
                  <c:v>3.0062624064078003</c:v>
                </c:pt>
                <c:pt idx="3586">
                  <c:v>3.0750931568866431</c:v>
                </c:pt>
                <c:pt idx="3587">
                  <c:v>3.0834899007487362</c:v>
                </c:pt>
                <c:pt idx="3588">
                  <c:v>3.077063816820476</c:v>
                </c:pt>
                <c:pt idx="3589">
                  <c:v>3.1125774856346853</c:v>
                </c:pt>
                <c:pt idx="3590">
                  <c:v>3.0943635730454462</c:v>
                </c:pt>
                <c:pt idx="3591">
                  <c:v>3.1090488420686055</c:v>
                </c:pt>
                <c:pt idx="3592">
                  <c:v>3.1507526554065821</c:v>
                </c:pt>
                <c:pt idx="3593">
                  <c:v>3.1832121713390222</c:v>
                </c:pt>
                <c:pt idx="3594">
                  <c:v>3.179425822740729</c:v>
                </c:pt>
                <c:pt idx="3595">
                  <c:v>3.1399695281211919</c:v>
                </c:pt>
                <c:pt idx="3596">
                  <c:v>3.203309246038657</c:v>
                </c:pt>
                <c:pt idx="3597">
                  <c:v>3.2520107086888403</c:v>
                </c:pt>
                <c:pt idx="3598">
                  <c:v>3.2520107086888403</c:v>
                </c:pt>
                <c:pt idx="3599">
                  <c:v>3.154791920598992</c:v>
                </c:pt>
                <c:pt idx="3600">
                  <c:v>3.1633001044750149</c:v>
                </c:pt>
                <c:pt idx="3601">
                  <c:v>3.2223667943583516</c:v>
                </c:pt>
                <c:pt idx="3602">
                  <c:v>3.2396717743339734</c:v>
                </c:pt>
                <c:pt idx="3603">
                  <c:v>3.260023942190494</c:v>
                </c:pt>
                <c:pt idx="3604">
                  <c:v>3.2916868361483553</c:v>
                </c:pt>
                <c:pt idx="3605">
                  <c:v>3.2796099599512454</c:v>
                </c:pt>
                <c:pt idx="3606">
                  <c:v>3.1196051715131476</c:v>
                </c:pt>
                <c:pt idx="3607">
                  <c:v>3.1095938533867322</c:v>
                </c:pt>
                <c:pt idx="3608">
                  <c:v>3.1504048406756056</c:v>
                </c:pt>
                <c:pt idx="3609">
                  <c:v>3.109912502176563</c:v>
                </c:pt>
                <c:pt idx="3610">
                  <c:v>3.1863311857913983</c:v>
                </c:pt>
                <c:pt idx="3611">
                  <c:v>3.1721399965174992</c:v>
                </c:pt>
                <c:pt idx="3612">
                  <c:v>3.2667199199024903</c:v>
                </c:pt>
                <c:pt idx="3613">
                  <c:v>3.245425300365663</c:v>
                </c:pt>
                <c:pt idx="3614">
                  <c:v>3.2011966742120848</c:v>
                </c:pt>
                <c:pt idx="3615">
                  <c:v>3.2512254048406755</c:v>
                </c:pt>
                <c:pt idx="3616">
                  <c:v>3.2027167856520986</c:v>
                </c:pt>
                <c:pt idx="3617">
                  <c:v>3.2195834058854258</c:v>
                </c:pt>
                <c:pt idx="3618">
                  <c:v>3.2610830576353829</c:v>
                </c:pt>
                <c:pt idx="3619">
                  <c:v>3.2329749259968663</c:v>
                </c:pt>
                <c:pt idx="3620">
                  <c:v>3.2487593592199211</c:v>
                </c:pt>
                <c:pt idx="3621">
                  <c:v>3.2359093679261726</c:v>
                </c:pt>
                <c:pt idx="3622">
                  <c:v>3.1609067560508466</c:v>
                </c:pt>
                <c:pt idx="3623">
                  <c:v>3.1182200069650028</c:v>
                </c:pt>
                <c:pt idx="3624">
                  <c:v>3.1013786348598309</c:v>
                </c:pt>
                <c:pt idx="3625">
                  <c:v>3.1067460386557562</c:v>
                </c:pt>
                <c:pt idx="3626">
                  <c:v>3.1513516454814576</c:v>
                </c:pt>
                <c:pt idx="3627">
                  <c:v>3.2672218352777307</c:v>
                </c:pt>
                <c:pt idx="3628">
                  <c:v>3.258576963259622</c:v>
                </c:pt>
                <c:pt idx="3629">
                  <c:v>3.3054100644262601</c:v>
                </c:pt>
                <c:pt idx="3630">
                  <c:v>3.292385077485636</c:v>
                </c:pt>
                <c:pt idx="3631">
                  <c:v>3.3155467525683457</c:v>
                </c:pt>
                <c:pt idx="3632">
                  <c:v>3.3528608741076109</c:v>
                </c:pt>
                <c:pt idx="3633">
                  <c:v>3.3352067734633479</c:v>
                </c:pt>
                <c:pt idx="3634">
                  <c:v>3.2678639212954916</c:v>
                </c:pt>
                <c:pt idx="3635">
                  <c:v>3.2107382900922881</c:v>
                </c:pt>
                <c:pt idx="3636">
                  <c:v>3.0804087584885957</c:v>
                </c:pt>
                <c:pt idx="3637">
                  <c:v>3.077224882465611</c:v>
                </c:pt>
                <c:pt idx="3638">
                  <c:v>3.1488255267281922</c:v>
                </c:pt>
                <c:pt idx="3639">
                  <c:v>3.0006703813337987</c:v>
                </c:pt>
                <c:pt idx="3640">
                  <c:v>3.1088690579836342</c:v>
                </c:pt>
                <c:pt idx="3641">
                  <c:v>3.1535151488768953</c:v>
                </c:pt>
                <c:pt idx="3642">
                  <c:v>3.1813707992338509</c:v>
                </c:pt>
                <c:pt idx="3643">
                  <c:v>3.1523054152881773</c:v>
                </c:pt>
                <c:pt idx="3644">
                  <c:v>3.1133327529165946</c:v>
                </c:pt>
                <c:pt idx="3645">
                  <c:v>3.1926284172035526</c:v>
                </c:pt>
                <c:pt idx="3646">
                  <c:v>3.2272405537175697</c:v>
                </c:pt>
                <c:pt idx="3647">
                  <c:v>3.2386074351384293</c:v>
                </c:pt>
                <c:pt idx="3648">
                  <c:v>3.1917025074003131</c:v>
                </c:pt>
                <c:pt idx="3649">
                  <c:v>3.1769741424342675</c:v>
                </c:pt>
                <c:pt idx="3650">
                  <c:v>3.1247910499738811</c:v>
                </c:pt>
                <c:pt idx="3651">
                  <c:v>3.042965349120669</c:v>
                </c:pt>
                <c:pt idx="3652">
                  <c:v>3.0520185443148184</c:v>
                </c:pt>
                <c:pt idx="3653">
                  <c:v>3.1064474142434273</c:v>
                </c:pt>
                <c:pt idx="3654">
                  <c:v>3.0608022810377857</c:v>
                </c:pt>
                <c:pt idx="3655">
                  <c:v>3.1171103952637997</c:v>
                </c:pt>
                <c:pt idx="3656">
                  <c:v>3.1175370015671255</c:v>
                </c:pt>
                <c:pt idx="3657">
                  <c:v>3.1756590632073838</c:v>
                </c:pt>
                <c:pt idx="3658">
                  <c:v>3.137446891868362</c:v>
                </c:pt>
                <c:pt idx="3659">
                  <c:v>3.2030310813163858</c:v>
                </c:pt>
                <c:pt idx="3660">
                  <c:v>3.1892756399094555</c:v>
                </c:pt>
                <c:pt idx="3661">
                  <c:v>3.18717351558419</c:v>
                </c:pt>
                <c:pt idx="3662">
                  <c:v>3.1943814208601777</c:v>
                </c:pt>
                <c:pt idx="3663">
                  <c:v>3.1584372279296531</c:v>
                </c:pt>
                <c:pt idx="3664">
                  <c:v>3.1793439839804973</c:v>
                </c:pt>
                <c:pt idx="3665">
                  <c:v>3.1358462476057802</c:v>
                </c:pt>
                <c:pt idx="3666">
                  <c:v>3.1088599164199886</c:v>
                </c:pt>
                <c:pt idx="3667">
                  <c:v>3.1614404492425559</c:v>
                </c:pt>
                <c:pt idx="3668">
                  <c:v>3.1271047362005921</c:v>
                </c:pt>
                <c:pt idx="3669">
                  <c:v>3.1031499216437402</c:v>
                </c:pt>
                <c:pt idx="3670">
                  <c:v>2.9929714434964301</c:v>
                </c:pt>
                <c:pt idx="3671">
                  <c:v>3.0088995298624415</c:v>
                </c:pt>
                <c:pt idx="3672">
                  <c:v>2.9884833710604215</c:v>
                </c:pt>
                <c:pt idx="3673">
                  <c:v>2.918878199547275</c:v>
                </c:pt>
                <c:pt idx="3674">
                  <c:v>2.9174965174995644</c:v>
                </c:pt>
                <c:pt idx="3675">
                  <c:v>3.0025330837541357</c:v>
                </c:pt>
                <c:pt idx="3676">
                  <c:v>3.1130345638168215</c:v>
                </c:pt>
                <c:pt idx="3677">
                  <c:v>3.1076379940797505</c:v>
                </c:pt>
                <c:pt idx="3678">
                  <c:v>3.0880215044401886</c:v>
                </c:pt>
                <c:pt idx="3679">
                  <c:v>3.0757356782169607</c:v>
                </c:pt>
                <c:pt idx="3680">
                  <c:v>3.1295598990074884</c:v>
                </c:pt>
                <c:pt idx="3681">
                  <c:v>3.1960978582622337</c:v>
                </c:pt>
                <c:pt idx="3682">
                  <c:v>3.2036631551453958</c:v>
                </c:pt>
                <c:pt idx="3683">
                  <c:v>3.2424412328051551</c:v>
                </c:pt>
                <c:pt idx="3684">
                  <c:v>3.223851645481457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299E-417A-A83A-59B76E517DC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548311840"/>
        <c:axId val="548311184"/>
      </c:lineChart>
      <c:dateAx>
        <c:axId val="548311840"/>
        <c:scaling>
          <c:orientation val="minMax"/>
        </c:scaling>
        <c:delete val="0"/>
        <c:axPos val="b"/>
        <c:numFmt formatCode="[$-416]mmm\-yy;@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pt-BR"/>
          </a:p>
        </c:txPr>
        <c:crossAx val="548311184"/>
        <c:crosses val="autoZero"/>
        <c:auto val="1"/>
        <c:lblOffset val="100"/>
        <c:baseTimeUnit val="days"/>
      </c:dateAx>
      <c:valAx>
        <c:axId val="548311184"/>
        <c:scaling>
          <c:orientation val="minMax"/>
          <c:max val="8"/>
          <c:min val="0"/>
        </c:scaling>
        <c:delete val="0"/>
        <c:axPos val="l"/>
        <c:majorGridlines>
          <c:spPr>
            <a:ln w="9525" cap="flat" cmpd="sng" algn="ctr">
              <a:solidFill>
                <a:schemeClr val="bg1">
                  <a:lumMod val="95000"/>
                </a:schemeClr>
              </a:solidFill>
              <a:round/>
            </a:ln>
            <a:effectLst/>
          </c:spPr>
        </c:majorGridlines>
        <c:numFmt formatCode="0%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pt-BR"/>
          </a:p>
        </c:txPr>
        <c:crossAx val="548311840"/>
        <c:crosses val="autoZero"/>
        <c:crossBetween val="between"/>
        <c:majorUnit val="2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100" b="1">
          <a:latin typeface="Century Gothic" panose="020B0502020202020204" pitchFamily="34" charset="0"/>
        </a:defRPr>
      </a:pPr>
      <a:endParaRPr lang="pt-BR"/>
    </a:p>
  </c:txPr>
  <c:externalData r:id="rId4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pt-B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6.417624717708996E-2"/>
          <c:y val="0.23347289415187525"/>
          <c:w val="0.46688914826923855"/>
          <c:h val="0.892298074020063"/>
        </c:manualLayout>
      </c:layout>
      <c:doughnutChart>
        <c:varyColors val="1"/>
        <c:ser>
          <c:idx val="0"/>
          <c:order val="0"/>
          <c:dPt>
            <c:idx val="0"/>
            <c:bubble3D val="0"/>
            <c:explosion val="37"/>
            <c:spPr>
              <a:solidFill>
                <a:srgbClr val="560015"/>
              </a:solidFill>
            </c:spPr>
            <c:extLst>
              <c:ext xmlns:c16="http://schemas.microsoft.com/office/drawing/2014/chart" uri="{C3380CC4-5D6E-409C-BE32-E72D297353CC}">
                <c16:uniqueId val="{00000001-7187-4952-9005-B239E9596E2E}"/>
              </c:ext>
            </c:extLst>
          </c:dPt>
          <c:dPt>
            <c:idx val="1"/>
            <c:bubble3D val="0"/>
            <c:spPr>
              <a:solidFill>
                <a:srgbClr val="08305B"/>
              </a:solidFill>
            </c:spPr>
            <c:extLst>
              <c:ext xmlns:c16="http://schemas.microsoft.com/office/drawing/2014/chart" uri="{C3380CC4-5D6E-409C-BE32-E72D297353CC}">
                <c16:uniqueId val="{00000003-7187-4952-9005-B239E9596E2E}"/>
              </c:ext>
            </c:extLst>
          </c:dPt>
          <c:dPt>
            <c:idx val="2"/>
            <c:bubble3D val="0"/>
            <c:spPr>
              <a:solidFill>
                <a:srgbClr val="094587"/>
              </a:solidFill>
            </c:spPr>
            <c:extLst>
              <c:ext xmlns:c16="http://schemas.microsoft.com/office/drawing/2014/chart" uri="{C3380CC4-5D6E-409C-BE32-E72D297353CC}">
                <c16:uniqueId val="{00000005-7187-4952-9005-B239E9596E2E}"/>
              </c:ext>
            </c:extLst>
          </c:dPt>
          <c:dPt>
            <c:idx val="3"/>
            <c:bubble3D val="0"/>
            <c:spPr>
              <a:solidFill>
                <a:srgbClr val="D70000"/>
              </a:solidFill>
            </c:spPr>
            <c:extLst>
              <c:ext xmlns:c16="http://schemas.microsoft.com/office/drawing/2014/chart" uri="{C3380CC4-5D6E-409C-BE32-E72D297353CC}">
                <c16:uniqueId val="{00000007-7187-4952-9005-B239E9596E2E}"/>
              </c:ext>
            </c:extLst>
          </c:dPt>
          <c:dPt>
            <c:idx val="4"/>
            <c:bubble3D val="0"/>
            <c:spPr>
              <a:solidFill>
                <a:srgbClr val="C0504D"/>
              </a:solidFill>
            </c:spPr>
            <c:extLst>
              <c:ext xmlns:c16="http://schemas.microsoft.com/office/drawing/2014/chart" uri="{C3380CC4-5D6E-409C-BE32-E72D297353CC}">
                <c16:uniqueId val="{00000009-7187-4952-9005-B239E9596E2E}"/>
              </c:ext>
            </c:extLst>
          </c:dPt>
          <c:dPt>
            <c:idx val="5"/>
            <c:bubble3D val="0"/>
            <c:spPr>
              <a:solidFill>
                <a:srgbClr val="FFA3A5"/>
              </a:solidFill>
            </c:spPr>
            <c:extLst>
              <c:ext xmlns:c16="http://schemas.microsoft.com/office/drawing/2014/chart" uri="{C3380CC4-5D6E-409C-BE32-E72D297353CC}">
                <c16:uniqueId val="{0000000B-7187-4952-9005-B239E9596E2E}"/>
              </c:ext>
            </c:extLst>
          </c:dPt>
          <c:dPt>
            <c:idx val="6"/>
            <c:bubble3D val="0"/>
            <c:spPr>
              <a:solidFill>
                <a:srgbClr val="194173">
                  <a:lumMod val="75000"/>
                </a:srgbClr>
              </a:solidFill>
            </c:spPr>
            <c:extLst>
              <c:ext xmlns:c16="http://schemas.microsoft.com/office/drawing/2014/chart" uri="{C3380CC4-5D6E-409C-BE32-E72D297353CC}">
                <c16:uniqueId val="{0000000D-7187-4952-9005-B239E9596E2E}"/>
              </c:ext>
            </c:extLst>
          </c:dPt>
          <c:cat>
            <c:strRef>
              <c:f>'Posições Total'!$F$13:$F$16</c:f>
              <c:strCache>
                <c:ptCount val="4"/>
                <c:pt idx="0">
                  <c:v>FIIS (93%)</c:v>
                </c:pt>
                <c:pt idx="1">
                  <c:v>CRIs (2,4%)</c:v>
                </c:pt>
                <c:pt idx="2">
                  <c:v>LCIs (2,4%)</c:v>
                </c:pt>
                <c:pt idx="3">
                  <c:v>LFT (1,9%)</c:v>
                </c:pt>
              </c:strCache>
            </c:strRef>
          </c:cat>
          <c:val>
            <c:numRef>
              <c:f>'Posições Total'!$G$13:$G$16</c:f>
              <c:numCache>
                <c:formatCode>0.0%</c:formatCode>
                <c:ptCount val="4"/>
                <c:pt idx="0" formatCode="0%">
                  <c:v>0.93295024370574897</c:v>
                </c:pt>
                <c:pt idx="1">
                  <c:v>2.3741423177970827E-2</c:v>
                </c:pt>
                <c:pt idx="2">
                  <c:v>2.4051510930747016E-2</c:v>
                </c:pt>
                <c:pt idx="3">
                  <c:v>1.9256822185532985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E-7187-4952-9005-B239E9596E2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282"/>
        <c:holeSize val="44"/>
      </c:doughnutChart>
      <c:spPr>
        <a:noFill/>
        <a:ln w="25400">
          <a:noFill/>
        </a:ln>
      </c:spPr>
    </c:plotArea>
    <c:legend>
      <c:legendPos val="t"/>
      <c:legendEntry>
        <c:idx val="1"/>
        <c:txPr>
          <a:bodyPr/>
          <a:lstStyle/>
          <a:p>
            <a:pPr>
              <a:defRPr sz="1600">
                <a:solidFill>
                  <a:schemeClr val="tx1">
                    <a:lumMod val="75000"/>
                  </a:schemeClr>
                </a:solidFill>
                <a:latin typeface="Century Gothic" panose="020B0502020202020204" pitchFamily="34" charset="0"/>
              </a:defRPr>
            </a:pPr>
            <a:endParaRPr lang="pt-BR"/>
          </a:p>
        </c:txPr>
      </c:legendEntry>
      <c:layout>
        <c:manualLayout>
          <c:xMode val="edge"/>
          <c:yMode val="edge"/>
          <c:x val="4.9999992104300298E-2"/>
          <c:y val="1.6373417048337034E-2"/>
          <c:w val="0.69744357772471521"/>
          <c:h val="0.15198957430190047"/>
        </c:manualLayout>
      </c:layout>
      <c:overlay val="0"/>
      <c:txPr>
        <a:bodyPr/>
        <a:lstStyle/>
        <a:p>
          <a:pPr>
            <a:defRPr sz="1600">
              <a:solidFill>
                <a:schemeClr val="tx1">
                  <a:lumMod val="75000"/>
                </a:schemeClr>
              </a:solidFill>
              <a:latin typeface="Century Gothic" panose="020B0502020202020204" pitchFamily="34" charset="0"/>
            </a:defRPr>
          </a:pPr>
          <a:endParaRPr lang="pt-BR"/>
        </a:p>
      </c:txPr>
    </c:legend>
    <c:plotVisOnly val="1"/>
    <c:dispBlanksAs val="gap"/>
    <c:showDLblsOverMax val="0"/>
  </c:chart>
  <c:spPr>
    <a:ln>
      <a:noFill/>
    </a:ln>
  </c:spPr>
  <c:txPr>
    <a:bodyPr/>
    <a:lstStyle/>
    <a:p>
      <a:pPr>
        <a:defRPr sz="700"/>
      </a:pPr>
      <a:endParaRPr lang="pt-BR"/>
    </a:p>
  </c:txPr>
  <c:externalData r:id="rId2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13.emf"/><Relationship Id="rId1" Type="http://schemas.openxmlformats.org/officeDocument/2006/relationships/image" Target="../media/image12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3CEE267-9428-4ABD-802F-93BA33401898}" type="datetimeFigureOut">
              <a:rPr lang="pt-BR" smtClean="0"/>
              <a:t>27/06/2019</a:t>
            </a:fld>
            <a:endParaRPr lang="pt-BR"/>
          </a:p>
        </p:txBody>
      </p:sp>
      <p:sp>
        <p:nvSpPr>
          <p:cNvPr id="4" name="Espaço Reservado para Imagem de Slide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pt-BR"/>
          </a:p>
        </p:txBody>
      </p:sp>
      <p:sp>
        <p:nvSpPr>
          <p:cNvPr id="5" name="Espaço Reservado para Anotações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D99526C-B3F4-47D3-9CD2-427502E351CE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57205411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3" Type="http://schemas.microsoft.com/office/2007/relationships/hdphoto" Target="../media/hdphoto1.wdp"/><Relationship Id="rId7" Type="http://schemas.microsoft.com/office/2007/relationships/hdphoto" Target="../media/hdphoto3.wdp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Relationship Id="rId6" Type="http://schemas.openxmlformats.org/officeDocument/2006/relationships/image" Target="../media/image3.png"/><Relationship Id="rId5" Type="http://schemas.microsoft.com/office/2007/relationships/hdphoto" Target="../media/hdphoto2.wdp"/><Relationship Id="rId4" Type="http://schemas.openxmlformats.org/officeDocument/2006/relationships/image" Target="../media/image2.png"/><Relationship Id="rId9" Type="http://schemas.microsoft.com/office/2007/relationships/hdphoto" Target="../media/hdphoto4.wdp"/></Relationships>
</file>

<file path=ppt/slideLayouts/_rels/slideLayout13.xml.rels><?xml version="1.0" encoding="UTF-8" standalone="yes"?>
<Relationships xmlns="http://schemas.openxmlformats.org/package/2006/relationships"><Relationship Id="rId3" Type="http://schemas.microsoft.com/office/2007/relationships/hdphoto" Target="../media/hdphoto5.wdp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3" Type="http://schemas.microsoft.com/office/2007/relationships/hdphoto" Target="../media/hdphoto6.wdp"/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3" Type="http://schemas.microsoft.com/office/2007/relationships/hdphoto" Target="../media/hdphoto5.wdp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3" Type="http://schemas.microsoft.com/office/2007/relationships/hdphoto" Target="../media/hdphoto6.wdp"/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Relationship Id="rId5" Type="http://schemas.microsoft.com/office/2007/relationships/hdphoto" Target="../media/hdphoto5.wdp"/><Relationship Id="rId4" Type="http://schemas.openxmlformats.org/officeDocument/2006/relationships/image" Target="../media/image5.png"/></Relationships>
</file>

<file path=ppt/slideLayouts/_rels/slideLayout17.xml.rels><?xml version="1.0" encoding="UTF-8" standalone="yes"?>
<Relationships xmlns="http://schemas.openxmlformats.org/package/2006/relationships"><Relationship Id="rId3" Type="http://schemas.microsoft.com/office/2007/relationships/hdphoto" Target="../media/hdphoto6.wdp"/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Relationship Id="rId5" Type="http://schemas.microsoft.com/office/2007/relationships/hdphoto" Target="../media/hdphoto5.wdp"/><Relationship Id="rId4" Type="http://schemas.openxmlformats.org/officeDocument/2006/relationships/image" Target="../media/image5.png"/></Relationships>
</file>

<file path=ppt/slideLayouts/_rels/slideLayout18.xml.rels><?xml version="1.0" encoding="UTF-8" standalone="yes"?>
<Relationships xmlns="http://schemas.openxmlformats.org/package/2006/relationships"><Relationship Id="rId3" Type="http://schemas.microsoft.com/office/2007/relationships/hdphoto" Target="../media/hdphoto6.wdp"/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Relationship Id="rId5" Type="http://schemas.microsoft.com/office/2007/relationships/hdphoto" Target="../media/hdphoto5.wdp"/><Relationship Id="rId4" Type="http://schemas.openxmlformats.org/officeDocument/2006/relationships/image" Target="../media/image5.png"/></Relationships>
</file>

<file path=ppt/slideLayouts/_rels/slideLayout19.xml.rels><?xml version="1.0" encoding="UTF-8" standalone="yes"?>
<Relationships xmlns="http://schemas.openxmlformats.org/package/2006/relationships"><Relationship Id="rId3" Type="http://schemas.microsoft.com/office/2007/relationships/hdphoto" Target="../media/hdphoto6.wdp"/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1.xml"/><Relationship Id="rId5" Type="http://schemas.microsoft.com/office/2007/relationships/hdphoto" Target="../media/hdphoto5.wdp"/><Relationship Id="rId4" Type="http://schemas.openxmlformats.org/officeDocument/2006/relationships/image" Target="../media/image5.png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3" Type="http://schemas.microsoft.com/office/2007/relationships/hdphoto" Target="../media/hdphoto5.wdp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3" Type="http://schemas.microsoft.com/office/2007/relationships/hdphoto" Target="../media/hdphoto5.wdp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3" Type="http://schemas.microsoft.com/office/2007/relationships/hdphoto" Target="../media/hdphoto5.wdp"/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1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Slide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pt-BR"/>
              <a:t>Clique para editar o estilo do subtítulo Mestr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99153388"/>
      </p:ext>
    </p:extLst>
  </p:cSld>
  <p:clrMapOvr>
    <a:masterClrMapping/>
  </p:clrMapOvr>
  <p:hf hdr="0" ftr="0" dt="0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e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98818312"/>
      </p:ext>
    </p:extLst>
  </p:cSld>
  <p:clrMapOvr>
    <a:masterClrMapping/>
  </p:clrMapOvr>
  <p:hf hdr="0" ft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exto e Títul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5987851"/>
      </p:ext>
    </p:extLst>
  </p:cSld>
  <p:clrMapOvr>
    <a:masterClrMapping/>
  </p:clrMapOvr>
  <p:hf hdr="0" ftr="0" dt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AP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m 2" hidden="1"/>
          <p:cNvPicPr>
            <a:picLocks noChangeAspect="1"/>
          </p:cNvPicPr>
          <p:nvPr userDrawn="1"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1707" r="70763" b="50000"/>
          <a:stretch>
            <a:fillRect/>
          </a:stretch>
        </p:blipFill>
        <p:spPr>
          <a:xfrm>
            <a:off x="234162" y="0"/>
            <a:ext cx="3776397" cy="3429000"/>
          </a:xfrm>
          <a:custGeom>
            <a:avLst/>
            <a:gdLst>
              <a:gd name="connsiteX0" fmla="*/ 1721466 w 2832298"/>
              <a:gd name="connsiteY0" fmla="*/ 0 h 3429000"/>
              <a:gd name="connsiteX1" fmla="*/ 2821425 w 2832298"/>
              <a:gd name="connsiteY1" fmla="*/ 0 h 3429000"/>
              <a:gd name="connsiteX2" fmla="*/ 2832298 w 2832298"/>
              <a:gd name="connsiteY2" fmla="*/ 8115 h 3429000"/>
              <a:gd name="connsiteX3" fmla="*/ 1963489 w 2832298"/>
              <a:gd name="connsiteY3" fmla="*/ 1953422 h 3429000"/>
              <a:gd name="connsiteX4" fmla="*/ 1951014 w 2832298"/>
              <a:gd name="connsiteY4" fmla="*/ 1953422 h 3429000"/>
              <a:gd name="connsiteX5" fmla="*/ 1291994 w 2832298"/>
              <a:gd name="connsiteY5" fmla="*/ 3429000 h 3429000"/>
              <a:gd name="connsiteX6" fmla="*/ 852717 w 2832298"/>
              <a:gd name="connsiteY6" fmla="*/ 3429000 h 3429000"/>
              <a:gd name="connsiteX7" fmla="*/ 3 w 2832298"/>
              <a:gd name="connsiteY7" fmla="*/ 3429000 h 3429000"/>
              <a:gd name="connsiteX8" fmla="*/ 0 w 2832298"/>
              <a:gd name="connsiteY8" fmla="*/ 3428998 h 3429000"/>
              <a:gd name="connsiteX9" fmla="*/ 192032 w 2832298"/>
              <a:gd name="connsiteY9" fmla="*/ 3428998 h 3429000"/>
              <a:gd name="connsiteX10" fmla="*/ 851052 w 2832298"/>
              <a:gd name="connsiteY10" fmla="*/ 1953420 h 3429000"/>
              <a:gd name="connsiteX11" fmla="*/ 863527 w 2832298"/>
              <a:gd name="connsiteY11" fmla="*/ 1953420 h 3429000"/>
              <a:gd name="connsiteX12" fmla="*/ 1732336 w 2832298"/>
              <a:gd name="connsiteY12" fmla="*/ 8113 h 3429000"/>
              <a:gd name="connsiteX13" fmla="*/ 1721466 w 2832298"/>
              <a:gd name="connsiteY13" fmla="*/ 0 h 3429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2832298" h="3429000">
                <a:moveTo>
                  <a:pt x="1721466" y="0"/>
                </a:moveTo>
                <a:lnTo>
                  <a:pt x="2821425" y="0"/>
                </a:lnTo>
                <a:lnTo>
                  <a:pt x="2832298" y="8115"/>
                </a:lnTo>
                <a:lnTo>
                  <a:pt x="1963489" y="1953422"/>
                </a:lnTo>
                <a:lnTo>
                  <a:pt x="1951014" y="1953422"/>
                </a:lnTo>
                <a:lnTo>
                  <a:pt x="1291994" y="3429000"/>
                </a:lnTo>
                <a:lnTo>
                  <a:pt x="852717" y="3429000"/>
                </a:lnTo>
                <a:lnTo>
                  <a:pt x="3" y="3429000"/>
                </a:lnTo>
                <a:lnTo>
                  <a:pt x="0" y="3428998"/>
                </a:lnTo>
                <a:lnTo>
                  <a:pt x="192032" y="3428998"/>
                </a:lnTo>
                <a:lnTo>
                  <a:pt x="851052" y="1953420"/>
                </a:lnTo>
                <a:lnTo>
                  <a:pt x="863527" y="1953420"/>
                </a:lnTo>
                <a:lnTo>
                  <a:pt x="1732336" y="8113"/>
                </a:lnTo>
                <a:lnTo>
                  <a:pt x="1721466" y="0"/>
                </a:lnTo>
                <a:close/>
              </a:path>
            </a:pathLst>
          </a:custGeom>
        </p:spPr>
      </p:pic>
      <p:pic>
        <p:nvPicPr>
          <p:cNvPr id="4" name="Imagem 3" hidden="1"/>
          <p:cNvPicPr>
            <a:picLocks noChangeAspect="1"/>
          </p:cNvPicPr>
          <p:nvPr userDrawn="1"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r="26111"/>
          <a:stretch>
            <a:fillRect/>
          </a:stretch>
        </p:blipFill>
        <p:spPr>
          <a:xfrm>
            <a:off x="1" y="2"/>
            <a:ext cx="10135739" cy="6857999"/>
          </a:xfrm>
          <a:custGeom>
            <a:avLst/>
            <a:gdLst>
              <a:gd name="connsiteX0" fmla="*/ 3057648 w 7601804"/>
              <a:gd name="connsiteY0" fmla="*/ 0 h 6857999"/>
              <a:gd name="connsiteX1" fmla="*/ 7563617 w 7601804"/>
              <a:gd name="connsiteY1" fmla="*/ 0 h 6857999"/>
              <a:gd name="connsiteX2" fmla="*/ 7601804 w 7601804"/>
              <a:gd name="connsiteY2" fmla="*/ 28502 h 6857999"/>
              <a:gd name="connsiteX3" fmla="*/ 4551629 w 7601804"/>
              <a:gd name="connsiteY3" fmla="*/ 6857998 h 6857999"/>
              <a:gd name="connsiteX4" fmla="*/ 3009432 w 7601804"/>
              <a:gd name="connsiteY4" fmla="*/ 6857998 h 6857999"/>
              <a:gd name="connsiteX5" fmla="*/ 3009432 w 7601804"/>
              <a:gd name="connsiteY5" fmla="*/ 6857999 h 6857999"/>
              <a:gd name="connsiteX6" fmla="*/ 15764 w 7601804"/>
              <a:gd name="connsiteY6" fmla="*/ 6857999 h 6857999"/>
              <a:gd name="connsiteX7" fmla="*/ 0 w 7601804"/>
              <a:gd name="connsiteY7" fmla="*/ 6846233 h 6857999"/>
              <a:gd name="connsiteX8" fmla="*/ 3057648 w 7601804"/>
              <a:gd name="connsiteY8" fmla="*/ 0 h 68579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7601804" h="6857999">
                <a:moveTo>
                  <a:pt x="3057648" y="0"/>
                </a:moveTo>
                <a:lnTo>
                  <a:pt x="7563617" y="0"/>
                </a:lnTo>
                <a:lnTo>
                  <a:pt x="7601804" y="28502"/>
                </a:lnTo>
                <a:lnTo>
                  <a:pt x="4551629" y="6857998"/>
                </a:lnTo>
                <a:lnTo>
                  <a:pt x="3009432" y="6857998"/>
                </a:lnTo>
                <a:lnTo>
                  <a:pt x="3009432" y="6857999"/>
                </a:lnTo>
                <a:lnTo>
                  <a:pt x="15764" y="6857999"/>
                </a:lnTo>
                <a:lnTo>
                  <a:pt x="0" y="6846233"/>
                </a:lnTo>
                <a:lnTo>
                  <a:pt x="3057648" y="0"/>
                </a:lnTo>
                <a:close/>
              </a:path>
            </a:pathLst>
          </a:custGeom>
        </p:spPr>
      </p:pic>
      <p:pic>
        <p:nvPicPr>
          <p:cNvPr id="5" name="Imagem 4" hidden="1"/>
          <p:cNvPicPr>
            <a:picLocks noChangeAspect="1"/>
          </p:cNvPicPr>
          <p:nvPr userDrawn="1"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276" t="34" r="81608" b="80861"/>
          <a:stretch>
            <a:fillRect/>
          </a:stretch>
        </p:blipFill>
        <p:spPr>
          <a:xfrm>
            <a:off x="586583" y="2353"/>
            <a:ext cx="1936392" cy="1310193"/>
          </a:xfrm>
          <a:custGeom>
            <a:avLst/>
            <a:gdLst>
              <a:gd name="connsiteX0" fmla="*/ 584151 w 1452294"/>
              <a:gd name="connsiteY0" fmla="*/ 0 h 1310193"/>
              <a:gd name="connsiteX1" fmla="*/ 878782 w 1452294"/>
              <a:gd name="connsiteY1" fmla="*/ 0 h 1310193"/>
              <a:gd name="connsiteX2" fmla="*/ 1444997 w 1452294"/>
              <a:gd name="connsiteY2" fmla="*/ 0 h 1310193"/>
              <a:gd name="connsiteX3" fmla="*/ 1452294 w 1452294"/>
              <a:gd name="connsiteY3" fmla="*/ 5445 h 1310193"/>
              <a:gd name="connsiteX4" fmla="*/ 869570 w 1452294"/>
              <a:gd name="connsiteY4" fmla="*/ 1310192 h 1310193"/>
              <a:gd name="connsiteX5" fmla="*/ 574939 w 1452294"/>
              <a:gd name="connsiteY5" fmla="*/ 1310192 h 1310193"/>
              <a:gd name="connsiteX6" fmla="*/ 574939 w 1452294"/>
              <a:gd name="connsiteY6" fmla="*/ 1310193 h 1310193"/>
              <a:gd name="connsiteX7" fmla="*/ 3011 w 1452294"/>
              <a:gd name="connsiteY7" fmla="*/ 1310193 h 1310193"/>
              <a:gd name="connsiteX8" fmla="*/ 0 w 1452294"/>
              <a:gd name="connsiteY8" fmla="*/ 1307945 h 1310193"/>
              <a:gd name="connsiteX9" fmla="*/ 584151 w 1452294"/>
              <a:gd name="connsiteY9" fmla="*/ 0 h 131019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1452294" h="1310193">
                <a:moveTo>
                  <a:pt x="584151" y="0"/>
                </a:moveTo>
                <a:lnTo>
                  <a:pt x="878782" y="0"/>
                </a:lnTo>
                <a:lnTo>
                  <a:pt x="1444997" y="0"/>
                </a:lnTo>
                <a:lnTo>
                  <a:pt x="1452294" y="5445"/>
                </a:lnTo>
                <a:lnTo>
                  <a:pt x="869570" y="1310192"/>
                </a:lnTo>
                <a:lnTo>
                  <a:pt x="574939" y="1310192"/>
                </a:lnTo>
                <a:lnTo>
                  <a:pt x="574939" y="1310193"/>
                </a:lnTo>
                <a:lnTo>
                  <a:pt x="3011" y="1310193"/>
                </a:lnTo>
                <a:lnTo>
                  <a:pt x="0" y="1307945"/>
                </a:lnTo>
                <a:lnTo>
                  <a:pt x="584151" y="0"/>
                </a:lnTo>
                <a:close/>
              </a:path>
            </a:pathLst>
          </a:custGeom>
        </p:spPr>
      </p:pic>
      <p:pic>
        <p:nvPicPr>
          <p:cNvPr id="6" name="Imagem 5" hidden="1"/>
          <p:cNvPicPr>
            <a:picLocks noChangeAspect="1"/>
          </p:cNvPicPr>
          <p:nvPr userDrawn="1"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4799" t="35857" r="23857"/>
          <a:stretch>
            <a:fillRect/>
          </a:stretch>
        </p:blipFill>
        <p:spPr>
          <a:xfrm>
            <a:off x="6145307" y="2459050"/>
            <a:ext cx="4299707" cy="4398950"/>
          </a:xfrm>
          <a:custGeom>
            <a:avLst/>
            <a:gdLst>
              <a:gd name="connsiteX0" fmla="*/ 2559773 w 3224780"/>
              <a:gd name="connsiteY0" fmla="*/ 0 h 4398950"/>
              <a:gd name="connsiteX1" fmla="*/ 3224780 w 3224780"/>
              <a:gd name="connsiteY1" fmla="*/ 0 h 4398950"/>
              <a:gd name="connsiteX2" fmla="*/ 2450546 w 3224780"/>
              <a:gd name="connsiteY2" fmla="*/ 1733550 h 4398950"/>
              <a:gd name="connsiteX3" fmla="*/ 2458018 w 3224780"/>
              <a:gd name="connsiteY3" fmla="*/ 1733550 h 4398950"/>
              <a:gd name="connsiteX4" fmla="*/ 2038564 w 3224780"/>
              <a:gd name="connsiteY4" fmla="*/ 2672730 h 4398950"/>
              <a:gd name="connsiteX5" fmla="*/ 2047882 w 3224780"/>
              <a:gd name="connsiteY5" fmla="*/ 2679685 h 4398950"/>
              <a:gd name="connsiteX6" fmla="*/ 2540933 w 3224780"/>
              <a:gd name="connsiteY6" fmla="*/ 2679685 h 4398950"/>
              <a:gd name="connsiteX7" fmla="*/ 2540932 w 3224780"/>
              <a:gd name="connsiteY7" fmla="*/ 2679686 h 4398950"/>
              <a:gd name="connsiteX8" fmla="*/ 2035457 w 3224780"/>
              <a:gd name="connsiteY8" fmla="*/ 2679686 h 4398950"/>
              <a:gd name="connsiteX9" fmla="*/ 1267603 w 3224780"/>
              <a:gd name="connsiteY9" fmla="*/ 4398950 h 4398950"/>
              <a:gd name="connsiteX10" fmla="*/ 0 w 3224780"/>
              <a:gd name="connsiteY10" fmla="*/ 4398950 h 4398950"/>
              <a:gd name="connsiteX11" fmla="*/ 770959 w 3224780"/>
              <a:gd name="connsiteY11" fmla="*/ 2672732 h 4398950"/>
              <a:gd name="connsiteX12" fmla="*/ 765355 w 3224780"/>
              <a:gd name="connsiteY12" fmla="*/ 2668549 h 4398950"/>
              <a:gd name="connsiteX13" fmla="*/ 1957176 w 3224780"/>
              <a:gd name="connsiteY13" fmla="*/ 1 h 4398950"/>
              <a:gd name="connsiteX14" fmla="*/ 2559773 w 3224780"/>
              <a:gd name="connsiteY14" fmla="*/ 1 h 4398950"/>
              <a:gd name="connsiteX15" fmla="*/ 2559773 w 3224780"/>
              <a:gd name="connsiteY15" fmla="*/ 0 h 43989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3224780" h="4398950">
                <a:moveTo>
                  <a:pt x="2559773" y="0"/>
                </a:moveTo>
                <a:lnTo>
                  <a:pt x="3224780" y="0"/>
                </a:lnTo>
                <a:lnTo>
                  <a:pt x="2450546" y="1733550"/>
                </a:lnTo>
                <a:lnTo>
                  <a:pt x="2458018" y="1733550"/>
                </a:lnTo>
                <a:lnTo>
                  <a:pt x="2038564" y="2672730"/>
                </a:lnTo>
                <a:lnTo>
                  <a:pt x="2047882" y="2679685"/>
                </a:lnTo>
                <a:lnTo>
                  <a:pt x="2540933" y="2679685"/>
                </a:lnTo>
                <a:lnTo>
                  <a:pt x="2540932" y="2679686"/>
                </a:lnTo>
                <a:lnTo>
                  <a:pt x="2035457" y="2679686"/>
                </a:lnTo>
                <a:lnTo>
                  <a:pt x="1267603" y="4398950"/>
                </a:lnTo>
                <a:lnTo>
                  <a:pt x="0" y="4398950"/>
                </a:lnTo>
                <a:lnTo>
                  <a:pt x="770959" y="2672732"/>
                </a:lnTo>
                <a:lnTo>
                  <a:pt x="765355" y="2668549"/>
                </a:lnTo>
                <a:lnTo>
                  <a:pt x="1957176" y="1"/>
                </a:lnTo>
                <a:lnTo>
                  <a:pt x="2559773" y="1"/>
                </a:lnTo>
                <a:lnTo>
                  <a:pt x="2559773" y="0"/>
                </a:lnTo>
                <a:close/>
              </a:path>
            </a:pathLst>
          </a:custGeom>
        </p:spPr>
      </p:pic>
      <p:pic>
        <p:nvPicPr>
          <p:cNvPr id="7" name="Imagem 6" hidden="1"/>
          <p:cNvPicPr>
            <a:picLocks noChangeAspect="1"/>
          </p:cNvPicPr>
          <p:nvPr userDrawn="1"/>
        </p:nvPicPr>
        <p:blipFill>
          <a:blip r:embed="rId6" cstate="print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4785" t="100000" r="37956" b="-208"/>
          <a:stretch>
            <a:fillRect/>
          </a:stretch>
        </p:blipFill>
        <p:spPr>
          <a:xfrm>
            <a:off x="6143431" y="6858002"/>
            <a:ext cx="2367437" cy="14287"/>
          </a:xfrm>
          <a:custGeom>
            <a:avLst/>
            <a:gdLst>
              <a:gd name="connsiteX0" fmla="*/ 1407 w 1775578"/>
              <a:gd name="connsiteY0" fmla="*/ 0 h 14287"/>
              <a:gd name="connsiteX1" fmla="*/ 1269010 w 1775578"/>
              <a:gd name="connsiteY1" fmla="*/ 0 h 14287"/>
              <a:gd name="connsiteX2" fmla="*/ 1267604 w 1775578"/>
              <a:gd name="connsiteY2" fmla="*/ 3147 h 14287"/>
              <a:gd name="connsiteX3" fmla="*/ 1282527 w 1775578"/>
              <a:gd name="connsiteY3" fmla="*/ 14285 h 14287"/>
              <a:gd name="connsiteX4" fmla="*/ 1775578 w 1775578"/>
              <a:gd name="connsiteY4" fmla="*/ 14285 h 14287"/>
              <a:gd name="connsiteX5" fmla="*/ 1775577 w 1775578"/>
              <a:gd name="connsiteY5" fmla="*/ 14286 h 14287"/>
              <a:gd name="connsiteX6" fmla="*/ 1172981 w 1775578"/>
              <a:gd name="connsiteY6" fmla="*/ 14286 h 14287"/>
              <a:gd name="connsiteX7" fmla="*/ 1172981 w 1775578"/>
              <a:gd name="connsiteY7" fmla="*/ 14287 h 14287"/>
              <a:gd name="connsiteX8" fmla="*/ 14922 w 1775578"/>
              <a:gd name="connsiteY8" fmla="*/ 14287 h 14287"/>
              <a:gd name="connsiteX9" fmla="*/ 0 w 1775578"/>
              <a:gd name="connsiteY9" fmla="*/ 3149 h 14287"/>
              <a:gd name="connsiteX10" fmla="*/ 1407 w 1775578"/>
              <a:gd name="connsiteY10" fmla="*/ 0 h 142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1775578" h="14287">
                <a:moveTo>
                  <a:pt x="1407" y="0"/>
                </a:moveTo>
                <a:lnTo>
                  <a:pt x="1269010" y="0"/>
                </a:lnTo>
                <a:lnTo>
                  <a:pt x="1267604" y="3147"/>
                </a:lnTo>
                <a:lnTo>
                  <a:pt x="1282527" y="14285"/>
                </a:lnTo>
                <a:lnTo>
                  <a:pt x="1775578" y="14285"/>
                </a:lnTo>
                <a:lnTo>
                  <a:pt x="1775577" y="14286"/>
                </a:lnTo>
                <a:lnTo>
                  <a:pt x="1172981" y="14286"/>
                </a:lnTo>
                <a:lnTo>
                  <a:pt x="1172981" y="14287"/>
                </a:lnTo>
                <a:lnTo>
                  <a:pt x="14922" y="14287"/>
                </a:lnTo>
                <a:lnTo>
                  <a:pt x="0" y="3149"/>
                </a:lnTo>
                <a:lnTo>
                  <a:pt x="1407" y="0"/>
                </a:lnTo>
                <a:close/>
              </a:path>
            </a:pathLst>
          </a:custGeom>
        </p:spPr>
      </p:pic>
      <p:pic>
        <p:nvPicPr>
          <p:cNvPr id="2" name="Imagem 1"/>
          <p:cNvPicPr>
            <a:picLocks noChangeAspect="1"/>
          </p:cNvPicPr>
          <p:nvPr userDrawn="1"/>
        </p:nvPicPr>
        <p:blipFill>
          <a:blip r:embed="rId8" cstate="print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3570515" y="-467768"/>
            <a:ext cx="15762515" cy="7880374"/>
          </a:xfrm>
          <a:prstGeom prst="rect">
            <a:avLst/>
          </a:prstGeom>
        </p:spPr>
      </p:pic>
      <p:sp>
        <p:nvSpPr>
          <p:cNvPr id="8" name="Forma Livre 7"/>
          <p:cNvSpPr/>
          <p:nvPr userDrawn="1"/>
        </p:nvSpPr>
        <p:spPr>
          <a:xfrm rot="5400000" flipH="1">
            <a:off x="1638870" y="-1638872"/>
            <a:ext cx="6858001" cy="10135739"/>
          </a:xfrm>
          <a:custGeom>
            <a:avLst/>
            <a:gdLst>
              <a:gd name="connsiteX0" fmla="*/ 6858001 w 6858001"/>
              <a:gd name="connsiteY0" fmla="*/ 3001958 h 7601804"/>
              <a:gd name="connsiteX1" fmla="*/ 6858001 w 6858001"/>
              <a:gd name="connsiteY1" fmla="*/ 38191 h 7601804"/>
              <a:gd name="connsiteX2" fmla="*/ 6829497 w 6858001"/>
              <a:gd name="connsiteY2" fmla="*/ 0 h 7601804"/>
              <a:gd name="connsiteX3" fmla="*/ 1 w 6858001"/>
              <a:gd name="connsiteY3" fmla="*/ 3050175 h 7601804"/>
              <a:gd name="connsiteX4" fmla="*/ 1 w 6858001"/>
              <a:gd name="connsiteY4" fmla="*/ 4592372 h 7601804"/>
              <a:gd name="connsiteX5" fmla="*/ 0 w 6858001"/>
              <a:gd name="connsiteY5" fmla="*/ 4592372 h 7601804"/>
              <a:gd name="connsiteX6" fmla="*/ 0 w 6858001"/>
              <a:gd name="connsiteY6" fmla="*/ 7586040 h 7601804"/>
              <a:gd name="connsiteX7" fmla="*/ 11766 w 6858001"/>
              <a:gd name="connsiteY7" fmla="*/ 7601804 h 7601804"/>
              <a:gd name="connsiteX8" fmla="*/ 6858000 w 6858001"/>
              <a:gd name="connsiteY8" fmla="*/ 4544155 h 7601804"/>
              <a:gd name="connsiteX9" fmla="*/ 6858000 w 6858001"/>
              <a:gd name="connsiteY9" fmla="*/ 3001958 h 760180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858001" h="7601804">
                <a:moveTo>
                  <a:pt x="6858001" y="3001958"/>
                </a:moveTo>
                <a:lnTo>
                  <a:pt x="6858001" y="38191"/>
                </a:lnTo>
                <a:lnTo>
                  <a:pt x="6829497" y="0"/>
                </a:lnTo>
                <a:lnTo>
                  <a:pt x="1" y="3050175"/>
                </a:lnTo>
                <a:lnTo>
                  <a:pt x="1" y="4592372"/>
                </a:lnTo>
                <a:lnTo>
                  <a:pt x="0" y="4592372"/>
                </a:lnTo>
                <a:lnTo>
                  <a:pt x="0" y="7586040"/>
                </a:lnTo>
                <a:lnTo>
                  <a:pt x="11766" y="7601804"/>
                </a:lnTo>
                <a:lnTo>
                  <a:pt x="6858000" y="4544155"/>
                </a:lnTo>
                <a:lnTo>
                  <a:pt x="6858000" y="3001958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9" name="Forma Livre 8"/>
          <p:cNvSpPr/>
          <p:nvPr userDrawn="1"/>
        </p:nvSpPr>
        <p:spPr>
          <a:xfrm rot="5400000" flipH="1">
            <a:off x="899682" y="-310749"/>
            <a:ext cx="1310193" cy="1936392"/>
          </a:xfrm>
          <a:custGeom>
            <a:avLst/>
            <a:gdLst>
              <a:gd name="connsiteX0" fmla="*/ 6858001 w 6858001"/>
              <a:gd name="connsiteY0" fmla="*/ 3001958 h 7601804"/>
              <a:gd name="connsiteX1" fmla="*/ 6858001 w 6858001"/>
              <a:gd name="connsiteY1" fmla="*/ 38191 h 7601804"/>
              <a:gd name="connsiteX2" fmla="*/ 6829497 w 6858001"/>
              <a:gd name="connsiteY2" fmla="*/ 0 h 7601804"/>
              <a:gd name="connsiteX3" fmla="*/ 1 w 6858001"/>
              <a:gd name="connsiteY3" fmla="*/ 3050175 h 7601804"/>
              <a:gd name="connsiteX4" fmla="*/ 1 w 6858001"/>
              <a:gd name="connsiteY4" fmla="*/ 4592372 h 7601804"/>
              <a:gd name="connsiteX5" fmla="*/ 0 w 6858001"/>
              <a:gd name="connsiteY5" fmla="*/ 4592372 h 7601804"/>
              <a:gd name="connsiteX6" fmla="*/ 0 w 6858001"/>
              <a:gd name="connsiteY6" fmla="*/ 7586040 h 7601804"/>
              <a:gd name="connsiteX7" fmla="*/ 11766 w 6858001"/>
              <a:gd name="connsiteY7" fmla="*/ 7601804 h 7601804"/>
              <a:gd name="connsiteX8" fmla="*/ 6858000 w 6858001"/>
              <a:gd name="connsiteY8" fmla="*/ 4544155 h 7601804"/>
              <a:gd name="connsiteX9" fmla="*/ 6858000 w 6858001"/>
              <a:gd name="connsiteY9" fmla="*/ 3001958 h 760180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858001" h="7601804">
                <a:moveTo>
                  <a:pt x="6858001" y="3001958"/>
                </a:moveTo>
                <a:lnTo>
                  <a:pt x="6858001" y="38191"/>
                </a:lnTo>
                <a:lnTo>
                  <a:pt x="6829497" y="0"/>
                </a:lnTo>
                <a:lnTo>
                  <a:pt x="1" y="3050175"/>
                </a:lnTo>
                <a:lnTo>
                  <a:pt x="1" y="4592372"/>
                </a:lnTo>
                <a:lnTo>
                  <a:pt x="0" y="4592372"/>
                </a:lnTo>
                <a:lnTo>
                  <a:pt x="0" y="7586040"/>
                </a:lnTo>
                <a:lnTo>
                  <a:pt x="11766" y="7601804"/>
                </a:lnTo>
                <a:lnTo>
                  <a:pt x="6858000" y="4544155"/>
                </a:lnTo>
                <a:lnTo>
                  <a:pt x="6858000" y="3001958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0" name="Forma Livre 9"/>
          <p:cNvSpPr/>
          <p:nvPr userDrawn="1"/>
        </p:nvSpPr>
        <p:spPr>
          <a:xfrm rot="5400000" flipH="1">
            <a:off x="407858" y="-173701"/>
            <a:ext cx="3429004" cy="3776397"/>
          </a:xfrm>
          <a:custGeom>
            <a:avLst/>
            <a:gdLst>
              <a:gd name="connsiteX0" fmla="*/ 3429004 w 3429004"/>
              <a:gd name="connsiteY0" fmla="*/ 1110837 h 2832298"/>
              <a:gd name="connsiteX1" fmla="*/ 3429004 w 3429004"/>
              <a:gd name="connsiteY1" fmla="*/ 855075 h 2832298"/>
              <a:gd name="connsiteX2" fmla="*/ 3429004 w 3429004"/>
              <a:gd name="connsiteY2" fmla="*/ 10878 h 2832298"/>
              <a:gd name="connsiteX3" fmla="*/ 3420885 w 3429004"/>
              <a:gd name="connsiteY3" fmla="*/ 0 h 2832298"/>
              <a:gd name="connsiteX4" fmla="*/ 1475578 w 3429004"/>
              <a:gd name="connsiteY4" fmla="*/ 868809 h 2832298"/>
              <a:gd name="connsiteX5" fmla="*/ 1475578 w 3429004"/>
              <a:gd name="connsiteY5" fmla="*/ 881284 h 2832298"/>
              <a:gd name="connsiteX6" fmla="*/ 0 w 3429004"/>
              <a:gd name="connsiteY6" fmla="*/ 1540304 h 2832298"/>
              <a:gd name="connsiteX7" fmla="*/ 0 w 3429004"/>
              <a:gd name="connsiteY7" fmla="*/ 1979581 h 2832298"/>
              <a:gd name="connsiteX8" fmla="*/ 0 w 3429004"/>
              <a:gd name="connsiteY8" fmla="*/ 2832295 h 2832298"/>
              <a:gd name="connsiteX9" fmla="*/ 2 w 3429004"/>
              <a:gd name="connsiteY9" fmla="*/ 2832298 h 2832298"/>
              <a:gd name="connsiteX10" fmla="*/ 2 w 3429004"/>
              <a:gd name="connsiteY10" fmla="*/ 2640266 h 2832298"/>
              <a:gd name="connsiteX11" fmla="*/ 1475580 w 3429004"/>
              <a:gd name="connsiteY11" fmla="*/ 1981246 h 2832298"/>
              <a:gd name="connsiteX12" fmla="*/ 1475580 w 3429004"/>
              <a:gd name="connsiteY12" fmla="*/ 1968771 h 2832298"/>
              <a:gd name="connsiteX13" fmla="*/ 3420887 w 3429004"/>
              <a:gd name="connsiteY13" fmla="*/ 1099962 h 283229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3429004" h="2832298">
                <a:moveTo>
                  <a:pt x="3429004" y="1110837"/>
                </a:moveTo>
                <a:lnTo>
                  <a:pt x="3429004" y="855075"/>
                </a:lnTo>
                <a:lnTo>
                  <a:pt x="3429004" y="10878"/>
                </a:lnTo>
                <a:lnTo>
                  <a:pt x="3420885" y="0"/>
                </a:lnTo>
                <a:lnTo>
                  <a:pt x="1475578" y="868809"/>
                </a:lnTo>
                <a:lnTo>
                  <a:pt x="1475578" y="881284"/>
                </a:lnTo>
                <a:lnTo>
                  <a:pt x="0" y="1540304"/>
                </a:lnTo>
                <a:lnTo>
                  <a:pt x="0" y="1979581"/>
                </a:lnTo>
                <a:lnTo>
                  <a:pt x="0" y="2832295"/>
                </a:lnTo>
                <a:lnTo>
                  <a:pt x="2" y="2832298"/>
                </a:lnTo>
                <a:lnTo>
                  <a:pt x="2" y="2640266"/>
                </a:lnTo>
                <a:lnTo>
                  <a:pt x="1475580" y="1981246"/>
                </a:lnTo>
                <a:lnTo>
                  <a:pt x="1475580" y="1968771"/>
                </a:lnTo>
                <a:lnTo>
                  <a:pt x="3420887" y="1099962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1" name="Forma Livre 10"/>
          <p:cNvSpPr/>
          <p:nvPr userDrawn="1"/>
        </p:nvSpPr>
        <p:spPr>
          <a:xfrm rot="16200000" flipH="1">
            <a:off x="6087604" y="2514878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2" name="Forma Livre 11">
            <a:extLst>
              <a:ext uri="{FF2B5EF4-FFF2-40B4-BE49-F238E27FC236}">
                <a16:creationId xmlns:a16="http://schemas.microsoft.com/office/drawing/2014/main" id="{561EB39D-C660-47E4-AE3B-9BF43FC82B93}"/>
              </a:ext>
            </a:extLst>
          </p:cNvPr>
          <p:cNvSpPr/>
          <p:nvPr userDrawn="1"/>
        </p:nvSpPr>
        <p:spPr>
          <a:xfrm rot="16200000" flipH="1">
            <a:off x="122311" y="3270259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692536">
              <a:alpha val="62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3" name="Conector reto 12">
            <a:extLst>
              <a:ext uri="{FF2B5EF4-FFF2-40B4-BE49-F238E27FC236}">
                <a16:creationId xmlns:a16="http://schemas.microsoft.com/office/drawing/2014/main" id="{313E7E56-DE4D-44A3-BAAF-E12A7A7CC8CF}"/>
              </a:ext>
            </a:extLst>
          </p:cNvPr>
          <p:cNvCxnSpPr>
            <a:cxnSpLocks/>
          </p:cNvCxnSpPr>
          <p:nvPr userDrawn="1"/>
        </p:nvCxnSpPr>
        <p:spPr>
          <a:xfrm>
            <a:off x="-147722" y="930062"/>
            <a:ext cx="3054131" cy="2290598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ctor reto 13">
            <a:extLst>
              <a:ext uri="{FF2B5EF4-FFF2-40B4-BE49-F238E27FC236}">
                <a16:creationId xmlns:a16="http://schemas.microsoft.com/office/drawing/2014/main" id="{29C822FF-0EEE-45CD-80F4-B0CD57EB4834}"/>
              </a:ext>
            </a:extLst>
          </p:cNvPr>
          <p:cNvCxnSpPr>
            <a:cxnSpLocks/>
          </p:cNvCxnSpPr>
          <p:nvPr userDrawn="1"/>
        </p:nvCxnSpPr>
        <p:spPr>
          <a:xfrm flipV="1">
            <a:off x="-166830" y="3214431"/>
            <a:ext cx="3054131" cy="2290598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Conector reto 14">
            <a:extLst>
              <a:ext uri="{FF2B5EF4-FFF2-40B4-BE49-F238E27FC236}">
                <a16:creationId xmlns:a16="http://schemas.microsoft.com/office/drawing/2014/main" id="{EF98F423-65B9-4567-B5F9-9A138E10DCAA}"/>
              </a:ext>
            </a:extLst>
          </p:cNvPr>
          <p:cNvCxnSpPr>
            <a:cxnSpLocks/>
          </p:cNvCxnSpPr>
          <p:nvPr userDrawn="1"/>
        </p:nvCxnSpPr>
        <p:spPr>
          <a:xfrm>
            <a:off x="103455" y="-263482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Conector reto 15">
            <a:extLst>
              <a:ext uri="{FF2B5EF4-FFF2-40B4-BE49-F238E27FC236}">
                <a16:creationId xmlns:a16="http://schemas.microsoft.com/office/drawing/2014/main" id="{387F8B5F-55E7-49A5-B2BE-311FCA3C62D4}"/>
              </a:ext>
            </a:extLst>
          </p:cNvPr>
          <p:cNvCxnSpPr>
            <a:cxnSpLocks/>
          </p:cNvCxnSpPr>
          <p:nvPr userDrawn="1"/>
        </p:nvCxnSpPr>
        <p:spPr>
          <a:xfrm flipV="1">
            <a:off x="-682497" y="3214432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Conector reto 16">
            <a:extLst>
              <a:ext uri="{FF2B5EF4-FFF2-40B4-BE49-F238E27FC236}">
                <a16:creationId xmlns:a16="http://schemas.microsoft.com/office/drawing/2014/main" id="{313E7E56-DE4D-44A3-BAAF-E12A7A7CC8CF}"/>
              </a:ext>
            </a:extLst>
          </p:cNvPr>
          <p:cNvCxnSpPr>
            <a:cxnSpLocks/>
          </p:cNvCxnSpPr>
          <p:nvPr userDrawn="1"/>
        </p:nvCxnSpPr>
        <p:spPr>
          <a:xfrm>
            <a:off x="-327299" y="930062"/>
            <a:ext cx="3054131" cy="2290598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Conector reto 17">
            <a:extLst>
              <a:ext uri="{FF2B5EF4-FFF2-40B4-BE49-F238E27FC236}">
                <a16:creationId xmlns:a16="http://schemas.microsoft.com/office/drawing/2014/main" id="{29C822FF-0EEE-45CD-80F4-B0CD57EB4834}"/>
              </a:ext>
            </a:extLst>
          </p:cNvPr>
          <p:cNvCxnSpPr>
            <a:cxnSpLocks/>
          </p:cNvCxnSpPr>
          <p:nvPr userDrawn="1"/>
        </p:nvCxnSpPr>
        <p:spPr>
          <a:xfrm flipV="1">
            <a:off x="-346407" y="3214431"/>
            <a:ext cx="3054131" cy="2290598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Conector reto 18">
            <a:extLst>
              <a:ext uri="{FF2B5EF4-FFF2-40B4-BE49-F238E27FC236}">
                <a16:creationId xmlns:a16="http://schemas.microsoft.com/office/drawing/2014/main" id="{EF98F423-65B9-4567-B5F9-9A138E10DCAA}"/>
              </a:ext>
            </a:extLst>
          </p:cNvPr>
          <p:cNvCxnSpPr>
            <a:cxnSpLocks/>
          </p:cNvCxnSpPr>
          <p:nvPr userDrawn="1"/>
        </p:nvCxnSpPr>
        <p:spPr>
          <a:xfrm>
            <a:off x="-628576" y="-263482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Conector reto 19">
            <a:extLst>
              <a:ext uri="{FF2B5EF4-FFF2-40B4-BE49-F238E27FC236}">
                <a16:creationId xmlns:a16="http://schemas.microsoft.com/office/drawing/2014/main" id="{387F8B5F-55E7-49A5-B2BE-311FCA3C62D4}"/>
              </a:ext>
            </a:extLst>
          </p:cNvPr>
          <p:cNvCxnSpPr>
            <a:cxnSpLocks/>
          </p:cNvCxnSpPr>
          <p:nvPr userDrawn="1"/>
        </p:nvCxnSpPr>
        <p:spPr>
          <a:xfrm flipV="1">
            <a:off x="-1414528" y="3214432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Forma Livre 11">
            <a:extLst>
              <a:ext uri="{FF2B5EF4-FFF2-40B4-BE49-F238E27FC236}">
                <a16:creationId xmlns:a16="http://schemas.microsoft.com/office/drawing/2014/main" id="{B19ACFC7-5D97-4C99-9F6E-F3031811558C}"/>
              </a:ext>
            </a:extLst>
          </p:cNvPr>
          <p:cNvSpPr/>
          <p:nvPr userDrawn="1"/>
        </p:nvSpPr>
        <p:spPr>
          <a:xfrm rot="16200000" flipH="1">
            <a:off x="6260332" y="-935551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692536">
              <a:alpha val="62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22" name="Conector reto 21">
            <a:extLst>
              <a:ext uri="{FF2B5EF4-FFF2-40B4-BE49-F238E27FC236}">
                <a16:creationId xmlns:a16="http://schemas.microsoft.com/office/drawing/2014/main" id="{12C2394D-A888-4EC1-9323-929DE0044164}"/>
              </a:ext>
            </a:extLst>
          </p:cNvPr>
          <p:cNvCxnSpPr/>
          <p:nvPr userDrawn="1"/>
        </p:nvCxnSpPr>
        <p:spPr>
          <a:xfrm flipH="1">
            <a:off x="8292954" y="-3129156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Conector reto 22">
            <a:extLst>
              <a:ext uri="{FF2B5EF4-FFF2-40B4-BE49-F238E27FC236}">
                <a16:creationId xmlns:a16="http://schemas.microsoft.com/office/drawing/2014/main" id="{B7DAB975-07AB-4FCF-BD19-C7970B99D4FB}"/>
              </a:ext>
            </a:extLst>
          </p:cNvPr>
          <p:cNvCxnSpPr/>
          <p:nvPr userDrawn="1"/>
        </p:nvCxnSpPr>
        <p:spPr>
          <a:xfrm flipH="1">
            <a:off x="7194814" y="-839252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Forma Livre 23"/>
          <p:cNvSpPr/>
          <p:nvPr userDrawn="1"/>
        </p:nvSpPr>
        <p:spPr>
          <a:xfrm rot="16200000" flipH="1">
            <a:off x="6504470" y="4742152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 dirty="0"/>
          </a:p>
        </p:txBody>
      </p:sp>
      <p:sp>
        <p:nvSpPr>
          <p:cNvPr id="25" name="Forma Livre 24"/>
          <p:cNvSpPr/>
          <p:nvPr userDrawn="1"/>
        </p:nvSpPr>
        <p:spPr>
          <a:xfrm rot="16200000" flipH="1">
            <a:off x="8851320" y="3730120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364361841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3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0243 0.00185 L 0.23663 0.00185 " pathEditMode="relative" rAng="0" ptsTypes="AA">
                                      <p:cBhvr>
                                        <p:cTn id="6" dur="4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1701" y="0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10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1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3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1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6" dur="1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2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5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8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1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4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7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0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9" grpId="0" animBg="1"/>
      <p:bldP spid="10" grpId="0" animBg="1"/>
      <p:bldP spid="11" grpId="0" animBg="1"/>
      <p:bldP spid="12" grpId="0" animBg="1"/>
      <p:bldP spid="21" grpId="0" animBg="1"/>
      <p:bldP spid="24" grpId="0" animBg="1"/>
      <p:bldP spid="25" grpId="0" animBg="1"/>
    </p:bldLst>
  </p:timing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8" name="Imagem 27">
            <a:extLst>
              <a:ext uri="{FF2B5EF4-FFF2-40B4-BE49-F238E27FC236}">
                <a16:creationId xmlns:a16="http://schemas.microsoft.com/office/drawing/2014/main" id="{765E6624-4ADA-4EF3-B271-67464D5CBDBA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0142" r="13494" b="885"/>
          <a:stretch>
            <a:fillRect/>
          </a:stretch>
        </p:blipFill>
        <p:spPr>
          <a:xfrm>
            <a:off x="9125083" y="-54492"/>
            <a:ext cx="9289919" cy="6940590"/>
          </a:xfrm>
          <a:custGeom>
            <a:avLst/>
            <a:gdLst>
              <a:gd name="connsiteX0" fmla="*/ 20472 w 6967439"/>
              <a:gd name="connsiteY0" fmla="*/ 0 h 6940590"/>
              <a:gd name="connsiteX1" fmla="*/ 2312199 w 6967439"/>
              <a:gd name="connsiteY1" fmla="*/ 0 h 6940590"/>
              <a:gd name="connsiteX2" fmla="*/ 2312199 w 6967439"/>
              <a:gd name="connsiteY2" fmla="*/ 1 h 6940590"/>
              <a:gd name="connsiteX3" fmla="*/ 3872967 w 6967439"/>
              <a:gd name="connsiteY3" fmla="*/ 1 h 6940590"/>
              <a:gd name="connsiteX4" fmla="*/ 6967439 w 6967439"/>
              <a:gd name="connsiteY4" fmla="*/ 6928683 h 6940590"/>
              <a:gd name="connsiteX5" fmla="*/ 6951485 w 6967439"/>
              <a:gd name="connsiteY5" fmla="*/ 6940590 h 6940590"/>
              <a:gd name="connsiteX6" fmla="*/ 3921765 w 6967439"/>
              <a:gd name="connsiteY6" fmla="*/ 6940590 h 6940590"/>
              <a:gd name="connsiteX7" fmla="*/ 3921765 w 6967439"/>
              <a:gd name="connsiteY7" fmla="*/ 6940589 h 6940590"/>
              <a:gd name="connsiteX8" fmla="*/ 3080936 w 6967439"/>
              <a:gd name="connsiteY8" fmla="*/ 6940589 h 6940590"/>
              <a:gd name="connsiteX9" fmla="*/ 1906962 w 6967439"/>
              <a:gd name="connsiteY9" fmla="*/ 4312001 h 6940590"/>
              <a:gd name="connsiteX10" fmla="*/ 1918993 w 6967439"/>
              <a:gd name="connsiteY10" fmla="*/ 4312001 h 6940590"/>
              <a:gd name="connsiteX11" fmla="*/ 1243616 w 6967439"/>
              <a:gd name="connsiteY11" fmla="*/ 2799794 h 6940590"/>
              <a:gd name="connsiteX12" fmla="*/ 1258619 w 6967439"/>
              <a:gd name="connsiteY12" fmla="*/ 2788596 h 6940590"/>
              <a:gd name="connsiteX13" fmla="*/ 2052498 w 6967439"/>
              <a:gd name="connsiteY13" fmla="*/ 2788596 h 6940590"/>
              <a:gd name="connsiteX14" fmla="*/ 2052496 w 6967439"/>
              <a:gd name="connsiteY14" fmla="*/ 2788594 h 6940590"/>
              <a:gd name="connsiteX15" fmla="*/ 1238613 w 6967439"/>
              <a:gd name="connsiteY15" fmla="*/ 2788594 h 6940590"/>
              <a:gd name="connsiteX16" fmla="*/ 0 w 6967439"/>
              <a:gd name="connsiteY16" fmla="*/ 15280 h 694059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6967439" h="6940590">
                <a:moveTo>
                  <a:pt x="20472" y="0"/>
                </a:moveTo>
                <a:lnTo>
                  <a:pt x="2312199" y="0"/>
                </a:lnTo>
                <a:lnTo>
                  <a:pt x="2312199" y="1"/>
                </a:lnTo>
                <a:lnTo>
                  <a:pt x="3872967" y="1"/>
                </a:lnTo>
                <a:lnTo>
                  <a:pt x="6967439" y="6928683"/>
                </a:lnTo>
                <a:lnTo>
                  <a:pt x="6951485" y="6940590"/>
                </a:lnTo>
                <a:lnTo>
                  <a:pt x="3921765" y="6940590"/>
                </a:lnTo>
                <a:lnTo>
                  <a:pt x="3921765" y="6940589"/>
                </a:lnTo>
                <a:lnTo>
                  <a:pt x="3080936" y="6940589"/>
                </a:lnTo>
                <a:lnTo>
                  <a:pt x="1906962" y="4312001"/>
                </a:lnTo>
                <a:lnTo>
                  <a:pt x="1918993" y="4312001"/>
                </a:lnTo>
                <a:lnTo>
                  <a:pt x="1243616" y="2799794"/>
                </a:lnTo>
                <a:lnTo>
                  <a:pt x="1258619" y="2788596"/>
                </a:lnTo>
                <a:lnTo>
                  <a:pt x="2052498" y="2788596"/>
                </a:lnTo>
                <a:lnTo>
                  <a:pt x="2052496" y="2788594"/>
                </a:lnTo>
                <a:lnTo>
                  <a:pt x="1238613" y="2788594"/>
                </a:lnTo>
                <a:lnTo>
                  <a:pt x="0" y="15280"/>
                </a:lnTo>
                <a:close/>
              </a:path>
            </a:pathLst>
          </a:custGeom>
          <a:noFill/>
          <a:effectLst/>
        </p:spPr>
      </p:pic>
      <p:pic>
        <p:nvPicPr>
          <p:cNvPr id="8" name="Imagem 7">
            <a:extLst>
              <a:ext uri="{FF2B5EF4-FFF2-40B4-BE49-F238E27FC236}">
                <a16:creationId xmlns:a16="http://schemas.microsoft.com/office/drawing/2014/main" id="{9EE0EC8A-48F1-44D0-9CA4-BC21AB4AC65B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7596" t="74328" r="78375"/>
          <a:stretch>
            <a:fillRect/>
          </a:stretch>
        </p:blipFill>
        <p:spPr>
          <a:xfrm>
            <a:off x="-1625879" y="4212630"/>
            <a:ext cx="4093161" cy="1798861"/>
          </a:xfrm>
          <a:custGeom>
            <a:avLst/>
            <a:gdLst>
              <a:gd name="connsiteX0" fmla="*/ 798043 w 3069871"/>
              <a:gd name="connsiteY0" fmla="*/ 0 h 1798861"/>
              <a:gd name="connsiteX1" fmla="*/ 798043 w 3069871"/>
              <a:gd name="connsiteY1" fmla="*/ 1798860 h 1798861"/>
              <a:gd name="connsiteX2" fmla="*/ 3069871 w 3069871"/>
              <a:gd name="connsiteY2" fmla="*/ 1798860 h 1798861"/>
              <a:gd name="connsiteX3" fmla="*/ 3069870 w 3069871"/>
              <a:gd name="connsiteY3" fmla="*/ 1798861 h 1798861"/>
              <a:gd name="connsiteX4" fmla="*/ 16081 w 3069871"/>
              <a:gd name="connsiteY4" fmla="*/ 1798861 h 1798861"/>
              <a:gd name="connsiteX5" fmla="*/ 0 w 3069871"/>
              <a:gd name="connsiteY5" fmla="*/ 1786859 h 1798861"/>
              <a:gd name="connsiteX6" fmla="*/ 798043 w 3069871"/>
              <a:gd name="connsiteY6" fmla="*/ 0 h 179886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3069871" h="1798861">
                <a:moveTo>
                  <a:pt x="798043" y="0"/>
                </a:moveTo>
                <a:lnTo>
                  <a:pt x="798043" y="1798860"/>
                </a:lnTo>
                <a:lnTo>
                  <a:pt x="3069871" y="1798860"/>
                </a:lnTo>
                <a:lnTo>
                  <a:pt x="3069870" y="1798861"/>
                </a:lnTo>
                <a:lnTo>
                  <a:pt x="16081" y="1798861"/>
                </a:lnTo>
                <a:lnTo>
                  <a:pt x="0" y="1786859"/>
                </a:lnTo>
                <a:lnTo>
                  <a:pt x="798043" y="0"/>
                </a:lnTo>
                <a:close/>
              </a:path>
            </a:pathLst>
          </a:custGeom>
          <a:noFill/>
          <a:effectLst/>
        </p:spPr>
      </p:pic>
      <p:grpSp>
        <p:nvGrpSpPr>
          <p:cNvPr id="16" name="Agrupar 15"/>
          <p:cNvGrpSpPr/>
          <p:nvPr userDrawn="1"/>
        </p:nvGrpSpPr>
        <p:grpSpPr>
          <a:xfrm>
            <a:off x="1540041" y="-1481046"/>
            <a:ext cx="576000" cy="206032"/>
            <a:chOff x="0" y="394463"/>
            <a:chExt cx="576000" cy="206032"/>
          </a:xfrm>
        </p:grpSpPr>
        <p:sp>
          <p:nvSpPr>
            <p:cNvPr id="17" name="Rectangle 6">
              <a:hlinkClick r:id="" action="ppaction://noaction"/>
            </p:cNvPr>
            <p:cNvSpPr/>
            <p:nvPr/>
          </p:nvSpPr>
          <p:spPr bwMode="auto">
            <a:xfrm>
              <a:off x="0" y="394463"/>
              <a:ext cx="576000" cy="206032"/>
            </a:xfrm>
            <a:prstGeom prst="rect">
              <a:avLst/>
            </a:prstGeom>
            <a:solidFill>
              <a:srgbClr val="560015"/>
            </a:solidFill>
            <a:ln w="6350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non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 defTabSz="736997" fontAlgn="base">
                <a:spcBef>
                  <a:spcPct val="0"/>
                </a:spcBef>
                <a:spcAft>
                  <a:spcPct val="0"/>
                </a:spcAft>
              </a:pPr>
              <a:endParaRPr lang="en-US" sz="1125" b="1">
                <a:solidFill>
                  <a:srgbClr val="900711"/>
                </a:solidFill>
                <a:cs typeface="Arial" charset="0"/>
              </a:endParaRPr>
            </a:p>
          </p:txBody>
        </p:sp>
        <p:sp>
          <p:nvSpPr>
            <p:cNvPr id="18" name="Triângulo isósceles 17">
              <a:hlinkClick r:id="" action="ppaction://noaction"/>
            </p:cNvPr>
            <p:cNvSpPr/>
            <p:nvPr/>
          </p:nvSpPr>
          <p:spPr>
            <a:xfrm rot="16200000">
              <a:off x="401985" y="447494"/>
              <a:ext cx="142521" cy="108000"/>
            </a:xfrm>
            <a:prstGeom prst="triangl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 sz="1350"/>
            </a:p>
          </p:txBody>
        </p:sp>
      </p:grpSp>
      <p:sp>
        <p:nvSpPr>
          <p:cNvPr id="9" name="Forma Livre 8"/>
          <p:cNvSpPr/>
          <p:nvPr userDrawn="1"/>
        </p:nvSpPr>
        <p:spPr>
          <a:xfrm rot="5400000">
            <a:off x="11048525" y="2230362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0" name="Forma Livre 9"/>
          <p:cNvSpPr/>
          <p:nvPr userDrawn="1"/>
        </p:nvSpPr>
        <p:spPr>
          <a:xfrm rot="5400000">
            <a:off x="7436560" y="-2347913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20000">
                <a:srgbClr val="560015"/>
              </a:gs>
              <a:gs pos="100000">
                <a:srgbClr val="800522">
                  <a:alpha val="2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5" name="Forma Livre 14"/>
          <p:cNvSpPr/>
          <p:nvPr userDrawn="1"/>
        </p:nvSpPr>
        <p:spPr>
          <a:xfrm rot="16200000">
            <a:off x="6923065" y="2420980"/>
            <a:ext cx="6413203" cy="6250949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08305B"/>
              </a:gs>
              <a:gs pos="100000">
                <a:srgbClr val="08305B">
                  <a:alpha val="12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1" name="Conector reto 10"/>
          <p:cNvCxnSpPr/>
          <p:nvPr userDrawn="1"/>
        </p:nvCxnSpPr>
        <p:spPr>
          <a:xfrm rot="60000">
            <a:off x="9218455" y="-649993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Conector reto 23"/>
          <p:cNvCxnSpPr/>
          <p:nvPr userDrawn="1"/>
        </p:nvCxnSpPr>
        <p:spPr>
          <a:xfrm rot="60000">
            <a:off x="9072707" y="4196612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Espaço Reservado para Texto 2">
            <a:extLst>
              <a:ext uri="{FF2B5EF4-FFF2-40B4-BE49-F238E27FC236}">
                <a16:creationId xmlns:a16="http://schemas.microsoft.com/office/drawing/2014/main" id="{0A2A81C7-BAD4-45EB-9A73-5C17A21BB429}"/>
              </a:ext>
            </a:extLst>
          </p:cNvPr>
          <p:cNvSpPr txBox="1">
            <a:spLocks/>
          </p:cNvSpPr>
          <p:nvPr userDrawn="1"/>
        </p:nvSpPr>
        <p:spPr>
          <a:xfrm>
            <a:off x="390971" y="231940"/>
            <a:ext cx="8475604" cy="354098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  <p:sp>
        <p:nvSpPr>
          <p:cNvPr id="30" name="Forma Livre: Forma 19">
            <a:extLst>
              <a:ext uri="{FF2B5EF4-FFF2-40B4-BE49-F238E27FC236}">
                <a16:creationId xmlns:a16="http://schemas.microsoft.com/office/drawing/2014/main" id="{80A35F35-2A62-4BE6-8BEA-ECFCADA3D4AB}"/>
              </a:ext>
            </a:extLst>
          </p:cNvPr>
          <p:cNvSpPr/>
          <p:nvPr userDrawn="1"/>
        </p:nvSpPr>
        <p:spPr>
          <a:xfrm rot="9370970" flipH="1">
            <a:off x="5686721" y="-461245"/>
            <a:ext cx="4038600" cy="1695405"/>
          </a:xfrm>
          <a:custGeom>
            <a:avLst/>
            <a:gdLst>
              <a:gd name="connsiteX0" fmla="*/ 0 w 3028950"/>
              <a:gd name="connsiteY0" fmla="*/ 1695405 h 1695405"/>
              <a:gd name="connsiteX1" fmla="*/ 1935271 w 3028950"/>
              <a:gd name="connsiteY1" fmla="*/ 831078 h 1695405"/>
              <a:gd name="connsiteX2" fmla="*/ 1935271 w 3028950"/>
              <a:gd name="connsiteY2" fmla="*/ 484661 h 1695405"/>
              <a:gd name="connsiteX3" fmla="*/ 3017384 w 3028950"/>
              <a:gd name="connsiteY3" fmla="*/ 1370 h 1695405"/>
              <a:gd name="connsiteX4" fmla="*/ 3016361 w 3028950"/>
              <a:gd name="connsiteY4" fmla="*/ 0 h 1695405"/>
              <a:gd name="connsiteX5" fmla="*/ 0 w 3028950"/>
              <a:gd name="connsiteY5" fmla="*/ 1347161 h 1695405"/>
              <a:gd name="connsiteX6" fmla="*/ 3028950 w 3028950"/>
              <a:gd name="connsiteY6" fmla="*/ 365111 h 1695405"/>
              <a:gd name="connsiteX7" fmla="*/ 3028950 w 3028950"/>
              <a:gd name="connsiteY7" fmla="*/ 344449 h 1695405"/>
              <a:gd name="connsiteX8" fmla="*/ 3017384 w 3028950"/>
              <a:gd name="connsiteY8" fmla="*/ 349614 h 16954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3028950" h="1695405">
                <a:moveTo>
                  <a:pt x="0" y="1695405"/>
                </a:moveTo>
                <a:lnTo>
                  <a:pt x="1935271" y="831078"/>
                </a:lnTo>
                <a:lnTo>
                  <a:pt x="1935271" y="484661"/>
                </a:lnTo>
                <a:lnTo>
                  <a:pt x="3017384" y="1370"/>
                </a:lnTo>
                <a:lnTo>
                  <a:pt x="3016361" y="0"/>
                </a:lnTo>
                <a:lnTo>
                  <a:pt x="0" y="1347161"/>
                </a:lnTo>
                <a:close/>
                <a:moveTo>
                  <a:pt x="3028950" y="365111"/>
                </a:moveTo>
                <a:lnTo>
                  <a:pt x="3028950" y="344449"/>
                </a:lnTo>
                <a:lnTo>
                  <a:pt x="3017384" y="349614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31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899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8085352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1.85185E-6 L -0.25 1.85185E-6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2500" y="0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9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22" presetClass="entr" presetSubtype="1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2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22" presetClass="entr" presetSubtype="1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5" dur="1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4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4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1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10" grpId="0" animBg="1"/>
      <p:bldP spid="15" grpId="0" animBg="1"/>
    </p:bldLst>
  </p:timing>
  <p:extLst mod="1">
    <p:ext uri="{DCECCB84-F9BA-43D5-87BE-67443E8EF086}">
      <p15:sldGuideLst xmlns:p15="http://schemas.microsoft.com/office/powerpoint/2012/main">
        <p15:guide id="1" pos="3477">
          <p15:clr>
            <a:srgbClr val="FBAE40"/>
          </p15:clr>
        </p15:guide>
      </p15:sldGuideLst>
    </p:ext>
  </p:extLst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UL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9253" r="2537"/>
          <a:stretch/>
        </p:blipFill>
        <p:spPr>
          <a:xfrm>
            <a:off x="-1481581" y="-41729"/>
            <a:ext cx="14156181" cy="6932935"/>
          </a:xfrm>
          <a:prstGeom prst="rect">
            <a:avLst/>
          </a:prstGeom>
        </p:spPr>
      </p:pic>
      <p:sp>
        <p:nvSpPr>
          <p:cNvPr id="8" name="Forma Livre 7"/>
          <p:cNvSpPr/>
          <p:nvPr userDrawn="1"/>
        </p:nvSpPr>
        <p:spPr>
          <a:xfrm rot="16200000" flipH="1">
            <a:off x="5358122" y="-5348380"/>
            <a:ext cx="9047778" cy="13436140"/>
          </a:xfrm>
          <a:custGeom>
            <a:avLst/>
            <a:gdLst>
              <a:gd name="connsiteX0" fmla="*/ 6858001 w 6858001"/>
              <a:gd name="connsiteY0" fmla="*/ 3001958 h 7601804"/>
              <a:gd name="connsiteX1" fmla="*/ 6858001 w 6858001"/>
              <a:gd name="connsiteY1" fmla="*/ 38191 h 7601804"/>
              <a:gd name="connsiteX2" fmla="*/ 6829497 w 6858001"/>
              <a:gd name="connsiteY2" fmla="*/ 0 h 7601804"/>
              <a:gd name="connsiteX3" fmla="*/ 1 w 6858001"/>
              <a:gd name="connsiteY3" fmla="*/ 3050175 h 7601804"/>
              <a:gd name="connsiteX4" fmla="*/ 1 w 6858001"/>
              <a:gd name="connsiteY4" fmla="*/ 4592372 h 7601804"/>
              <a:gd name="connsiteX5" fmla="*/ 0 w 6858001"/>
              <a:gd name="connsiteY5" fmla="*/ 4592372 h 7601804"/>
              <a:gd name="connsiteX6" fmla="*/ 0 w 6858001"/>
              <a:gd name="connsiteY6" fmla="*/ 7586040 h 7601804"/>
              <a:gd name="connsiteX7" fmla="*/ 11766 w 6858001"/>
              <a:gd name="connsiteY7" fmla="*/ 7601804 h 7601804"/>
              <a:gd name="connsiteX8" fmla="*/ 6858000 w 6858001"/>
              <a:gd name="connsiteY8" fmla="*/ 4544155 h 7601804"/>
              <a:gd name="connsiteX9" fmla="*/ 6858000 w 6858001"/>
              <a:gd name="connsiteY9" fmla="*/ 3001958 h 760180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858001" h="7601804">
                <a:moveTo>
                  <a:pt x="6858001" y="3001958"/>
                </a:moveTo>
                <a:lnTo>
                  <a:pt x="6858001" y="38191"/>
                </a:lnTo>
                <a:lnTo>
                  <a:pt x="6829497" y="0"/>
                </a:lnTo>
                <a:lnTo>
                  <a:pt x="1" y="3050175"/>
                </a:lnTo>
                <a:lnTo>
                  <a:pt x="1" y="4592372"/>
                </a:lnTo>
                <a:lnTo>
                  <a:pt x="0" y="4592372"/>
                </a:lnTo>
                <a:lnTo>
                  <a:pt x="0" y="7586040"/>
                </a:lnTo>
                <a:lnTo>
                  <a:pt x="11766" y="7601804"/>
                </a:lnTo>
                <a:lnTo>
                  <a:pt x="6858000" y="4544155"/>
                </a:lnTo>
                <a:lnTo>
                  <a:pt x="6858000" y="3001958"/>
                </a:lnTo>
                <a:close/>
              </a:path>
            </a:pathLst>
          </a:custGeom>
          <a:solidFill>
            <a:srgbClr val="560015">
              <a:alpha val="76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4" name="Forma Livre: Forma 30">
            <a:extLst>
              <a:ext uri="{FF2B5EF4-FFF2-40B4-BE49-F238E27FC236}">
                <a16:creationId xmlns:a16="http://schemas.microsoft.com/office/drawing/2014/main" id="{00E34261-626B-493A-9949-9ADC0FAC8161}"/>
              </a:ext>
            </a:extLst>
          </p:cNvPr>
          <p:cNvSpPr/>
          <p:nvPr userDrawn="1"/>
        </p:nvSpPr>
        <p:spPr>
          <a:xfrm rot="9409278">
            <a:off x="-3277292" y="-1806190"/>
            <a:ext cx="8533688" cy="8888799"/>
          </a:xfrm>
          <a:custGeom>
            <a:avLst/>
            <a:gdLst>
              <a:gd name="connsiteX0" fmla="*/ 3261638 w 6400266"/>
              <a:gd name="connsiteY0" fmla="*/ 8827974 h 8888799"/>
              <a:gd name="connsiteX1" fmla="*/ 22448 w 6400266"/>
              <a:gd name="connsiteY1" fmla="*/ 5283779 h 8888799"/>
              <a:gd name="connsiteX2" fmla="*/ 23155 w 6400266"/>
              <a:gd name="connsiteY2" fmla="*/ 5283132 h 8888799"/>
              <a:gd name="connsiteX3" fmla="*/ 0 w 6400266"/>
              <a:gd name="connsiteY3" fmla="*/ 5259978 h 8888799"/>
              <a:gd name="connsiteX4" fmla="*/ 25327 w 6400266"/>
              <a:gd name="connsiteY4" fmla="*/ 5234651 h 8888799"/>
              <a:gd name="connsiteX5" fmla="*/ 24687 w 6400266"/>
              <a:gd name="connsiteY5" fmla="*/ 5233951 h 8888799"/>
              <a:gd name="connsiteX6" fmla="*/ 3587549 w 6400266"/>
              <a:gd name="connsiteY6" fmla="*/ 1977700 h 8888799"/>
              <a:gd name="connsiteX7" fmla="*/ 3592701 w 6400266"/>
              <a:gd name="connsiteY7" fmla="*/ 1977932 h 8888799"/>
              <a:gd name="connsiteX8" fmla="*/ 5756878 w 6400266"/>
              <a:gd name="connsiteY8" fmla="*/ 0 h 8888799"/>
              <a:gd name="connsiteX9" fmla="*/ 6400266 w 6400266"/>
              <a:gd name="connsiteY9" fmla="*/ 703969 h 8888799"/>
              <a:gd name="connsiteX10" fmla="*/ 4940060 w 6400266"/>
              <a:gd name="connsiteY10" fmla="*/ 2038514 h 8888799"/>
              <a:gd name="connsiteX11" fmla="*/ 4940331 w 6400266"/>
              <a:gd name="connsiteY11" fmla="*/ 2038526 h 8888799"/>
              <a:gd name="connsiteX12" fmla="*/ 1351436 w 6400266"/>
              <a:gd name="connsiteY12" fmla="*/ 5318570 h 8888799"/>
              <a:gd name="connsiteX13" fmla="*/ 4614419 w 6400266"/>
              <a:gd name="connsiteY13" fmla="*/ 8888799 h 88887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6400266" h="8888799">
                <a:moveTo>
                  <a:pt x="3261638" y="8827974"/>
                </a:moveTo>
                <a:lnTo>
                  <a:pt x="22448" y="5283779"/>
                </a:lnTo>
                <a:lnTo>
                  <a:pt x="23155" y="5283132"/>
                </a:lnTo>
                <a:lnTo>
                  <a:pt x="0" y="5259978"/>
                </a:lnTo>
                <a:lnTo>
                  <a:pt x="25327" y="5234651"/>
                </a:lnTo>
                <a:lnTo>
                  <a:pt x="24687" y="5233951"/>
                </a:lnTo>
                <a:lnTo>
                  <a:pt x="3587549" y="1977700"/>
                </a:lnTo>
                <a:lnTo>
                  <a:pt x="3592701" y="1977932"/>
                </a:lnTo>
                <a:lnTo>
                  <a:pt x="5756878" y="0"/>
                </a:lnTo>
                <a:lnTo>
                  <a:pt x="6400266" y="703969"/>
                </a:lnTo>
                <a:lnTo>
                  <a:pt x="4940060" y="2038514"/>
                </a:lnTo>
                <a:lnTo>
                  <a:pt x="4940331" y="2038526"/>
                </a:lnTo>
                <a:lnTo>
                  <a:pt x="1351436" y="5318570"/>
                </a:lnTo>
                <a:lnTo>
                  <a:pt x="4614419" y="8888799"/>
                </a:lnTo>
                <a:close/>
              </a:path>
            </a:pathLst>
          </a:custGeom>
          <a:solidFill>
            <a:srgbClr val="B59E7F">
              <a:alpha val="5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9" name="Conector reto 8">
            <a:extLst>
              <a:ext uri="{FF2B5EF4-FFF2-40B4-BE49-F238E27FC236}">
                <a16:creationId xmlns:a16="http://schemas.microsoft.com/office/drawing/2014/main" id="{AF9B39CB-E7FE-45B0-A6B8-2BF7AA817EFD}"/>
              </a:ext>
            </a:extLst>
          </p:cNvPr>
          <p:cNvCxnSpPr>
            <a:cxnSpLocks/>
          </p:cNvCxnSpPr>
          <p:nvPr userDrawn="1"/>
        </p:nvCxnSpPr>
        <p:spPr>
          <a:xfrm rot="20363747">
            <a:off x="-2148183" y="-1811106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Conector reto 9">
            <a:extLst>
              <a:ext uri="{FF2B5EF4-FFF2-40B4-BE49-F238E27FC236}">
                <a16:creationId xmlns:a16="http://schemas.microsoft.com/office/drawing/2014/main" id="{28DA6C41-9021-40A9-9D51-42E23BF0C685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171390" y="737180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ector reto 10">
            <a:extLst>
              <a:ext uri="{FF2B5EF4-FFF2-40B4-BE49-F238E27FC236}">
                <a16:creationId xmlns:a16="http://schemas.microsoft.com/office/drawing/2014/main" id="{AF9B39CB-E7FE-45B0-A6B8-2BF7AA817EFD}"/>
              </a:ext>
            </a:extLst>
          </p:cNvPr>
          <p:cNvCxnSpPr>
            <a:cxnSpLocks/>
          </p:cNvCxnSpPr>
          <p:nvPr userDrawn="1"/>
        </p:nvCxnSpPr>
        <p:spPr>
          <a:xfrm rot="20363747">
            <a:off x="-403639" y="-1663236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ector reto 11">
            <a:extLst>
              <a:ext uri="{FF2B5EF4-FFF2-40B4-BE49-F238E27FC236}">
                <a16:creationId xmlns:a16="http://schemas.microsoft.com/office/drawing/2014/main" id="{28DA6C41-9021-40A9-9D51-42E23BF0C685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1087497" y="1516622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Conector reto 12"/>
          <p:cNvCxnSpPr/>
          <p:nvPr userDrawn="1"/>
        </p:nvCxnSpPr>
        <p:spPr>
          <a:xfrm flipH="1">
            <a:off x="10979978" y="186525"/>
            <a:ext cx="3203444" cy="5322777"/>
          </a:xfrm>
          <a:prstGeom prst="line">
            <a:avLst/>
          </a:prstGeom>
          <a:ln w="63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Conector reto 14">
            <a:extLst>
              <a:ext uri="{FF2B5EF4-FFF2-40B4-BE49-F238E27FC236}">
                <a16:creationId xmlns:a16="http://schemas.microsoft.com/office/drawing/2014/main" id="{28DA6C41-9021-40A9-9D51-42E23BF0C685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2902392" y="3057572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86170269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3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6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DIC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Imagem 7">
            <a:extLst>
              <a:ext uri="{FF2B5EF4-FFF2-40B4-BE49-F238E27FC236}">
                <a16:creationId xmlns:a16="http://schemas.microsoft.com/office/drawing/2014/main" id="{9EE0EC8A-48F1-44D0-9CA4-BC21AB4AC65B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2142" r="14382"/>
          <a:stretch>
            <a:fillRect/>
          </a:stretch>
        </p:blipFill>
        <p:spPr>
          <a:xfrm>
            <a:off x="4234989" y="0"/>
            <a:ext cx="8727028" cy="6877690"/>
          </a:xfrm>
          <a:custGeom>
            <a:avLst/>
            <a:gdLst>
              <a:gd name="connsiteX0" fmla="*/ 3071699 w 6545271"/>
              <a:gd name="connsiteY0" fmla="*/ 0 h 6877690"/>
              <a:gd name="connsiteX1" fmla="*/ 6545271 w 6545271"/>
              <a:gd name="connsiteY1" fmla="*/ 0 h 6877690"/>
              <a:gd name="connsiteX2" fmla="*/ 3425146 w 6545271"/>
              <a:gd name="connsiteY2" fmla="*/ 6877690 h 6877690"/>
              <a:gd name="connsiteX3" fmla="*/ 0 w 6545271"/>
              <a:gd name="connsiteY3" fmla="*/ 6877690 h 687769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6545271" h="6877690">
                <a:moveTo>
                  <a:pt x="3071699" y="0"/>
                </a:moveTo>
                <a:lnTo>
                  <a:pt x="6545271" y="0"/>
                </a:lnTo>
                <a:lnTo>
                  <a:pt x="3425146" y="6877690"/>
                </a:lnTo>
                <a:lnTo>
                  <a:pt x="0" y="6877690"/>
                </a:lnTo>
                <a:close/>
              </a:path>
            </a:pathLst>
          </a:custGeom>
          <a:noFill/>
          <a:effectLst/>
        </p:spPr>
      </p:pic>
      <p:sp>
        <p:nvSpPr>
          <p:cNvPr id="9" name="Forma Livre 8"/>
          <p:cNvSpPr/>
          <p:nvPr userDrawn="1"/>
        </p:nvSpPr>
        <p:spPr>
          <a:xfrm rot="16200000" flipH="1">
            <a:off x="8226874" y="2531475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787878">
              <a:alpha val="48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0" name="Forma Livre 9"/>
          <p:cNvSpPr/>
          <p:nvPr userDrawn="1"/>
        </p:nvSpPr>
        <p:spPr>
          <a:xfrm rot="16200000" flipH="1">
            <a:off x="9042543" y="324856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08305B">
              <a:alpha val="64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1" name="Conector reto 10"/>
          <p:cNvCxnSpPr/>
          <p:nvPr userDrawn="1"/>
        </p:nvCxnSpPr>
        <p:spPr>
          <a:xfrm flipH="1">
            <a:off x="8282699" y="1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ector reto 11"/>
          <p:cNvCxnSpPr/>
          <p:nvPr userDrawn="1"/>
        </p:nvCxnSpPr>
        <p:spPr>
          <a:xfrm flipH="1">
            <a:off x="7184559" y="2289905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1316709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Imagem 13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32789" r="9544"/>
          <a:stretch/>
        </p:blipFill>
        <p:spPr>
          <a:xfrm>
            <a:off x="-5186758" y="-74935"/>
            <a:ext cx="9254561" cy="6932935"/>
          </a:xfrm>
          <a:custGeom>
            <a:avLst/>
            <a:gdLst>
              <a:gd name="connsiteX0" fmla="*/ 3119257 w 6940921"/>
              <a:gd name="connsiteY0" fmla="*/ 0 h 6932935"/>
              <a:gd name="connsiteX1" fmla="*/ 6940921 w 6940921"/>
              <a:gd name="connsiteY1" fmla="*/ 0 h 6932935"/>
              <a:gd name="connsiteX2" fmla="*/ 6940920 w 6940921"/>
              <a:gd name="connsiteY2" fmla="*/ 2 h 6932935"/>
              <a:gd name="connsiteX3" fmla="*/ 6512818 w 6940921"/>
              <a:gd name="connsiteY3" fmla="*/ 2 h 6932935"/>
              <a:gd name="connsiteX4" fmla="*/ 4522212 w 6940921"/>
              <a:gd name="connsiteY4" fmla="*/ 4457070 h 6932935"/>
              <a:gd name="connsiteX5" fmla="*/ 4531572 w 6940921"/>
              <a:gd name="connsiteY5" fmla="*/ 4464056 h 6932935"/>
              <a:gd name="connsiteX6" fmla="*/ 3428927 w 6940921"/>
              <a:gd name="connsiteY6" fmla="*/ 6932935 h 6932935"/>
              <a:gd name="connsiteX7" fmla="*/ 0 w 6940921"/>
              <a:gd name="connsiteY7" fmla="*/ 6932935 h 69329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6940921" h="6932935">
                <a:moveTo>
                  <a:pt x="3119257" y="0"/>
                </a:moveTo>
                <a:lnTo>
                  <a:pt x="6940921" y="0"/>
                </a:lnTo>
                <a:lnTo>
                  <a:pt x="6940920" y="2"/>
                </a:lnTo>
                <a:lnTo>
                  <a:pt x="6512818" y="2"/>
                </a:lnTo>
                <a:lnTo>
                  <a:pt x="4522212" y="4457070"/>
                </a:lnTo>
                <a:lnTo>
                  <a:pt x="4531572" y="4464056"/>
                </a:lnTo>
                <a:lnTo>
                  <a:pt x="3428927" y="6932935"/>
                </a:lnTo>
                <a:lnTo>
                  <a:pt x="0" y="6932935"/>
                </a:lnTo>
                <a:close/>
              </a:path>
            </a:pathLst>
          </a:custGeom>
        </p:spPr>
      </p:pic>
      <p:pic>
        <p:nvPicPr>
          <p:cNvPr id="8" name="Imagem 7">
            <a:extLst>
              <a:ext uri="{FF2B5EF4-FFF2-40B4-BE49-F238E27FC236}">
                <a16:creationId xmlns:a16="http://schemas.microsoft.com/office/drawing/2014/main" id="{9EE0EC8A-48F1-44D0-9CA4-BC21AB4AC65B}"/>
              </a:ext>
            </a:extLst>
          </p:cNvPr>
          <p:cNvPicPr>
            <a:picLocks noChangeAspect="1"/>
          </p:cNvPicPr>
          <p:nvPr userDrawn="1"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7596" t="74328" r="78375"/>
          <a:stretch>
            <a:fillRect/>
          </a:stretch>
        </p:blipFill>
        <p:spPr>
          <a:xfrm>
            <a:off x="-1625879" y="4212630"/>
            <a:ext cx="4093161" cy="1798861"/>
          </a:xfrm>
          <a:custGeom>
            <a:avLst/>
            <a:gdLst>
              <a:gd name="connsiteX0" fmla="*/ 798043 w 3069871"/>
              <a:gd name="connsiteY0" fmla="*/ 0 h 1798861"/>
              <a:gd name="connsiteX1" fmla="*/ 798043 w 3069871"/>
              <a:gd name="connsiteY1" fmla="*/ 1798860 h 1798861"/>
              <a:gd name="connsiteX2" fmla="*/ 3069871 w 3069871"/>
              <a:gd name="connsiteY2" fmla="*/ 1798860 h 1798861"/>
              <a:gd name="connsiteX3" fmla="*/ 3069870 w 3069871"/>
              <a:gd name="connsiteY3" fmla="*/ 1798861 h 1798861"/>
              <a:gd name="connsiteX4" fmla="*/ 16081 w 3069871"/>
              <a:gd name="connsiteY4" fmla="*/ 1798861 h 1798861"/>
              <a:gd name="connsiteX5" fmla="*/ 0 w 3069871"/>
              <a:gd name="connsiteY5" fmla="*/ 1786859 h 1798861"/>
              <a:gd name="connsiteX6" fmla="*/ 798043 w 3069871"/>
              <a:gd name="connsiteY6" fmla="*/ 0 h 179886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3069871" h="1798861">
                <a:moveTo>
                  <a:pt x="798043" y="0"/>
                </a:moveTo>
                <a:lnTo>
                  <a:pt x="798043" y="1798860"/>
                </a:lnTo>
                <a:lnTo>
                  <a:pt x="3069871" y="1798860"/>
                </a:lnTo>
                <a:lnTo>
                  <a:pt x="3069870" y="1798861"/>
                </a:lnTo>
                <a:lnTo>
                  <a:pt x="16081" y="1798861"/>
                </a:lnTo>
                <a:lnTo>
                  <a:pt x="0" y="1786859"/>
                </a:lnTo>
                <a:lnTo>
                  <a:pt x="798043" y="0"/>
                </a:lnTo>
                <a:close/>
              </a:path>
            </a:pathLst>
          </a:custGeom>
          <a:noFill/>
          <a:effectLst/>
        </p:spPr>
      </p:pic>
      <p:sp>
        <p:nvSpPr>
          <p:cNvPr id="9" name="Forma Livre 8"/>
          <p:cNvSpPr/>
          <p:nvPr userDrawn="1"/>
        </p:nvSpPr>
        <p:spPr>
          <a:xfrm rot="16200000" flipH="1">
            <a:off x="-1721645" y="2593388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787878">
              <a:alpha val="6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0" name="Forma Livre 9"/>
          <p:cNvSpPr/>
          <p:nvPr userDrawn="1"/>
        </p:nvSpPr>
        <p:spPr>
          <a:xfrm rot="16200000" flipH="1">
            <a:off x="-585053" y="-1336132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20000">
                <a:srgbClr val="560015"/>
              </a:gs>
              <a:gs pos="100000">
                <a:srgbClr val="800522">
                  <a:alpha val="2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5" name="Forma Livre 14"/>
          <p:cNvSpPr/>
          <p:nvPr userDrawn="1"/>
        </p:nvSpPr>
        <p:spPr>
          <a:xfrm rot="5400000" flipH="1">
            <a:off x="1418047" y="-1009543"/>
            <a:ext cx="6413203" cy="6250949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1" name="Conector reto 10"/>
          <p:cNvCxnSpPr/>
          <p:nvPr userDrawn="1"/>
        </p:nvCxnSpPr>
        <p:spPr>
          <a:xfrm flipH="1">
            <a:off x="1651865" y="17863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ector reto 11"/>
          <p:cNvCxnSpPr/>
          <p:nvPr userDrawn="1"/>
        </p:nvCxnSpPr>
        <p:spPr>
          <a:xfrm flipH="1">
            <a:off x="883925" y="2307767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Espaço Reservado para Texto 2">
            <a:extLst>
              <a:ext uri="{FF2B5EF4-FFF2-40B4-BE49-F238E27FC236}">
                <a16:creationId xmlns:a16="http://schemas.microsoft.com/office/drawing/2014/main" id="{0A2A81C7-BAD4-45EB-9A73-5C17A21BB429}"/>
              </a:ext>
            </a:extLst>
          </p:cNvPr>
          <p:cNvSpPr txBox="1">
            <a:spLocks/>
          </p:cNvSpPr>
          <p:nvPr userDrawn="1"/>
        </p:nvSpPr>
        <p:spPr>
          <a:xfrm>
            <a:off x="390971" y="231940"/>
            <a:ext cx="8475604" cy="354098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  <p:sp>
        <p:nvSpPr>
          <p:cNvPr id="16" name="Forma Livre: Forma 19">
            <a:extLst>
              <a:ext uri="{FF2B5EF4-FFF2-40B4-BE49-F238E27FC236}">
                <a16:creationId xmlns:a16="http://schemas.microsoft.com/office/drawing/2014/main" id="{80A35F35-2A62-4BE6-8BEA-ECFCADA3D4AB}"/>
              </a:ext>
            </a:extLst>
          </p:cNvPr>
          <p:cNvSpPr/>
          <p:nvPr userDrawn="1"/>
        </p:nvSpPr>
        <p:spPr>
          <a:xfrm rot="9370970" flipH="1">
            <a:off x="5718805" y="-461245"/>
            <a:ext cx="4038600" cy="1695405"/>
          </a:xfrm>
          <a:custGeom>
            <a:avLst/>
            <a:gdLst>
              <a:gd name="connsiteX0" fmla="*/ 0 w 3028950"/>
              <a:gd name="connsiteY0" fmla="*/ 1695405 h 1695405"/>
              <a:gd name="connsiteX1" fmla="*/ 1935271 w 3028950"/>
              <a:gd name="connsiteY1" fmla="*/ 831078 h 1695405"/>
              <a:gd name="connsiteX2" fmla="*/ 1935271 w 3028950"/>
              <a:gd name="connsiteY2" fmla="*/ 484661 h 1695405"/>
              <a:gd name="connsiteX3" fmla="*/ 3017384 w 3028950"/>
              <a:gd name="connsiteY3" fmla="*/ 1370 h 1695405"/>
              <a:gd name="connsiteX4" fmla="*/ 3016361 w 3028950"/>
              <a:gd name="connsiteY4" fmla="*/ 0 h 1695405"/>
              <a:gd name="connsiteX5" fmla="*/ 0 w 3028950"/>
              <a:gd name="connsiteY5" fmla="*/ 1347161 h 1695405"/>
              <a:gd name="connsiteX6" fmla="*/ 3028950 w 3028950"/>
              <a:gd name="connsiteY6" fmla="*/ 365111 h 1695405"/>
              <a:gd name="connsiteX7" fmla="*/ 3028950 w 3028950"/>
              <a:gd name="connsiteY7" fmla="*/ 344449 h 1695405"/>
              <a:gd name="connsiteX8" fmla="*/ 3017384 w 3028950"/>
              <a:gd name="connsiteY8" fmla="*/ 349614 h 16954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3028950" h="1695405">
                <a:moveTo>
                  <a:pt x="0" y="1695405"/>
                </a:moveTo>
                <a:lnTo>
                  <a:pt x="1935271" y="831078"/>
                </a:lnTo>
                <a:lnTo>
                  <a:pt x="1935271" y="484661"/>
                </a:lnTo>
                <a:lnTo>
                  <a:pt x="3017384" y="1370"/>
                </a:lnTo>
                <a:lnTo>
                  <a:pt x="3016361" y="0"/>
                </a:lnTo>
                <a:lnTo>
                  <a:pt x="0" y="1347161"/>
                </a:lnTo>
                <a:close/>
                <a:moveTo>
                  <a:pt x="3028950" y="365111"/>
                </a:moveTo>
                <a:lnTo>
                  <a:pt x="3028950" y="344449"/>
                </a:lnTo>
                <a:lnTo>
                  <a:pt x="3017384" y="349614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7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899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8" name="Forma Livre: Forma 19">
            <a:extLst>
              <a:ext uri="{FF2B5EF4-FFF2-40B4-BE49-F238E27FC236}">
                <a16:creationId xmlns:a16="http://schemas.microsoft.com/office/drawing/2014/main" id="{80A35F35-2A62-4BE6-8BEA-ECFCADA3D4AB}"/>
              </a:ext>
            </a:extLst>
          </p:cNvPr>
          <p:cNvSpPr/>
          <p:nvPr userDrawn="1"/>
        </p:nvSpPr>
        <p:spPr>
          <a:xfrm rot="9370970" flipH="1">
            <a:off x="7193871" y="-460800"/>
            <a:ext cx="4038600" cy="1695405"/>
          </a:xfrm>
          <a:custGeom>
            <a:avLst/>
            <a:gdLst>
              <a:gd name="connsiteX0" fmla="*/ 0 w 3028950"/>
              <a:gd name="connsiteY0" fmla="*/ 1695405 h 1695405"/>
              <a:gd name="connsiteX1" fmla="*/ 1935271 w 3028950"/>
              <a:gd name="connsiteY1" fmla="*/ 831078 h 1695405"/>
              <a:gd name="connsiteX2" fmla="*/ 1935271 w 3028950"/>
              <a:gd name="connsiteY2" fmla="*/ 484661 h 1695405"/>
              <a:gd name="connsiteX3" fmla="*/ 3017384 w 3028950"/>
              <a:gd name="connsiteY3" fmla="*/ 1370 h 1695405"/>
              <a:gd name="connsiteX4" fmla="*/ 3016361 w 3028950"/>
              <a:gd name="connsiteY4" fmla="*/ 0 h 1695405"/>
              <a:gd name="connsiteX5" fmla="*/ 0 w 3028950"/>
              <a:gd name="connsiteY5" fmla="*/ 1347161 h 1695405"/>
              <a:gd name="connsiteX6" fmla="*/ 3028950 w 3028950"/>
              <a:gd name="connsiteY6" fmla="*/ 365111 h 1695405"/>
              <a:gd name="connsiteX7" fmla="*/ 3028950 w 3028950"/>
              <a:gd name="connsiteY7" fmla="*/ 344449 h 1695405"/>
              <a:gd name="connsiteX8" fmla="*/ 3017384 w 3028950"/>
              <a:gd name="connsiteY8" fmla="*/ 349614 h 16954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3028950" h="1695405">
                <a:moveTo>
                  <a:pt x="0" y="1695405"/>
                </a:moveTo>
                <a:lnTo>
                  <a:pt x="1935271" y="831078"/>
                </a:lnTo>
                <a:lnTo>
                  <a:pt x="1935271" y="484661"/>
                </a:lnTo>
                <a:lnTo>
                  <a:pt x="3017384" y="1370"/>
                </a:lnTo>
                <a:lnTo>
                  <a:pt x="3016361" y="0"/>
                </a:lnTo>
                <a:lnTo>
                  <a:pt x="0" y="1347161"/>
                </a:lnTo>
                <a:close/>
                <a:moveTo>
                  <a:pt x="3028950" y="365111"/>
                </a:moveTo>
                <a:lnTo>
                  <a:pt x="3028950" y="344449"/>
                </a:lnTo>
                <a:lnTo>
                  <a:pt x="3017384" y="349614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3894991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1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3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63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L 0.25 0 E" pathEditMode="relative" ptsTypes="">
                                      <p:cBhvr>
                                        <p:cTn id="15" dur="2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16" presetID="16" presetClass="entr" presetSubtype="42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Horizontal)">
                                      <p:cBhvr>
                                        <p:cTn id="18" dur="1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6" presetClass="entr" presetSubtype="42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Horizontal)">
                                      <p:cBhvr>
                                        <p:cTn id="21" dur="1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10" grpId="0" animBg="1"/>
      <p:bldP spid="15" grpId="0" animBg="1"/>
    </p:bldLst>
  </p:timing>
  <p:extLst mod="1">
    <p:ext uri="{DCECCB84-F9BA-43D5-87BE-67443E8EF086}">
      <p15:sldGuideLst xmlns:p15="http://schemas.microsoft.com/office/powerpoint/2012/main">
        <p15:guide id="1" orient="horz" pos="2160" userDrawn="1">
          <p15:clr>
            <a:srgbClr val="FBAE40"/>
          </p15:clr>
        </p15:guide>
        <p15:guide id="2" pos="3508" userDrawn="1">
          <p15:clr>
            <a:srgbClr val="FBAE40"/>
          </p15:clr>
        </p15:guide>
      </p15:sldGuideLst>
    </p:ext>
  </p:extLst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Imagem 13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32789" r="9544"/>
          <a:stretch/>
        </p:blipFill>
        <p:spPr>
          <a:xfrm>
            <a:off x="-1935558" y="-74935"/>
            <a:ext cx="9254561" cy="6932935"/>
          </a:xfrm>
          <a:custGeom>
            <a:avLst/>
            <a:gdLst>
              <a:gd name="connsiteX0" fmla="*/ 3119257 w 6940921"/>
              <a:gd name="connsiteY0" fmla="*/ 0 h 6932935"/>
              <a:gd name="connsiteX1" fmla="*/ 6940921 w 6940921"/>
              <a:gd name="connsiteY1" fmla="*/ 0 h 6932935"/>
              <a:gd name="connsiteX2" fmla="*/ 6940920 w 6940921"/>
              <a:gd name="connsiteY2" fmla="*/ 2 h 6932935"/>
              <a:gd name="connsiteX3" fmla="*/ 6512818 w 6940921"/>
              <a:gd name="connsiteY3" fmla="*/ 2 h 6932935"/>
              <a:gd name="connsiteX4" fmla="*/ 4522212 w 6940921"/>
              <a:gd name="connsiteY4" fmla="*/ 4457070 h 6932935"/>
              <a:gd name="connsiteX5" fmla="*/ 4531572 w 6940921"/>
              <a:gd name="connsiteY5" fmla="*/ 4464056 h 6932935"/>
              <a:gd name="connsiteX6" fmla="*/ 3428927 w 6940921"/>
              <a:gd name="connsiteY6" fmla="*/ 6932935 h 6932935"/>
              <a:gd name="connsiteX7" fmla="*/ 0 w 6940921"/>
              <a:gd name="connsiteY7" fmla="*/ 6932935 h 69329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6940921" h="6932935">
                <a:moveTo>
                  <a:pt x="3119257" y="0"/>
                </a:moveTo>
                <a:lnTo>
                  <a:pt x="6940921" y="0"/>
                </a:lnTo>
                <a:lnTo>
                  <a:pt x="6940920" y="2"/>
                </a:lnTo>
                <a:lnTo>
                  <a:pt x="6512818" y="2"/>
                </a:lnTo>
                <a:lnTo>
                  <a:pt x="4522212" y="4457070"/>
                </a:lnTo>
                <a:lnTo>
                  <a:pt x="4531572" y="4464056"/>
                </a:lnTo>
                <a:lnTo>
                  <a:pt x="3428927" y="6932935"/>
                </a:lnTo>
                <a:lnTo>
                  <a:pt x="0" y="6932935"/>
                </a:lnTo>
                <a:close/>
              </a:path>
            </a:pathLst>
          </a:custGeom>
        </p:spPr>
      </p:pic>
      <p:pic>
        <p:nvPicPr>
          <p:cNvPr id="8" name="Imagem 7">
            <a:extLst>
              <a:ext uri="{FF2B5EF4-FFF2-40B4-BE49-F238E27FC236}">
                <a16:creationId xmlns:a16="http://schemas.microsoft.com/office/drawing/2014/main" id="{9EE0EC8A-48F1-44D0-9CA4-BC21AB4AC65B}"/>
              </a:ext>
            </a:extLst>
          </p:cNvPr>
          <p:cNvPicPr>
            <a:picLocks noChangeAspect="1"/>
          </p:cNvPicPr>
          <p:nvPr userDrawn="1"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7596" t="74328" r="78375"/>
          <a:stretch>
            <a:fillRect/>
          </a:stretch>
        </p:blipFill>
        <p:spPr>
          <a:xfrm>
            <a:off x="-1625879" y="4212630"/>
            <a:ext cx="4093161" cy="1798861"/>
          </a:xfrm>
          <a:custGeom>
            <a:avLst/>
            <a:gdLst>
              <a:gd name="connsiteX0" fmla="*/ 798043 w 3069871"/>
              <a:gd name="connsiteY0" fmla="*/ 0 h 1798861"/>
              <a:gd name="connsiteX1" fmla="*/ 798043 w 3069871"/>
              <a:gd name="connsiteY1" fmla="*/ 1798860 h 1798861"/>
              <a:gd name="connsiteX2" fmla="*/ 3069871 w 3069871"/>
              <a:gd name="connsiteY2" fmla="*/ 1798860 h 1798861"/>
              <a:gd name="connsiteX3" fmla="*/ 3069870 w 3069871"/>
              <a:gd name="connsiteY3" fmla="*/ 1798861 h 1798861"/>
              <a:gd name="connsiteX4" fmla="*/ 16081 w 3069871"/>
              <a:gd name="connsiteY4" fmla="*/ 1798861 h 1798861"/>
              <a:gd name="connsiteX5" fmla="*/ 0 w 3069871"/>
              <a:gd name="connsiteY5" fmla="*/ 1786859 h 1798861"/>
              <a:gd name="connsiteX6" fmla="*/ 798043 w 3069871"/>
              <a:gd name="connsiteY6" fmla="*/ 0 h 179886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3069871" h="1798861">
                <a:moveTo>
                  <a:pt x="798043" y="0"/>
                </a:moveTo>
                <a:lnTo>
                  <a:pt x="798043" y="1798860"/>
                </a:lnTo>
                <a:lnTo>
                  <a:pt x="3069871" y="1798860"/>
                </a:lnTo>
                <a:lnTo>
                  <a:pt x="3069870" y="1798861"/>
                </a:lnTo>
                <a:lnTo>
                  <a:pt x="16081" y="1798861"/>
                </a:lnTo>
                <a:lnTo>
                  <a:pt x="0" y="1786859"/>
                </a:lnTo>
                <a:lnTo>
                  <a:pt x="798043" y="0"/>
                </a:lnTo>
                <a:close/>
              </a:path>
            </a:pathLst>
          </a:custGeom>
          <a:noFill/>
          <a:effectLst/>
        </p:spPr>
      </p:pic>
      <p:sp>
        <p:nvSpPr>
          <p:cNvPr id="9" name="Forma Livre 8"/>
          <p:cNvSpPr/>
          <p:nvPr userDrawn="1"/>
        </p:nvSpPr>
        <p:spPr>
          <a:xfrm rot="16200000" flipH="1">
            <a:off x="-1721645" y="2593388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787878">
              <a:alpha val="6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0" name="Forma Livre 9"/>
          <p:cNvSpPr/>
          <p:nvPr userDrawn="1"/>
        </p:nvSpPr>
        <p:spPr>
          <a:xfrm rot="16200000" flipH="1">
            <a:off x="-585053" y="-1336132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20000">
                <a:srgbClr val="560015"/>
              </a:gs>
              <a:gs pos="100000">
                <a:srgbClr val="800522">
                  <a:alpha val="2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5" name="Forma Livre 14"/>
          <p:cNvSpPr/>
          <p:nvPr userDrawn="1"/>
        </p:nvSpPr>
        <p:spPr>
          <a:xfrm rot="5400000" flipH="1">
            <a:off x="1418047" y="-1009543"/>
            <a:ext cx="6413203" cy="6250949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1" name="Conector reto 10"/>
          <p:cNvCxnSpPr/>
          <p:nvPr userDrawn="1"/>
        </p:nvCxnSpPr>
        <p:spPr>
          <a:xfrm flipH="1">
            <a:off x="1651865" y="17863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ector reto 11"/>
          <p:cNvCxnSpPr/>
          <p:nvPr userDrawn="1"/>
        </p:nvCxnSpPr>
        <p:spPr>
          <a:xfrm flipH="1">
            <a:off x="883925" y="2307767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578017423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orient="horz" pos="2160" userDrawn="1">
          <p15:clr>
            <a:srgbClr val="FBAE40"/>
          </p15:clr>
        </p15:guide>
        <p15:guide id="2" pos="3508" userDrawn="1">
          <p15:clr>
            <a:srgbClr val="FBAE40"/>
          </p15:clr>
        </p15:guide>
      </p15:sldGuideLst>
    </p:ext>
  </p:extLst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Imagem 13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32789" r="9544"/>
          <a:stretch/>
        </p:blipFill>
        <p:spPr>
          <a:xfrm>
            <a:off x="-1935558" y="-74935"/>
            <a:ext cx="9254561" cy="6932935"/>
          </a:xfrm>
          <a:custGeom>
            <a:avLst/>
            <a:gdLst>
              <a:gd name="connsiteX0" fmla="*/ 3119257 w 6940921"/>
              <a:gd name="connsiteY0" fmla="*/ 0 h 6932935"/>
              <a:gd name="connsiteX1" fmla="*/ 6940921 w 6940921"/>
              <a:gd name="connsiteY1" fmla="*/ 0 h 6932935"/>
              <a:gd name="connsiteX2" fmla="*/ 6940920 w 6940921"/>
              <a:gd name="connsiteY2" fmla="*/ 2 h 6932935"/>
              <a:gd name="connsiteX3" fmla="*/ 6512818 w 6940921"/>
              <a:gd name="connsiteY3" fmla="*/ 2 h 6932935"/>
              <a:gd name="connsiteX4" fmla="*/ 4522212 w 6940921"/>
              <a:gd name="connsiteY4" fmla="*/ 4457070 h 6932935"/>
              <a:gd name="connsiteX5" fmla="*/ 4531572 w 6940921"/>
              <a:gd name="connsiteY5" fmla="*/ 4464056 h 6932935"/>
              <a:gd name="connsiteX6" fmla="*/ 3428927 w 6940921"/>
              <a:gd name="connsiteY6" fmla="*/ 6932935 h 6932935"/>
              <a:gd name="connsiteX7" fmla="*/ 0 w 6940921"/>
              <a:gd name="connsiteY7" fmla="*/ 6932935 h 69329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6940921" h="6932935">
                <a:moveTo>
                  <a:pt x="3119257" y="0"/>
                </a:moveTo>
                <a:lnTo>
                  <a:pt x="6940921" y="0"/>
                </a:lnTo>
                <a:lnTo>
                  <a:pt x="6940920" y="2"/>
                </a:lnTo>
                <a:lnTo>
                  <a:pt x="6512818" y="2"/>
                </a:lnTo>
                <a:lnTo>
                  <a:pt x="4522212" y="4457070"/>
                </a:lnTo>
                <a:lnTo>
                  <a:pt x="4531572" y="4464056"/>
                </a:lnTo>
                <a:lnTo>
                  <a:pt x="3428927" y="6932935"/>
                </a:lnTo>
                <a:lnTo>
                  <a:pt x="0" y="6932935"/>
                </a:lnTo>
                <a:close/>
              </a:path>
            </a:pathLst>
          </a:custGeom>
        </p:spPr>
      </p:pic>
      <p:pic>
        <p:nvPicPr>
          <p:cNvPr id="8" name="Imagem 7">
            <a:extLst>
              <a:ext uri="{FF2B5EF4-FFF2-40B4-BE49-F238E27FC236}">
                <a16:creationId xmlns:a16="http://schemas.microsoft.com/office/drawing/2014/main" id="{9EE0EC8A-48F1-44D0-9CA4-BC21AB4AC65B}"/>
              </a:ext>
            </a:extLst>
          </p:cNvPr>
          <p:cNvPicPr>
            <a:picLocks noChangeAspect="1"/>
          </p:cNvPicPr>
          <p:nvPr userDrawn="1"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7596" t="74328" r="78375"/>
          <a:stretch>
            <a:fillRect/>
          </a:stretch>
        </p:blipFill>
        <p:spPr>
          <a:xfrm>
            <a:off x="-1625879" y="4212630"/>
            <a:ext cx="4093161" cy="1798861"/>
          </a:xfrm>
          <a:custGeom>
            <a:avLst/>
            <a:gdLst>
              <a:gd name="connsiteX0" fmla="*/ 798043 w 3069871"/>
              <a:gd name="connsiteY0" fmla="*/ 0 h 1798861"/>
              <a:gd name="connsiteX1" fmla="*/ 798043 w 3069871"/>
              <a:gd name="connsiteY1" fmla="*/ 1798860 h 1798861"/>
              <a:gd name="connsiteX2" fmla="*/ 3069871 w 3069871"/>
              <a:gd name="connsiteY2" fmla="*/ 1798860 h 1798861"/>
              <a:gd name="connsiteX3" fmla="*/ 3069870 w 3069871"/>
              <a:gd name="connsiteY3" fmla="*/ 1798861 h 1798861"/>
              <a:gd name="connsiteX4" fmla="*/ 16081 w 3069871"/>
              <a:gd name="connsiteY4" fmla="*/ 1798861 h 1798861"/>
              <a:gd name="connsiteX5" fmla="*/ 0 w 3069871"/>
              <a:gd name="connsiteY5" fmla="*/ 1786859 h 1798861"/>
              <a:gd name="connsiteX6" fmla="*/ 798043 w 3069871"/>
              <a:gd name="connsiteY6" fmla="*/ 0 h 179886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3069871" h="1798861">
                <a:moveTo>
                  <a:pt x="798043" y="0"/>
                </a:moveTo>
                <a:lnTo>
                  <a:pt x="798043" y="1798860"/>
                </a:lnTo>
                <a:lnTo>
                  <a:pt x="3069871" y="1798860"/>
                </a:lnTo>
                <a:lnTo>
                  <a:pt x="3069870" y="1798861"/>
                </a:lnTo>
                <a:lnTo>
                  <a:pt x="16081" y="1798861"/>
                </a:lnTo>
                <a:lnTo>
                  <a:pt x="0" y="1786859"/>
                </a:lnTo>
                <a:lnTo>
                  <a:pt x="798043" y="0"/>
                </a:lnTo>
                <a:close/>
              </a:path>
            </a:pathLst>
          </a:custGeom>
          <a:noFill/>
          <a:effectLst/>
        </p:spPr>
      </p:pic>
      <p:sp>
        <p:nvSpPr>
          <p:cNvPr id="9" name="Forma Livre 8"/>
          <p:cNvSpPr/>
          <p:nvPr userDrawn="1"/>
        </p:nvSpPr>
        <p:spPr>
          <a:xfrm rot="16200000" flipH="1">
            <a:off x="-1721645" y="2593388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787878">
              <a:alpha val="6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0" name="Forma Livre 9"/>
          <p:cNvSpPr/>
          <p:nvPr userDrawn="1"/>
        </p:nvSpPr>
        <p:spPr>
          <a:xfrm rot="16200000" flipH="1">
            <a:off x="-585053" y="-1336132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20000">
                <a:srgbClr val="560015"/>
              </a:gs>
              <a:gs pos="100000">
                <a:srgbClr val="800522">
                  <a:alpha val="2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5" name="Forma Livre 14"/>
          <p:cNvSpPr/>
          <p:nvPr userDrawn="1"/>
        </p:nvSpPr>
        <p:spPr>
          <a:xfrm rot="5400000" flipH="1">
            <a:off x="1418047" y="-1009543"/>
            <a:ext cx="6413203" cy="6250949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1" name="Conector reto 10"/>
          <p:cNvCxnSpPr/>
          <p:nvPr userDrawn="1"/>
        </p:nvCxnSpPr>
        <p:spPr>
          <a:xfrm flipH="1">
            <a:off x="1651865" y="17863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ector reto 11"/>
          <p:cNvCxnSpPr/>
          <p:nvPr userDrawn="1"/>
        </p:nvCxnSpPr>
        <p:spPr>
          <a:xfrm flipH="1">
            <a:off x="883925" y="2307767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1903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21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4269541" y="-669988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2188743519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orient="horz" pos="2160" userDrawn="1">
          <p15:clr>
            <a:srgbClr val="FBAE40"/>
          </p15:clr>
        </p15:guide>
        <p15:guide id="2" pos="3508" userDrawn="1">
          <p15:clr>
            <a:srgbClr val="FBAE40"/>
          </p15:clr>
        </p15:guide>
      </p15:sldGuideLst>
    </p:ext>
  </p:extLst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_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Imagem 13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32789" r="9544"/>
          <a:stretch/>
        </p:blipFill>
        <p:spPr>
          <a:xfrm>
            <a:off x="-1935558" y="-74935"/>
            <a:ext cx="9254561" cy="6932935"/>
          </a:xfrm>
          <a:custGeom>
            <a:avLst/>
            <a:gdLst>
              <a:gd name="connsiteX0" fmla="*/ 3119257 w 6940921"/>
              <a:gd name="connsiteY0" fmla="*/ 0 h 6932935"/>
              <a:gd name="connsiteX1" fmla="*/ 6940921 w 6940921"/>
              <a:gd name="connsiteY1" fmla="*/ 0 h 6932935"/>
              <a:gd name="connsiteX2" fmla="*/ 6940920 w 6940921"/>
              <a:gd name="connsiteY2" fmla="*/ 2 h 6932935"/>
              <a:gd name="connsiteX3" fmla="*/ 6512818 w 6940921"/>
              <a:gd name="connsiteY3" fmla="*/ 2 h 6932935"/>
              <a:gd name="connsiteX4" fmla="*/ 4522212 w 6940921"/>
              <a:gd name="connsiteY4" fmla="*/ 4457070 h 6932935"/>
              <a:gd name="connsiteX5" fmla="*/ 4531572 w 6940921"/>
              <a:gd name="connsiteY5" fmla="*/ 4464056 h 6932935"/>
              <a:gd name="connsiteX6" fmla="*/ 3428927 w 6940921"/>
              <a:gd name="connsiteY6" fmla="*/ 6932935 h 6932935"/>
              <a:gd name="connsiteX7" fmla="*/ 0 w 6940921"/>
              <a:gd name="connsiteY7" fmla="*/ 6932935 h 69329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6940921" h="6932935">
                <a:moveTo>
                  <a:pt x="3119257" y="0"/>
                </a:moveTo>
                <a:lnTo>
                  <a:pt x="6940921" y="0"/>
                </a:lnTo>
                <a:lnTo>
                  <a:pt x="6940920" y="2"/>
                </a:lnTo>
                <a:lnTo>
                  <a:pt x="6512818" y="2"/>
                </a:lnTo>
                <a:lnTo>
                  <a:pt x="4522212" y="4457070"/>
                </a:lnTo>
                <a:lnTo>
                  <a:pt x="4531572" y="4464056"/>
                </a:lnTo>
                <a:lnTo>
                  <a:pt x="3428927" y="6932935"/>
                </a:lnTo>
                <a:lnTo>
                  <a:pt x="0" y="6932935"/>
                </a:lnTo>
                <a:close/>
              </a:path>
            </a:pathLst>
          </a:custGeom>
        </p:spPr>
      </p:pic>
      <p:pic>
        <p:nvPicPr>
          <p:cNvPr id="8" name="Imagem 7">
            <a:extLst>
              <a:ext uri="{FF2B5EF4-FFF2-40B4-BE49-F238E27FC236}">
                <a16:creationId xmlns:a16="http://schemas.microsoft.com/office/drawing/2014/main" id="{9EE0EC8A-48F1-44D0-9CA4-BC21AB4AC65B}"/>
              </a:ext>
            </a:extLst>
          </p:cNvPr>
          <p:cNvPicPr>
            <a:picLocks noChangeAspect="1"/>
          </p:cNvPicPr>
          <p:nvPr userDrawn="1"/>
        </p:nvPicPr>
        <p:blipFill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7596" t="74328" r="78375"/>
          <a:stretch>
            <a:fillRect/>
          </a:stretch>
        </p:blipFill>
        <p:spPr>
          <a:xfrm>
            <a:off x="-1625879" y="4212630"/>
            <a:ext cx="4093161" cy="1798861"/>
          </a:xfrm>
          <a:custGeom>
            <a:avLst/>
            <a:gdLst>
              <a:gd name="connsiteX0" fmla="*/ 798043 w 3069871"/>
              <a:gd name="connsiteY0" fmla="*/ 0 h 1798861"/>
              <a:gd name="connsiteX1" fmla="*/ 798043 w 3069871"/>
              <a:gd name="connsiteY1" fmla="*/ 1798860 h 1798861"/>
              <a:gd name="connsiteX2" fmla="*/ 3069871 w 3069871"/>
              <a:gd name="connsiteY2" fmla="*/ 1798860 h 1798861"/>
              <a:gd name="connsiteX3" fmla="*/ 3069870 w 3069871"/>
              <a:gd name="connsiteY3" fmla="*/ 1798861 h 1798861"/>
              <a:gd name="connsiteX4" fmla="*/ 16081 w 3069871"/>
              <a:gd name="connsiteY4" fmla="*/ 1798861 h 1798861"/>
              <a:gd name="connsiteX5" fmla="*/ 0 w 3069871"/>
              <a:gd name="connsiteY5" fmla="*/ 1786859 h 1798861"/>
              <a:gd name="connsiteX6" fmla="*/ 798043 w 3069871"/>
              <a:gd name="connsiteY6" fmla="*/ 0 h 179886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3069871" h="1798861">
                <a:moveTo>
                  <a:pt x="798043" y="0"/>
                </a:moveTo>
                <a:lnTo>
                  <a:pt x="798043" y="1798860"/>
                </a:lnTo>
                <a:lnTo>
                  <a:pt x="3069871" y="1798860"/>
                </a:lnTo>
                <a:lnTo>
                  <a:pt x="3069870" y="1798861"/>
                </a:lnTo>
                <a:lnTo>
                  <a:pt x="16081" y="1798861"/>
                </a:lnTo>
                <a:lnTo>
                  <a:pt x="0" y="1786859"/>
                </a:lnTo>
                <a:lnTo>
                  <a:pt x="798043" y="0"/>
                </a:lnTo>
                <a:close/>
              </a:path>
            </a:pathLst>
          </a:custGeom>
          <a:noFill/>
          <a:effectLst/>
        </p:spPr>
      </p:pic>
      <p:sp>
        <p:nvSpPr>
          <p:cNvPr id="9" name="Forma Livre 8"/>
          <p:cNvSpPr/>
          <p:nvPr userDrawn="1"/>
        </p:nvSpPr>
        <p:spPr>
          <a:xfrm rot="16200000" flipH="1">
            <a:off x="-1721645" y="2593388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787878">
              <a:alpha val="6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0" name="Forma Livre 9"/>
          <p:cNvSpPr/>
          <p:nvPr userDrawn="1"/>
        </p:nvSpPr>
        <p:spPr>
          <a:xfrm rot="16200000" flipH="1">
            <a:off x="-585053" y="-1336132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20000">
                <a:srgbClr val="560015"/>
              </a:gs>
              <a:gs pos="100000">
                <a:srgbClr val="800522">
                  <a:alpha val="2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5" name="Forma Livre 14"/>
          <p:cNvSpPr/>
          <p:nvPr userDrawn="1"/>
        </p:nvSpPr>
        <p:spPr>
          <a:xfrm rot="5400000" flipH="1">
            <a:off x="1418047" y="-1009543"/>
            <a:ext cx="6413203" cy="6250949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1" name="Conector reto 10"/>
          <p:cNvCxnSpPr/>
          <p:nvPr userDrawn="1"/>
        </p:nvCxnSpPr>
        <p:spPr>
          <a:xfrm flipH="1">
            <a:off x="1651865" y="17863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Conector reto 11"/>
          <p:cNvCxnSpPr/>
          <p:nvPr userDrawn="1"/>
        </p:nvCxnSpPr>
        <p:spPr>
          <a:xfrm flipH="1">
            <a:off x="883925" y="2307767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2989027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6" name="Forma Livre 15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2999544" y="-669988"/>
            <a:ext cx="5374491" cy="2146421"/>
          </a:xfrm>
          <a:custGeom>
            <a:avLst/>
            <a:gdLst>
              <a:gd name="connsiteX0" fmla="*/ 4030868 w 4030868"/>
              <a:gd name="connsiteY0" fmla="*/ 365111 h 2146421"/>
              <a:gd name="connsiteX1" fmla="*/ 4030868 w 4030868"/>
              <a:gd name="connsiteY1" fmla="*/ 345455 h 2146421"/>
              <a:gd name="connsiteX2" fmla="*/ 4019865 w 4030868"/>
              <a:gd name="connsiteY2" fmla="*/ 350369 h 2146421"/>
              <a:gd name="connsiteX3" fmla="*/ 3028950 w 4030868"/>
              <a:gd name="connsiteY3" fmla="*/ 816127 h 2146421"/>
              <a:gd name="connsiteX4" fmla="*/ 3028950 w 4030868"/>
              <a:gd name="connsiteY4" fmla="*/ 790096 h 2146421"/>
              <a:gd name="connsiteX5" fmla="*/ 3040992 w 4030868"/>
              <a:gd name="connsiteY5" fmla="*/ 784718 h 2146421"/>
              <a:gd name="connsiteX6" fmla="*/ 3040992 w 4030868"/>
              <a:gd name="connsiteY6" fmla="*/ 439307 h 2146421"/>
              <a:gd name="connsiteX7" fmla="*/ 4019865 w 4030868"/>
              <a:gd name="connsiteY7" fmla="*/ 2125 h 2146421"/>
              <a:gd name="connsiteX8" fmla="*/ 4018279 w 4030868"/>
              <a:gd name="connsiteY8" fmla="*/ 0 h 2146421"/>
              <a:gd name="connsiteX9" fmla="*/ 1001918 w 4030868"/>
              <a:gd name="connsiteY9" fmla="*/ 1347161 h 2146421"/>
              <a:gd name="connsiteX10" fmla="*/ 1001919 w 4030868"/>
              <a:gd name="connsiteY10" fmla="*/ 1350702 h 2146421"/>
              <a:gd name="connsiteX11" fmla="*/ 0 w 4030868"/>
              <a:gd name="connsiteY11" fmla="*/ 1798177 h 2146421"/>
              <a:gd name="connsiteX12" fmla="*/ 0 w 4030868"/>
              <a:gd name="connsiteY12" fmla="*/ 2146421 h 2146421"/>
              <a:gd name="connsiteX13" fmla="*/ 3016361 w 4030868"/>
              <a:gd name="connsiteY13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4030868" h="2146421">
                <a:moveTo>
                  <a:pt x="4030868" y="365111"/>
                </a:moveTo>
                <a:lnTo>
                  <a:pt x="4030868" y="345455"/>
                </a:lnTo>
                <a:lnTo>
                  <a:pt x="4019865" y="350369"/>
                </a:lnTo>
                <a:close/>
                <a:moveTo>
                  <a:pt x="3028950" y="816127"/>
                </a:moveTo>
                <a:lnTo>
                  <a:pt x="3028950" y="790096"/>
                </a:lnTo>
                <a:lnTo>
                  <a:pt x="3040992" y="784718"/>
                </a:lnTo>
                <a:lnTo>
                  <a:pt x="3040992" y="439307"/>
                </a:lnTo>
                <a:lnTo>
                  <a:pt x="4019865" y="2125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950219603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1" orient="horz" pos="2160" userDrawn="1">
          <p15:clr>
            <a:srgbClr val="FBAE40"/>
          </p15:clr>
        </p15:guide>
        <p15:guide id="2" pos="3508" userDrawn="1">
          <p15:clr>
            <a:srgbClr val="FBAE40"/>
          </p15:clr>
        </p15:guide>
      </p15:sldGuideLst>
    </p:ext>
  </p:extLs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71410872"/>
      </p:ext>
    </p:extLst>
  </p:cSld>
  <p:clrMapOvr>
    <a:masterClrMapping/>
  </p:clrMapOvr>
  <p:hf hdr="0" ftr="0" dt="0"/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8" name="Imagem 27">
            <a:extLst>
              <a:ext uri="{FF2B5EF4-FFF2-40B4-BE49-F238E27FC236}">
                <a16:creationId xmlns:a16="http://schemas.microsoft.com/office/drawing/2014/main" id="{765E6624-4ADA-4EF3-B271-67464D5CBDBA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0142" r="13494" b="885"/>
          <a:stretch>
            <a:fillRect/>
          </a:stretch>
        </p:blipFill>
        <p:spPr>
          <a:xfrm>
            <a:off x="6102483" y="-54492"/>
            <a:ext cx="9289919" cy="6940590"/>
          </a:xfrm>
          <a:custGeom>
            <a:avLst/>
            <a:gdLst>
              <a:gd name="connsiteX0" fmla="*/ 20472 w 6967439"/>
              <a:gd name="connsiteY0" fmla="*/ 0 h 6940590"/>
              <a:gd name="connsiteX1" fmla="*/ 2312199 w 6967439"/>
              <a:gd name="connsiteY1" fmla="*/ 0 h 6940590"/>
              <a:gd name="connsiteX2" fmla="*/ 2312199 w 6967439"/>
              <a:gd name="connsiteY2" fmla="*/ 1 h 6940590"/>
              <a:gd name="connsiteX3" fmla="*/ 3872967 w 6967439"/>
              <a:gd name="connsiteY3" fmla="*/ 1 h 6940590"/>
              <a:gd name="connsiteX4" fmla="*/ 6967439 w 6967439"/>
              <a:gd name="connsiteY4" fmla="*/ 6928683 h 6940590"/>
              <a:gd name="connsiteX5" fmla="*/ 6951485 w 6967439"/>
              <a:gd name="connsiteY5" fmla="*/ 6940590 h 6940590"/>
              <a:gd name="connsiteX6" fmla="*/ 3921765 w 6967439"/>
              <a:gd name="connsiteY6" fmla="*/ 6940590 h 6940590"/>
              <a:gd name="connsiteX7" fmla="*/ 3921765 w 6967439"/>
              <a:gd name="connsiteY7" fmla="*/ 6940589 h 6940590"/>
              <a:gd name="connsiteX8" fmla="*/ 3080936 w 6967439"/>
              <a:gd name="connsiteY8" fmla="*/ 6940589 h 6940590"/>
              <a:gd name="connsiteX9" fmla="*/ 1906962 w 6967439"/>
              <a:gd name="connsiteY9" fmla="*/ 4312001 h 6940590"/>
              <a:gd name="connsiteX10" fmla="*/ 1918993 w 6967439"/>
              <a:gd name="connsiteY10" fmla="*/ 4312001 h 6940590"/>
              <a:gd name="connsiteX11" fmla="*/ 1243616 w 6967439"/>
              <a:gd name="connsiteY11" fmla="*/ 2799794 h 6940590"/>
              <a:gd name="connsiteX12" fmla="*/ 1258619 w 6967439"/>
              <a:gd name="connsiteY12" fmla="*/ 2788596 h 6940590"/>
              <a:gd name="connsiteX13" fmla="*/ 2052498 w 6967439"/>
              <a:gd name="connsiteY13" fmla="*/ 2788596 h 6940590"/>
              <a:gd name="connsiteX14" fmla="*/ 2052496 w 6967439"/>
              <a:gd name="connsiteY14" fmla="*/ 2788594 h 6940590"/>
              <a:gd name="connsiteX15" fmla="*/ 1238613 w 6967439"/>
              <a:gd name="connsiteY15" fmla="*/ 2788594 h 6940590"/>
              <a:gd name="connsiteX16" fmla="*/ 0 w 6967439"/>
              <a:gd name="connsiteY16" fmla="*/ 15280 h 694059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</a:cxnLst>
            <a:rect l="l" t="t" r="r" b="b"/>
            <a:pathLst>
              <a:path w="6967439" h="6940590">
                <a:moveTo>
                  <a:pt x="20472" y="0"/>
                </a:moveTo>
                <a:lnTo>
                  <a:pt x="2312199" y="0"/>
                </a:lnTo>
                <a:lnTo>
                  <a:pt x="2312199" y="1"/>
                </a:lnTo>
                <a:lnTo>
                  <a:pt x="3872967" y="1"/>
                </a:lnTo>
                <a:lnTo>
                  <a:pt x="6967439" y="6928683"/>
                </a:lnTo>
                <a:lnTo>
                  <a:pt x="6951485" y="6940590"/>
                </a:lnTo>
                <a:lnTo>
                  <a:pt x="3921765" y="6940590"/>
                </a:lnTo>
                <a:lnTo>
                  <a:pt x="3921765" y="6940589"/>
                </a:lnTo>
                <a:lnTo>
                  <a:pt x="3080936" y="6940589"/>
                </a:lnTo>
                <a:lnTo>
                  <a:pt x="1906962" y="4312001"/>
                </a:lnTo>
                <a:lnTo>
                  <a:pt x="1918993" y="4312001"/>
                </a:lnTo>
                <a:lnTo>
                  <a:pt x="1243616" y="2799794"/>
                </a:lnTo>
                <a:lnTo>
                  <a:pt x="1258619" y="2788596"/>
                </a:lnTo>
                <a:lnTo>
                  <a:pt x="2052498" y="2788596"/>
                </a:lnTo>
                <a:lnTo>
                  <a:pt x="2052496" y="2788594"/>
                </a:lnTo>
                <a:lnTo>
                  <a:pt x="1238613" y="2788594"/>
                </a:lnTo>
                <a:lnTo>
                  <a:pt x="0" y="15280"/>
                </a:lnTo>
                <a:close/>
              </a:path>
            </a:pathLst>
          </a:custGeom>
          <a:noFill/>
          <a:effectLst/>
        </p:spPr>
      </p:pic>
      <p:pic>
        <p:nvPicPr>
          <p:cNvPr id="8" name="Imagem 7">
            <a:extLst>
              <a:ext uri="{FF2B5EF4-FFF2-40B4-BE49-F238E27FC236}">
                <a16:creationId xmlns:a16="http://schemas.microsoft.com/office/drawing/2014/main" id="{9EE0EC8A-48F1-44D0-9CA4-BC21AB4AC65B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7596" t="74328" r="78375"/>
          <a:stretch>
            <a:fillRect/>
          </a:stretch>
        </p:blipFill>
        <p:spPr>
          <a:xfrm>
            <a:off x="-1625879" y="4212630"/>
            <a:ext cx="4093161" cy="1798861"/>
          </a:xfrm>
          <a:custGeom>
            <a:avLst/>
            <a:gdLst>
              <a:gd name="connsiteX0" fmla="*/ 798043 w 3069871"/>
              <a:gd name="connsiteY0" fmla="*/ 0 h 1798861"/>
              <a:gd name="connsiteX1" fmla="*/ 798043 w 3069871"/>
              <a:gd name="connsiteY1" fmla="*/ 1798860 h 1798861"/>
              <a:gd name="connsiteX2" fmla="*/ 3069871 w 3069871"/>
              <a:gd name="connsiteY2" fmla="*/ 1798860 h 1798861"/>
              <a:gd name="connsiteX3" fmla="*/ 3069870 w 3069871"/>
              <a:gd name="connsiteY3" fmla="*/ 1798861 h 1798861"/>
              <a:gd name="connsiteX4" fmla="*/ 16081 w 3069871"/>
              <a:gd name="connsiteY4" fmla="*/ 1798861 h 1798861"/>
              <a:gd name="connsiteX5" fmla="*/ 0 w 3069871"/>
              <a:gd name="connsiteY5" fmla="*/ 1786859 h 1798861"/>
              <a:gd name="connsiteX6" fmla="*/ 798043 w 3069871"/>
              <a:gd name="connsiteY6" fmla="*/ 0 h 179886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3069871" h="1798861">
                <a:moveTo>
                  <a:pt x="798043" y="0"/>
                </a:moveTo>
                <a:lnTo>
                  <a:pt x="798043" y="1798860"/>
                </a:lnTo>
                <a:lnTo>
                  <a:pt x="3069871" y="1798860"/>
                </a:lnTo>
                <a:lnTo>
                  <a:pt x="3069870" y="1798861"/>
                </a:lnTo>
                <a:lnTo>
                  <a:pt x="16081" y="1798861"/>
                </a:lnTo>
                <a:lnTo>
                  <a:pt x="0" y="1786859"/>
                </a:lnTo>
                <a:lnTo>
                  <a:pt x="798043" y="0"/>
                </a:lnTo>
                <a:close/>
              </a:path>
            </a:pathLst>
          </a:custGeom>
          <a:noFill/>
          <a:effectLst/>
        </p:spPr>
      </p:pic>
      <p:grpSp>
        <p:nvGrpSpPr>
          <p:cNvPr id="16" name="Agrupar 15"/>
          <p:cNvGrpSpPr/>
          <p:nvPr userDrawn="1"/>
        </p:nvGrpSpPr>
        <p:grpSpPr>
          <a:xfrm>
            <a:off x="1540041" y="-1481046"/>
            <a:ext cx="576000" cy="206032"/>
            <a:chOff x="0" y="394463"/>
            <a:chExt cx="576000" cy="206032"/>
          </a:xfrm>
        </p:grpSpPr>
        <p:sp>
          <p:nvSpPr>
            <p:cNvPr id="17" name="Rectangle 6">
              <a:hlinkClick r:id="" action="ppaction://noaction"/>
            </p:cNvPr>
            <p:cNvSpPr/>
            <p:nvPr/>
          </p:nvSpPr>
          <p:spPr bwMode="auto">
            <a:xfrm>
              <a:off x="0" y="394463"/>
              <a:ext cx="576000" cy="206032"/>
            </a:xfrm>
            <a:prstGeom prst="rect">
              <a:avLst/>
            </a:prstGeom>
            <a:solidFill>
              <a:srgbClr val="560015"/>
            </a:solidFill>
            <a:ln w="6350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non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 defTabSz="736997" fontAlgn="base">
                <a:spcBef>
                  <a:spcPct val="0"/>
                </a:spcBef>
                <a:spcAft>
                  <a:spcPct val="0"/>
                </a:spcAft>
              </a:pPr>
              <a:endParaRPr lang="en-US" sz="1125" b="1">
                <a:solidFill>
                  <a:srgbClr val="900711"/>
                </a:solidFill>
                <a:cs typeface="Arial" charset="0"/>
              </a:endParaRPr>
            </a:p>
          </p:txBody>
        </p:sp>
        <p:sp>
          <p:nvSpPr>
            <p:cNvPr id="18" name="Triângulo isósceles 17">
              <a:hlinkClick r:id="" action="ppaction://noaction"/>
            </p:cNvPr>
            <p:cNvSpPr/>
            <p:nvPr/>
          </p:nvSpPr>
          <p:spPr>
            <a:xfrm rot="16200000">
              <a:off x="401985" y="447494"/>
              <a:ext cx="142521" cy="108000"/>
            </a:xfrm>
            <a:prstGeom prst="triangle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 sz="1350"/>
            </a:p>
          </p:txBody>
        </p:sp>
      </p:grpSp>
      <p:sp>
        <p:nvSpPr>
          <p:cNvPr id="9" name="Forma Livre 8"/>
          <p:cNvSpPr/>
          <p:nvPr userDrawn="1"/>
        </p:nvSpPr>
        <p:spPr>
          <a:xfrm rot="5400000">
            <a:off x="11048525" y="2230362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926F48"/>
              </a:gs>
              <a:gs pos="100000">
                <a:srgbClr val="B59E7F">
                  <a:alpha val="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0" name="Forma Livre 9"/>
          <p:cNvSpPr/>
          <p:nvPr userDrawn="1"/>
        </p:nvSpPr>
        <p:spPr>
          <a:xfrm rot="5400000">
            <a:off x="7367116" y="-2815195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20000">
                <a:srgbClr val="560015"/>
              </a:gs>
              <a:gs pos="100000">
                <a:srgbClr val="800522">
                  <a:alpha val="25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5" name="Forma Livre 14"/>
          <p:cNvSpPr/>
          <p:nvPr userDrawn="1"/>
        </p:nvSpPr>
        <p:spPr>
          <a:xfrm rot="16200000">
            <a:off x="6923065" y="2420980"/>
            <a:ext cx="6413203" cy="6250949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gradFill flip="none" rotWithShape="1">
            <a:gsLst>
              <a:gs pos="0">
                <a:srgbClr val="08305B"/>
              </a:gs>
              <a:gs pos="100000">
                <a:srgbClr val="08305B">
                  <a:alpha val="12000"/>
                </a:srgbClr>
              </a:gs>
            </a:gsLst>
            <a:lin ang="135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1" name="Conector reto 10"/>
          <p:cNvCxnSpPr/>
          <p:nvPr userDrawn="1"/>
        </p:nvCxnSpPr>
        <p:spPr>
          <a:xfrm rot="60000">
            <a:off x="9218455" y="-649993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Conector reto 23"/>
          <p:cNvCxnSpPr/>
          <p:nvPr userDrawn="1"/>
        </p:nvCxnSpPr>
        <p:spPr>
          <a:xfrm rot="60000">
            <a:off x="9072707" y="4196612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1903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20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4269541" y="-669988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341914315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6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15" grpId="0" animBg="1"/>
    </p:bldLst>
  </p:timing>
  <p:extLst mod="1">
    <p:ext uri="{DCECCB84-F9BA-43D5-87BE-67443E8EF086}">
      <p15:sldGuideLst xmlns:p15="http://schemas.microsoft.com/office/powerpoint/2012/main">
        <p15:guide id="1" pos="3477" userDrawn="1">
          <p15:clr>
            <a:srgbClr val="FBAE40"/>
          </p15:clr>
        </p15:guide>
      </p15:sldGuideLst>
    </p:ext>
  </p:extLst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Cabeçalho da Se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a Livre 7"/>
          <p:cNvSpPr/>
          <p:nvPr userDrawn="1"/>
        </p:nvSpPr>
        <p:spPr>
          <a:xfrm rot="5400000" flipH="1">
            <a:off x="9117464" y="-610738"/>
            <a:ext cx="6858000" cy="8079476"/>
          </a:xfrm>
          <a:custGeom>
            <a:avLst/>
            <a:gdLst>
              <a:gd name="connsiteX0" fmla="*/ 3065467 w 3078261"/>
              <a:gd name="connsiteY0" fmla="*/ 0 h 3516057"/>
              <a:gd name="connsiteX1" fmla="*/ 3078261 w 3078261"/>
              <a:gd name="connsiteY1" fmla="*/ 22160 h 3516057"/>
              <a:gd name="connsiteX2" fmla="*/ 3078261 w 3078261"/>
              <a:gd name="connsiteY2" fmla="*/ 1741871 h 3516057"/>
              <a:gd name="connsiteX3" fmla="*/ 5281 w 3078261"/>
              <a:gd name="connsiteY3" fmla="*/ 3516057 h 3516057"/>
              <a:gd name="connsiteX4" fmla="*/ 0 w 3078261"/>
              <a:gd name="connsiteY4" fmla="*/ 3506910 h 3516057"/>
              <a:gd name="connsiteX5" fmla="*/ 0 w 3078261"/>
              <a:gd name="connsiteY5" fmla="*/ 1769849 h 3516057"/>
              <a:gd name="connsiteX6" fmla="*/ 3065467 w 3078261"/>
              <a:gd name="connsiteY6" fmla="*/ 0 h 351605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3078261" h="3516057">
                <a:moveTo>
                  <a:pt x="3065467" y="0"/>
                </a:moveTo>
                <a:lnTo>
                  <a:pt x="3078261" y="22160"/>
                </a:lnTo>
                <a:lnTo>
                  <a:pt x="3078261" y="1741871"/>
                </a:lnTo>
                <a:lnTo>
                  <a:pt x="5281" y="3516057"/>
                </a:lnTo>
                <a:lnTo>
                  <a:pt x="0" y="3506910"/>
                </a:lnTo>
                <a:lnTo>
                  <a:pt x="0" y="1769849"/>
                </a:lnTo>
                <a:lnTo>
                  <a:pt x="3065467" y="0"/>
                </a:lnTo>
                <a:close/>
              </a:path>
            </a:pathLst>
          </a:custGeom>
          <a:solidFill>
            <a:srgbClr val="B59E7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2" name="Forma Livre 11"/>
          <p:cNvSpPr/>
          <p:nvPr userDrawn="1"/>
        </p:nvSpPr>
        <p:spPr>
          <a:xfrm rot="5400000" flipH="1">
            <a:off x="7995060" y="-1405710"/>
            <a:ext cx="6858000" cy="5478419"/>
          </a:xfrm>
          <a:custGeom>
            <a:avLst/>
            <a:gdLst>
              <a:gd name="connsiteX0" fmla="*/ 6858000 w 6858000"/>
              <a:gd name="connsiteY0" fmla="*/ 1051164 h 4108814"/>
              <a:gd name="connsiteX1" fmla="*/ 6858000 w 6858000"/>
              <a:gd name="connsiteY1" fmla="*/ 0 h 4108814"/>
              <a:gd name="connsiteX2" fmla="*/ 11766 w 6858000"/>
              <a:gd name="connsiteY2" fmla="*/ 3057649 h 4108814"/>
              <a:gd name="connsiteX3" fmla="*/ 0 w 6858000"/>
              <a:gd name="connsiteY3" fmla="*/ 3041885 h 4108814"/>
              <a:gd name="connsiteX4" fmla="*/ 0 w 6858000"/>
              <a:gd name="connsiteY4" fmla="*/ 4093050 h 4108814"/>
              <a:gd name="connsiteX5" fmla="*/ 11766 w 6858000"/>
              <a:gd name="connsiteY5" fmla="*/ 4108814 h 41088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6858000" h="4108814">
                <a:moveTo>
                  <a:pt x="6858000" y="1051164"/>
                </a:moveTo>
                <a:lnTo>
                  <a:pt x="6858000" y="0"/>
                </a:lnTo>
                <a:lnTo>
                  <a:pt x="11766" y="3057649"/>
                </a:lnTo>
                <a:lnTo>
                  <a:pt x="0" y="3041885"/>
                </a:lnTo>
                <a:lnTo>
                  <a:pt x="0" y="4093050"/>
                </a:lnTo>
                <a:lnTo>
                  <a:pt x="11766" y="4108814"/>
                </a:lnTo>
                <a:close/>
              </a:path>
            </a:pathLst>
          </a:custGeom>
          <a:solidFill>
            <a:srgbClr val="56001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3" name="Conector reto 12"/>
          <p:cNvCxnSpPr/>
          <p:nvPr userDrawn="1"/>
        </p:nvCxnSpPr>
        <p:spPr>
          <a:xfrm flipH="1">
            <a:off x="9274666" y="-1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Conector reto 13"/>
          <p:cNvCxnSpPr/>
          <p:nvPr userDrawn="1"/>
        </p:nvCxnSpPr>
        <p:spPr>
          <a:xfrm flipH="1">
            <a:off x="8506726" y="2289904"/>
            <a:ext cx="3203444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Forma Livre 15"/>
          <p:cNvSpPr/>
          <p:nvPr userDrawn="1"/>
        </p:nvSpPr>
        <p:spPr>
          <a:xfrm rot="5400000" flipH="1">
            <a:off x="9724244" y="-935867"/>
            <a:ext cx="3028950" cy="2260540"/>
          </a:xfrm>
          <a:custGeom>
            <a:avLst/>
            <a:gdLst>
              <a:gd name="connsiteX0" fmla="*/ 3028950 w 3028950"/>
              <a:gd name="connsiteY0" fmla="*/ 365111 h 1695405"/>
              <a:gd name="connsiteX1" fmla="*/ 3028950 w 3028950"/>
              <a:gd name="connsiteY1" fmla="*/ 16867 h 1695405"/>
              <a:gd name="connsiteX2" fmla="*/ 3016361 w 3028950"/>
              <a:gd name="connsiteY2" fmla="*/ 0 h 1695405"/>
              <a:gd name="connsiteX3" fmla="*/ 0 w 3028950"/>
              <a:gd name="connsiteY3" fmla="*/ 1347161 h 1695405"/>
              <a:gd name="connsiteX4" fmla="*/ 0 w 3028950"/>
              <a:gd name="connsiteY4" fmla="*/ 1695405 h 1695405"/>
              <a:gd name="connsiteX5" fmla="*/ 3016361 w 3028950"/>
              <a:gd name="connsiteY5" fmla="*/ 348244 h 16954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3028950" h="1695405">
                <a:moveTo>
                  <a:pt x="3028950" y="365111"/>
                </a:moveTo>
                <a:lnTo>
                  <a:pt x="3028950" y="16867"/>
                </a:lnTo>
                <a:lnTo>
                  <a:pt x="3016361" y="0"/>
                </a:lnTo>
                <a:lnTo>
                  <a:pt x="0" y="1347161"/>
                </a:lnTo>
                <a:lnTo>
                  <a:pt x="0" y="1695405"/>
                </a:lnTo>
                <a:lnTo>
                  <a:pt x="3016361" y="348244"/>
                </a:lnTo>
                <a:close/>
              </a:path>
            </a:pathLst>
          </a:custGeom>
          <a:solidFill>
            <a:schemeClr val="accent5">
              <a:lumMod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0" name="Forma Livre: Forma 19">
            <a:extLst>
              <a:ext uri="{FF2B5EF4-FFF2-40B4-BE49-F238E27FC236}">
                <a16:creationId xmlns:a16="http://schemas.microsoft.com/office/drawing/2014/main" id="{80A35F35-2A62-4BE6-8BEA-ECFCADA3D4AB}"/>
              </a:ext>
            </a:extLst>
          </p:cNvPr>
          <p:cNvSpPr/>
          <p:nvPr userDrawn="1"/>
        </p:nvSpPr>
        <p:spPr>
          <a:xfrm rot="9370970" flipH="1">
            <a:off x="5686721" y="-461245"/>
            <a:ext cx="4038600" cy="1695405"/>
          </a:xfrm>
          <a:custGeom>
            <a:avLst/>
            <a:gdLst>
              <a:gd name="connsiteX0" fmla="*/ 0 w 3028950"/>
              <a:gd name="connsiteY0" fmla="*/ 1695405 h 1695405"/>
              <a:gd name="connsiteX1" fmla="*/ 1935271 w 3028950"/>
              <a:gd name="connsiteY1" fmla="*/ 831078 h 1695405"/>
              <a:gd name="connsiteX2" fmla="*/ 1935271 w 3028950"/>
              <a:gd name="connsiteY2" fmla="*/ 484661 h 1695405"/>
              <a:gd name="connsiteX3" fmla="*/ 3017384 w 3028950"/>
              <a:gd name="connsiteY3" fmla="*/ 1370 h 1695405"/>
              <a:gd name="connsiteX4" fmla="*/ 3016361 w 3028950"/>
              <a:gd name="connsiteY4" fmla="*/ 0 h 1695405"/>
              <a:gd name="connsiteX5" fmla="*/ 0 w 3028950"/>
              <a:gd name="connsiteY5" fmla="*/ 1347161 h 1695405"/>
              <a:gd name="connsiteX6" fmla="*/ 3028950 w 3028950"/>
              <a:gd name="connsiteY6" fmla="*/ 365111 h 1695405"/>
              <a:gd name="connsiteX7" fmla="*/ 3028950 w 3028950"/>
              <a:gd name="connsiteY7" fmla="*/ 344449 h 1695405"/>
              <a:gd name="connsiteX8" fmla="*/ 3017384 w 3028950"/>
              <a:gd name="connsiteY8" fmla="*/ 349614 h 16954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3028950" h="1695405">
                <a:moveTo>
                  <a:pt x="0" y="1695405"/>
                </a:moveTo>
                <a:lnTo>
                  <a:pt x="1935271" y="831078"/>
                </a:lnTo>
                <a:lnTo>
                  <a:pt x="1935271" y="484661"/>
                </a:lnTo>
                <a:lnTo>
                  <a:pt x="3017384" y="1370"/>
                </a:lnTo>
                <a:lnTo>
                  <a:pt x="3016361" y="0"/>
                </a:lnTo>
                <a:lnTo>
                  <a:pt x="0" y="1347161"/>
                </a:lnTo>
                <a:close/>
                <a:moveTo>
                  <a:pt x="3028950" y="365111"/>
                </a:moveTo>
                <a:lnTo>
                  <a:pt x="3028950" y="344449"/>
                </a:lnTo>
                <a:lnTo>
                  <a:pt x="3017384" y="349614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1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899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2897024379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Forma Livre: Forma 30">
            <a:extLst>
              <a:ext uri="{FF2B5EF4-FFF2-40B4-BE49-F238E27FC236}">
                <a16:creationId xmlns:a16="http://schemas.microsoft.com/office/drawing/2014/main" id="{0097C746-6785-49A7-A8D8-5A94BCFF25CB}"/>
              </a:ext>
            </a:extLst>
          </p:cNvPr>
          <p:cNvSpPr/>
          <p:nvPr userDrawn="1"/>
        </p:nvSpPr>
        <p:spPr>
          <a:xfrm rot="9409278">
            <a:off x="-4425697" y="-1682204"/>
            <a:ext cx="8533688" cy="8888799"/>
          </a:xfrm>
          <a:custGeom>
            <a:avLst/>
            <a:gdLst>
              <a:gd name="connsiteX0" fmla="*/ 3261638 w 6400266"/>
              <a:gd name="connsiteY0" fmla="*/ 8827974 h 8888799"/>
              <a:gd name="connsiteX1" fmla="*/ 22448 w 6400266"/>
              <a:gd name="connsiteY1" fmla="*/ 5283779 h 8888799"/>
              <a:gd name="connsiteX2" fmla="*/ 23155 w 6400266"/>
              <a:gd name="connsiteY2" fmla="*/ 5283132 h 8888799"/>
              <a:gd name="connsiteX3" fmla="*/ 0 w 6400266"/>
              <a:gd name="connsiteY3" fmla="*/ 5259978 h 8888799"/>
              <a:gd name="connsiteX4" fmla="*/ 25327 w 6400266"/>
              <a:gd name="connsiteY4" fmla="*/ 5234651 h 8888799"/>
              <a:gd name="connsiteX5" fmla="*/ 24687 w 6400266"/>
              <a:gd name="connsiteY5" fmla="*/ 5233951 h 8888799"/>
              <a:gd name="connsiteX6" fmla="*/ 3587549 w 6400266"/>
              <a:gd name="connsiteY6" fmla="*/ 1977700 h 8888799"/>
              <a:gd name="connsiteX7" fmla="*/ 3592701 w 6400266"/>
              <a:gd name="connsiteY7" fmla="*/ 1977932 h 8888799"/>
              <a:gd name="connsiteX8" fmla="*/ 5756878 w 6400266"/>
              <a:gd name="connsiteY8" fmla="*/ 0 h 8888799"/>
              <a:gd name="connsiteX9" fmla="*/ 6400266 w 6400266"/>
              <a:gd name="connsiteY9" fmla="*/ 703969 h 8888799"/>
              <a:gd name="connsiteX10" fmla="*/ 4940060 w 6400266"/>
              <a:gd name="connsiteY10" fmla="*/ 2038514 h 8888799"/>
              <a:gd name="connsiteX11" fmla="*/ 4940331 w 6400266"/>
              <a:gd name="connsiteY11" fmla="*/ 2038526 h 8888799"/>
              <a:gd name="connsiteX12" fmla="*/ 1351436 w 6400266"/>
              <a:gd name="connsiteY12" fmla="*/ 5318570 h 8888799"/>
              <a:gd name="connsiteX13" fmla="*/ 4614419 w 6400266"/>
              <a:gd name="connsiteY13" fmla="*/ 8888799 h 88887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6400266" h="8888799">
                <a:moveTo>
                  <a:pt x="3261638" y="8827974"/>
                </a:moveTo>
                <a:lnTo>
                  <a:pt x="22448" y="5283779"/>
                </a:lnTo>
                <a:lnTo>
                  <a:pt x="23155" y="5283132"/>
                </a:lnTo>
                <a:lnTo>
                  <a:pt x="0" y="5259978"/>
                </a:lnTo>
                <a:lnTo>
                  <a:pt x="25327" y="5234651"/>
                </a:lnTo>
                <a:lnTo>
                  <a:pt x="24687" y="5233951"/>
                </a:lnTo>
                <a:lnTo>
                  <a:pt x="3587549" y="1977700"/>
                </a:lnTo>
                <a:lnTo>
                  <a:pt x="3592701" y="1977932"/>
                </a:lnTo>
                <a:lnTo>
                  <a:pt x="5756878" y="0"/>
                </a:lnTo>
                <a:lnTo>
                  <a:pt x="6400266" y="703969"/>
                </a:lnTo>
                <a:lnTo>
                  <a:pt x="4940060" y="2038514"/>
                </a:lnTo>
                <a:lnTo>
                  <a:pt x="4940331" y="2038526"/>
                </a:lnTo>
                <a:lnTo>
                  <a:pt x="1351436" y="5318570"/>
                </a:lnTo>
                <a:lnTo>
                  <a:pt x="4614419" y="8888799"/>
                </a:lnTo>
                <a:close/>
              </a:path>
            </a:pathLst>
          </a:custGeom>
          <a:solidFill>
            <a:srgbClr val="B59E7F">
              <a:alpha val="5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3" name="Forma Livre 10">
            <a:extLst>
              <a:ext uri="{FF2B5EF4-FFF2-40B4-BE49-F238E27FC236}">
                <a16:creationId xmlns:a16="http://schemas.microsoft.com/office/drawing/2014/main" id="{DCAA8AA3-206B-440A-8B86-7FDFAB08A009}"/>
              </a:ext>
            </a:extLst>
          </p:cNvPr>
          <p:cNvSpPr/>
          <p:nvPr userDrawn="1"/>
        </p:nvSpPr>
        <p:spPr>
          <a:xfrm rot="16200000" flipH="1">
            <a:off x="-700149" y="2500591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787878">
              <a:alpha val="48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4" name="Forma Livre 11">
            <a:extLst>
              <a:ext uri="{FF2B5EF4-FFF2-40B4-BE49-F238E27FC236}">
                <a16:creationId xmlns:a16="http://schemas.microsoft.com/office/drawing/2014/main" id="{CA03FB71-3EC0-487A-8537-1F1BF5E6C858}"/>
              </a:ext>
            </a:extLst>
          </p:cNvPr>
          <p:cNvSpPr/>
          <p:nvPr userDrawn="1"/>
        </p:nvSpPr>
        <p:spPr>
          <a:xfrm rot="16200000" flipH="1">
            <a:off x="-2554692" y="1553145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08305B">
              <a:alpha val="64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5" name="Conector reto 4">
            <a:extLst>
              <a:ext uri="{FF2B5EF4-FFF2-40B4-BE49-F238E27FC236}">
                <a16:creationId xmlns:a16="http://schemas.microsoft.com/office/drawing/2014/main" id="{7B0FEF3B-9F05-4A68-9215-B4C84745E0D0}"/>
              </a:ext>
            </a:extLst>
          </p:cNvPr>
          <p:cNvCxnSpPr>
            <a:cxnSpLocks/>
          </p:cNvCxnSpPr>
          <p:nvPr userDrawn="1"/>
        </p:nvCxnSpPr>
        <p:spPr>
          <a:xfrm rot="20363747">
            <a:off x="-2548351" y="-1795860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Conector reto 5">
            <a:extLst>
              <a:ext uri="{FF2B5EF4-FFF2-40B4-BE49-F238E27FC236}">
                <a16:creationId xmlns:a16="http://schemas.microsoft.com/office/drawing/2014/main" id="{0AF2D39C-3C61-430C-AF8B-A2D4C52383F1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1610702" y="1266858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Conector reto 6">
            <a:extLst>
              <a:ext uri="{FF2B5EF4-FFF2-40B4-BE49-F238E27FC236}">
                <a16:creationId xmlns:a16="http://schemas.microsoft.com/office/drawing/2014/main" id="{7D876CA1-682C-47DD-A0EB-3BD3FA0813E1}"/>
              </a:ext>
            </a:extLst>
          </p:cNvPr>
          <p:cNvCxnSpPr>
            <a:cxnSpLocks/>
          </p:cNvCxnSpPr>
          <p:nvPr userDrawn="1"/>
        </p:nvCxnSpPr>
        <p:spPr>
          <a:xfrm rot="20363747">
            <a:off x="-1842951" y="-1133558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Conector reto 7">
            <a:extLst>
              <a:ext uri="{FF2B5EF4-FFF2-40B4-BE49-F238E27FC236}">
                <a16:creationId xmlns:a16="http://schemas.microsoft.com/office/drawing/2014/main" id="{DD34BDA0-1D5E-471F-B19C-04EAFC6B3017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1487665" y="1531869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Conector reto 8">
            <a:extLst>
              <a:ext uri="{FF2B5EF4-FFF2-40B4-BE49-F238E27FC236}">
                <a16:creationId xmlns:a16="http://schemas.microsoft.com/office/drawing/2014/main" id="{170B0F8E-A233-4495-9902-3F79AD7C70C5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3474566" y="2351744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899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4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5779029" y="-669988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14662954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6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125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125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4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2" presetClass="entr" presetSubtype="1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 animBg="1"/>
      <p:bldP spid="3" grpId="0" animBg="1"/>
      <p:bldP spid="4" grpId="0" animBg="1"/>
    </p:bldLst>
  </p:timing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Forma Livre: Forma 30">
            <a:extLst>
              <a:ext uri="{FF2B5EF4-FFF2-40B4-BE49-F238E27FC236}">
                <a16:creationId xmlns:a16="http://schemas.microsoft.com/office/drawing/2014/main" id="{0097C746-6785-49A7-A8D8-5A94BCFF25CB}"/>
              </a:ext>
            </a:extLst>
          </p:cNvPr>
          <p:cNvSpPr/>
          <p:nvPr userDrawn="1"/>
        </p:nvSpPr>
        <p:spPr>
          <a:xfrm rot="9409278">
            <a:off x="-4425697" y="-1682204"/>
            <a:ext cx="8533688" cy="8888799"/>
          </a:xfrm>
          <a:custGeom>
            <a:avLst/>
            <a:gdLst>
              <a:gd name="connsiteX0" fmla="*/ 3261638 w 6400266"/>
              <a:gd name="connsiteY0" fmla="*/ 8827974 h 8888799"/>
              <a:gd name="connsiteX1" fmla="*/ 22448 w 6400266"/>
              <a:gd name="connsiteY1" fmla="*/ 5283779 h 8888799"/>
              <a:gd name="connsiteX2" fmla="*/ 23155 w 6400266"/>
              <a:gd name="connsiteY2" fmla="*/ 5283132 h 8888799"/>
              <a:gd name="connsiteX3" fmla="*/ 0 w 6400266"/>
              <a:gd name="connsiteY3" fmla="*/ 5259978 h 8888799"/>
              <a:gd name="connsiteX4" fmla="*/ 25327 w 6400266"/>
              <a:gd name="connsiteY4" fmla="*/ 5234651 h 8888799"/>
              <a:gd name="connsiteX5" fmla="*/ 24687 w 6400266"/>
              <a:gd name="connsiteY5" fmla="*/ 5233951 h 8888799"/>
              <a:gd name="connsiteX6" fmla="*/ 3587549 w 6400266"/>
              <a:gd name="connsiteY6" fmla="*/ 1977700 h 8888799"/>
              <a:gd name="connsiteX7" fmla="*/ 3592701 w 6400266"/>
              <a:gd name="connsiteY7" fmla="*/ 1977932 h 8888799"/>
              <a:gd name="connsiteX8" fmla="*/ 5756878 w 6400266"/>
              <a:gd name="connsiteY8" fmla="*/ 0 h 8888799"/>
              <a:gd name="connsiteX9" fmla="*/ 6400266 w 6400266"/>
              <a:gd name="connsiteY9" fmla="*/ 703969 h 8888799"/>
              <a:gd name="connsiteX10" fmla="*/ 4940060 w 6400266"/>
              <a:gd name="connsiteY10" fmla="*/ 2038514 h 8888799"/>
              <a:gd name="connsiteX11" fmla="*/ 4940331 w 6400266"/>
              <a:gd name="connsiteY11" fmla="*/ 2038526 h 8888799"/>
              <a:gd name="connsiteX12" fmla="*/ 1351436 w 6400266"/>
              <a:gd name="connsiteY12" fmla="*/ 5318570 h 8888799"/>
              <a:gd name="connsiteX13" fmla="*/ 4614419 w 6400266"/>
              <a:gd name="connsiteY13" fmla="*/ 8888799 h 88887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6400266" h="8888799">
                <a:moveTo>
                  <a:pt x="3261638" y="8827974"/>
                </a:moveTo>
                <a:lnTo>
                  <a:pt x="22448" y="5283779"/>
                </a:lnTo>
                <a:lnTo>
                  <a:pt x="23155" y="5283132"/>
                </a:lnTo>
                <a:lnTo>
                  <a:pt x="0" y="5259978"/>
                </a:lnTo>
                <a:lnTo>
                  <a:pt x="25327" y="5234651"/>
                </a:lnTo>
                <a:lnTo>
                  <a:pt x="24687" y="5233951"/>
                </a:lnTo>
                <a:lnTo>
                  <a:pt x="3587549" y="1977700"/>
                </a:lnTo>
                <a:lnTo>
                  <a:pt x="3592701" y="1977932"/>
                </a:lnTo>
                <a:lnTo>
                  <a:pt x="5756878" y="0"/>
                </a:lnTo>
                <a:lnTo>
                  <a:pt x="6400266" y="703969"/>
                </a:lnTo>
                <a:lnTo>
                  <a:pt x="4940060" y="2038514"/>
                </a:lnTo>
                <a:lnTo>
                  <a:pt x="4940331" y="2038526"/>
                </a:lnTo>
                <a:lnTo>
                  <a:pt x="1351436" y="5318570"/>
                </a:lnTo>
                <a:lnTo>
                  <a:pt x="4614419" y="8888799"/>
                </a:lnTo>
                <a:close/>
              </a:path>
            </a:pathLst>
          </a:custGeom>
          <a:solidFill>
            <a:srgbClr val="B59E7F">
              <a:alpha val="5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3" name="Forma Livre 10">
            <a:extLst>
              <a:ext uri="{FF2B5EF4-FFF2-40B4-BE49-F238E27FC236}">
                <a16:creationId xmlns:a16="http://schemas.microsoft.com/office/drawing/2014/main" id="{DCAA8AA3-206B-440A-8B86-7FDFAB08A009}"/>
              </a:ext>
            </a:extLst>
          </p:cNvPr>
          <p:cNvSpPr/>
          <p:nvPr userDrawn="1"/>
        </p:nvSpPr>
        <p:spPr>
          <a:xfrm rot="16200000" flipH="1">
            <a:off x="-700149" y="2500591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787878">
              <a:alpha val="48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4" name="Forma Livre 11">
            <a:extLst>
              <a:ext uri="{FF2B5EF4-FFF2-40B4-BE49-F238E27FC236}">
                <a16:creationId xmlns:a16="http://schemas.microsoft.com/office/drawing/2014/main" id="{CA03FB71-3EC0-487A-8537-1F1BF5E6C858}"/>
              </a:ext>
            </a:extLst>
          </p:cNvPr>
          <p:cNvSpPr/>
          <p:nvPr userDrawn="1"/>
        </p:nvSpPr>
        <p:spPr>
          <a:xfrm rot="16200000" flipH="1">
            <a:off x="-3138892" y="1553145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08305B">
              <a:alpha val="64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5" name="Conector reto 4">
            <a:extLst>
              <a:ext uri="{FF2B5EF4-FFF2-40B4-BE49-F238E27FC236}">
                <a16:creationId xmlns:a16="http://schemas.microsoft.com/office/drawing/2014/main" id="{7B0FEF3B-9F05-4A68-9215-B4C84745E0D0}"/>
              </a:ext>
            </a:extLst>
          </p:cNvPr>
          <p:cNvCxnSpPr>
            <a:cxnSpLocks/>
          </p:cNvCxnSpPr>
          <p:nvPr userDrawn="1"/>
        </p:nvCxnSpPr>
        <p:spPr>
          <a:xfrm rot="20363747">
            <a:off x="-2548351" y="-1795860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Conector reto 5">
            <a:extLst>
              <a:ext uri="{FF2B5EF4-FFF2-40B4-BE49-F238E27FC236}">
                <a16:creationId xmlns:a16="http://schemas.microsoft.com/office/drawing/2014/main" id="{0AF2D39C-3C61-430C-AF8B-A2D4C52383F1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1610702" y="1266858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Conector reto 6">
            <a:extLst>
              <a:ext uri="{FF2B5EF4-FFF2-40B4-BE49-F238E27FC236}">
                <a16:creationId xmlns:a16="http://schemas.microsoft.com/office/drawing/2014/main" id="{7D876CA1-682C-47DD-A0EB-3BD3FA0813E1}"/>
              </a:ext>
            </a:extLst>
          </p:cNvPr>
          <p:cNvCxnSpPr>
            <a:cxnSpLocks/>
          </p:cNvCxnSpPr>
          <p:nvPr userDrawn="1"/>
        </p:nvCxnSpPr>
        <p:spPr>
          <a:xfrm rot="20363747">
            <a:off x="-1842951" y="-1133558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Conector reto 7">
            <a:extLst>
              <a:ext uri="{FF2B5EF4-FFF2-40B4-BE49-F238E27FC236}">
                <a16:creationId xmlns:a16="http://schemas.microsoft.com/office/drawing/2014/main" id="{DD34BDA0-1D5E-471F-B19C-04EAFC6B3017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1487665" y="1531869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Conector reto 8">
            <a:extLst>
              <a:ext uri="{FF2B5EF4-FFF2-40B4-BE49-F238E27FC236}">
                <a16:creationId xmlns:a16="http://schemas.microsoft.com/office/drawing/2014/main" id="{170B0F8E-A233-4495-9902-3F79AD7C70C5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3474566" y="2351744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1903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5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4269541" y="-669988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40387757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6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Forma Livre: Forma 30">
            <a:extLst>
              <a:ext uri="{FF2B5EF4-FFF2-40B4-BE49-F238E27FC236}">
                <a16:creationId xmlns:a16="http://schemas.microsoft.com/office/drawing/2014/main" id="{0097C746-6785-49A7-A8D8-5A94BCFF25CB}"/>
              </a:ext>
            </a:extLst>
          </p:cNvPr>
          <p:cNvSpPr/>
          <p:nvPr userDrawn="1"/>
        </p:nvSpPr>
        <p:spPr>
          <a:xfrm rot="9409278">
            <a:off x="-4425697" y="-1682204"/>
            <a:ext cx="8533688" cy="8888799"/>
          </a:xfrm>
          <a:custGeom>
            <a:avLst/>
            <a:gdLst>
              <a:gd name="connsiteX0" fmla="*/ 3261638 w 6400266"/>
              <a:gd name="connsiteY0" fmla="*/ 8827974 h 8888799"/>
              <a:gd name="connsiteX1" fmla="*/ 22448 w 6400266"/>
              <a:gd name="connsiteY1" fmla="*/ 5283779 h 8888799"/>
              <a:gd name="connsiteX2" fmla="*/ 23155 w 6400266"/>
              <a:gd name="connsiteY2" fmla="*/ 5283132 h 8888799"/>
              <a:gd name="connsiteX3" fmla="*/ 0 w 6400266"/>
              <a:gd name="connsiteY3" fmla="*/ 5259978 h 8888799"/>
              <a:gd name="connsiteX4" fmla="*/ 25327 w 6400266"/>
              <a:gd name="connsiteY4" fmla="*/ 5234651 h 8888799"/>
              <a:gd name="connsiteX5" fmla="*/ 24687 w 6400266"/>
              <a:gd name="connsiteY5" fmla="*/ 5233951 h 8888799"/>
              <a:gd name="connsiteX6" fmla="*/ 3587549 w 6400266"/>
              <a:gd name="connsiteY6" fmla="*/ 1977700 h 8888799"/>
              <a:gd name="connsiteX7" fmla="*/ 3592701 w 6400266"/>
              <a:gd name="connsiteY7" fmla="*/ 1977932 h 8888799"/>
              <a:gd name="connsiteX8" fmla="*/ 5756878 w 6400266"/>
              <a:gd name="connsiteY8" fmla="*/ 0 h 8888799"/>
              <a:gd name="connsiteX9" fmla="*/ 6400266 w 6400266"/>
              <a:gd name="connsiteY9" fmla="*/ 703969 h 8888799"/>
              <a:gd name="connsiteX10" fmla="*/ 4940060 w 6400266"/>
              <a:gd name="connsiteY10" fmla="*/ 2038514 h 8888799"/>
              <a:gd name="connsiteX11" fmla="*/ 4940331 w 6400266"/>
              <a:gd name="connsiteY11" fmla="*/ 2038526 h 8888799"/>
              <a:gd name="connsiteX12" fmla="*/ 1351436 w 6400266"/>
              <a:gd name="connsiteY12" fmla="*/ 5318570 h 8888799"/>
              <a:gd name="connsiteX13" fmla="*/ 4614419 w 6400266"/>
              <a:gd name="connsiteY13" fmla="*/ 8888799 h 88887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6400266" h="8888799">
                <a:moveTo>
                  <a:pt x="3261638" y="8827974"/>
                </a:moveTo>
                <a:lnTo>
                  <a:pt x="22448" y="5283779"/>
                </a:lnTo>
                <a:lnTo>
                  <a:pt x="23155" y="5283132"/>
                </a:lnTo>
                <a:lnTo>
                  <a:pt x="0" y="5259978"/>
                </a:lnTo>
                <a:lnTo>
                  <a:pt x="25327" y="5234651"/>
                </a:lnTo>
                <a:lnTo>
                  <a:pt x="24687" y="5233951"/>
                </a:lnTo>
                <a:lnTo>
                  <a:pt x="3587549" y="1977700"/>
                </a:lnTo>
                <a:lnTo>
                  <a:pt x="3592701" y="1977932"/>
                </a:lnTo>
                <a:lnTo>
                  <a:pt x="5756878" y="0"/>
                </a:lnTo>
                <a:lnTo>
                  <a:pt x="6400266" y="703969"/>
                </a:lnTo>
                <a:lnTo>
                  <a:pt x="4940060" y="2038514"/>
                </a:lnTo>
                <a:lnTo>
                  <a:pt x="4940331" y="2038526"/>
                </a:lnTo>
                <a:lnTo>
                  <a:pt x="1351436" y="5318570"/>
                </a:lnTo>
                <a:lnTo>
                  <a:pt x="4614419" y="8888799"/>
                </a:lnTo>
                <a:close/>
              </a:path>
            </a:pathLst>
          </a:custGeom>
          <a:solidFill>
            <a:srgbClr val="B59E7F">
              <a:alpha val="5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3" name="Forma Livre 10">
            <a:extLst>
              <a:ext uri="{FF2B5EF4-FFF2-40B4-BE49-F238E27FC236}">
                <a16:creationId xmlns:a16="http://schemas.microsoft.com/office/drawing/2014/main" id="{DCAA8AA3-206B-440A-8B86-7FDFAB08A009}"/>
              </a:ext>
            </a:extLst>
          </p:cNvPr>
          <p:cNvSpPr/>
          <p:nvPr userDrawn="1"/>
        </p:nvSpPr>
        <p:spPr>
          <a:xfrm rot="16200000" flipH="1">
            <a:off x="-700149" y="2500591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787878">
              <a:alpha val="48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4" name="Forma Livre 11">
            <a:extLst>
              <a:ext uri="{FF2B5EF4-FFF2-40B4-BE49-F238E27FC236}">
                <a16:creationId xmlns:a16="http://schemas.microsoft.com/office/drawing/2014/main" id="{CA03FB71-3EC0-487A-8537-1F1BF5E6C858}"/>
              </a:ext>
            </a:extLst>
          </p:cNvPr>
          <p:cNvSpPr/>
          <p:nvPr userDrawn="1"/>
        </p:nvSpPr>
        <p:spPr>
          <a:xfrm rot="16200000" flipH="1">
            <a:off x="-3138892" y="1553145"/>
            <a:ext cx="4413237" cy="4301583"/>
          </a:xfrm>
          <a:custGeom>
            <a:avLst/>
            <a:gdLst>
              <a:gd name="connsiteX0" fmla="*/ 0 w 4413237"/>
              <a:gd name="connsiteY0" fmla="*/ 2561180 h 3226187"/>
              <a:gd name="connsiteX1" fmla="*/ 0 w 4413237"/>
              <a:gd name="connsiteY1" fmla="*/ 3226187 h 3226187"/>
              <a:gd name="connsiteX2" fmla="*/ 1733550 w 4413237"/>
              <a:gd name="connsiteY2" fmla="*/ 2451953 h 3226187"/>
              <a:gd name="connsiteX3" fmla="*/ 1733550 w 4413237"/>
              <a:gd name="connsiteY3" fmla="*/ 2459425 h 3226187"/>
              <a:gd name="connsiteX4" fmla="*/ 2672730 w 4413237"/>
              <a:gd name="connsiteY4" fmla="*/ 2039971 h 3226187"/>
              <a:gd name="connsiteX5" fmla="*/ 2679685 w 4413237"/>
              <a:gd name="connsiteY5" fmla="*/ 2049289 h 3226187"/>
              <a:gd name="connsiteX6" fmla="*/ 2679685 w 4413237"/>
              <a:gd name="connsiteY6" fmla="*/ 2542340 h 3226187"/>
              <a:gd name="connsiteX7" fmla="*/ 2679686 w 4413237"/>
              <a:gd name="connsiteY7" fmla="*/ 2542339 h 3226187"/>
              <a:gd name="connsiteX8" fmla="*/ 2679686 w 4413237"/>
              <a:gd name="connsiteY8" fmla="*/ 2036864 h 3226187"/>
              <a:gd name="connsiteX9" fmla="*/ 4402097 w 4413237"/>
              <a:gd name="connsiteY9" fmla="*/ 1267604 h 3226187"/>
              <a:gd name="connsiteX10" fmla="*/ 4413235 w 4413237"/>
              <a:gd name="connsiteY10" fmla="*/ 1282527 h 3226187"/>
              <a:gd name="connsiteX11" fmla="*/ 4413235 w 4413237"/>
              <a:gd name="connsiteY11" fmla="*/ 1775578 h 3226187"/>
              <a:gd name="connsiteX12" fmla="*/ 4413236 w 4413237"/>
              <a:gd name="connsiteY12" fmla="*/ 1775577 h 3226187"/>
              <a:gd name="connsiteX13" fmla="*/ 4413236 w 4413237"/>
              <a:gd name="connsiteY13" fmla="*/ 1172981 h 3226187"/>
              <a:gd name="connsiteX14" fmla="*/ 4413237 w 4413237"/>
              <a:gd name="connsiteY14" fmla="*/ 1172981 h 3226187"/>
              <a:gd name="connsiteX15" fmla="*/ 4413237 w 4413237"/>
              <a:gd name="connsiteY15" fmla="*/ 14922 h 3226187"/>
              <a:gd name="connsiteX16" fmla="*/ 4402099 w 4413237"/>
              <a:gd name="connsiteY16" fmla="*/ 0 h 3226187"/>
              <a:gd name="connsiteX17" fmla="*/ 2672732 w 4413237"/>
              <a:gd name="connsiteY17" fmla="*/ 772366 h 3226187"/>
              <a:gd name="connsiteX18" fmla="*/ 2668549 w 4413237"/>
              <a:gd name="connsiteY18" fmla="*/ 766762 h 3226187"/>
              <a:gd name="connsiteX19" fmla="*/ 1 w 4413237"/>
              <a:gd name="connsiteY19" fmla="*/ 1958583 h 3226187"/>
              <a:gd name="connsiteX20" fmla="*/ 1 w 4413237"/>
              <a:gd name="connsiteY20" fmla="*/ 2561180 h 32261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4413237" h="3226187">
                <a:moveTo>
                  <a:pt x="0" y="2561180"/>
                </a:moveTo>
                <a:lnTo>
                  <a:pt x="0" y="3226187"/>
                </a:lnTo>
                <a:lnTo>
                  <a:pt x="1733550" y="2451953"/>
                </a:lnTo>
                <a:lnTo>
                  <a:pt x="1733550" y="2459425"/>
                </a:lnTo>
                <a:lnTo>
                  <a:pt x="2672730" y="2039971"/>
                </a:lnTo>
                <a:lnTo>
                  <a:pt x="2679685" y="2049289"/>
                </a:lnTo>
                <a:lnTo>
                  <a:pt x="2679685" y="2542340"/>
                </a:lnTo>
                <a:lnTo>
                  <a:pt x="2679686" y="2542339"/>
                </a:lnTo>
                <a:lnTo>
                  <a:pt x="2679686" y="2036864"/>
                </a:lnTo>
                <a:lnTo>
                  <a:pt x="4402097" y="1267604"/>
                </a:lnTo>
                <a:lnTo>
                  <a:pt x="4413235" y="1282527"/>
                </a:lnTo>
                <a:lnTo>
                  <a:pt x="4413235" y="1775578"/>
                </a:lnTo>
                <a:lnTo>
                  <a:pt x="4413236" y="1775577"/>
                </a:lnTo>
                <a:lnTo>
                  <a:pt x="4413236" y="1172981"/>
                </a:lnTo>
                <a:lnTo>
                  <a:pt x="4413237" y="1172981"/>
                </a:lnTo>
                <a:lnTo>
                  <a:pt x="4413237" y="14922"/>
                </a:lnTo>
                <a:lnTo>
                  <a:pt x="4402099" y="0"/>
                </a:lnTo>
                <a:lnTo>
                  <a:pt x="2672732" y="772366"/>
                </a:lnTo>
                <a:lnTo>
                  <a:pt x="2668549" y="766762"/>
                </a:lnTo>
                <a:lnTo>
                  <a:pt x="1" y="1958583"/>
                </a:lnTo>
                <a:lnTo>
                  <a:pt x="1" y="2561180"/>
                </a:lnTo>
                <a:close/>
              </a:path>
            </a:pathLst>
          </a:custGeom>
          <a:solidFill>
            <a:srgbClr val="08305B">
              <a:alpha val="64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5" name="Conector reto 4">
            <a:extLst>
              <a:ext uri="{FF2B5EF4-FFF2-40B4-BE49-F238E27FC236}">
                <a16:creationId xmlns:a16="http://schemas.microsoft.com/office/drawing/2014/main" id="{7B0FEF3B-9F05-4A68-9215-B4C84745E0D0}"/>
              </a:ext>
            </a:extLst>
          </p:cNvPr>
          <p:cNvCxnSpPr>
            <a:cxnSpLocks/>
          </p:cNvCxnSpPr>
          <p:nvPr userDrawn="1"/>
        </p:nvCxnSpPr>
        <p:spPr>
          <a:xfrm rot="20363747">
            <a:off x="-2548351" y="-1795860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Conector reto 5">
            <a:extLst>
              <a:ext uri="{FF2B5EF4-FFF2-40B4-BE49-F238E27FC236}">
                <a16:creationId xmlns:a16="http://schemas.microsoft.com/office/drawing/2014/main" id="{0AF2D39C-3C61-430C-AF8B-A2D4C52383F1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1610702" y="1266858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Conector reto 6">
            <a:extLst>
              <a:ext uri="{FF2B5EF4-FFF2-40B4-BE49-F238E27FC236}">
                <a16:creationId xmlns:a16="http://schemas.microsoft.com/office/drawing/2014/main" id="{7D876CA1-682C-47DD-A0EB-3BD3FA0813E1}"/>
              </a:ext>
            </a:extLst>
          </p:cNvPr>
          <p:cNvCxnSpPr>
            <a:cxnSpLocks/>
          </p:cNvCxnSpPr>
          <p:nvPr userDrawn="1"/>
        </p:nvCxnSpPr>
        <p:spPr>
          <a:xfrm rot="20363747">
            <a:off x="-1842951" y="-1133558"/>
            <a:ext cx="4645523" cy="3484142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Conector reto 7">
            <a:extLst>
              <a:ext uri="{FF2B5EF4-FFF2-40B4-BE49-F238E27FC236}">
                <a16:creationId xmlns:a16="http://schemas.microsoft.com/office/drawing/2014/main" id="{DD34BDA0-1D5E-471F-B19C-04EAFC6B3017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1487665" y="1531869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Conector reto 8">
            <a:extLst>
              <a:ext uri="{FF2B5EF4-FFF2-40B4-BE49-F238E27FC236}">
                <a16:creationId xmlns:a16="http://schemas.microsoft.com/office/drawing/2014/main" id="{170B0F8E-A233-4495-9902-3F79AD7C70C5}"/>
              </a:ext>
            </a:extLst>
          </p:cNvPr>
          <p:cNvCxnSpPr>
            <a:cxnSpLocks/>
          </p:cNvCxnSpPr>
          <p:nvPr userDrawn="1"/>
        </p:nvCxnSpPr>
        <p:spPr>
          <a:xfrm rot="20363747" flipV="1">
            <a:off x="-3474566" y="2351744"/>
            <a:ext cx="5412367" cy="4059275"/>
          </a:xfrm>
          <a:prstGeom prst="line">
            <a:avLst/>
          </a:prstGeom>
          <a:ln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2989027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4" name="Forma Livre 13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2999544" y="-669988"/>
            <a:ext cx="5374491" cy="2146421"/>
          </a:xfrm>
          <a:custGeom>
            <a:avLst/>
            <a:gdLst>
              <a:gd name="connsiteX0" fmla="*/ 4030868 w 4030868"/>
              <a:gd name="connsiteY0" fmla="*/ 365111 h 2146421"/>
              <a:gd name="connsiteX1" fmla="*/ 4030868 w 4030868"/>
              <a:gd name="connsiteY1" fmla="*/ 345455 h 2146421"/>
              <a:gd name="connsiteX2" fmla="*/ 4019865 w 4030868"/>
              <a:gd name="connsiteY2" fmla="*/ 350369 h 2146421"/>
              <a:gd name="connsiteX3" fmla="*/ 3028950 w 4030868"/>
              <a:gd name="connsiteY3" fmla="*/ 816127 h 2146421"/>
              <a:gd name="connsiteX4" fmla="*/ 3028950 w 4030868"/>
              <a:gd name="connsiteY4" fmla="*/ 790096 h 2146421"/>
              <a:gd name="connsiteX5" fmla="*/ 3040992 w 4030868"/>
              <a:gd name="connsiteY5" fmla="*/ 784718 h 2146421"/>
              <a:gd name="connsiteX6" fmla="*/ 3040992 w 4030868"/>
              <a:gd name="connsiteY6" fmla="*/ 439307 h 2146421"/>
              <a:gd name="connsiteX7" fmla="*/ 4019865 w 4030868"/>
              <a:gd name="connsiteY7" fmla="*/ 2125 h 2146421"/>
              <a:gd name="connsiteX8" fmla="*/ 4018279 w 4030868"/>
              <a:gd name="connsiteY8" fmla="*/ 0 h 2146421"/>
              <a:gd name="connsiteX9" fmla="*/ 1001918 w 4030868"/>
              <a:gd name="connsiteY9" fmla="*/ 1347161 h 2146421"/>
              <a:gd name="connsiteX10" fmla="*/ 1001919 w 4030868"/>
              <a:gd name="connsiteY10" fmla="*/ 1350702 h 2146421"/>
              <a:gd name="connsiteX11" fmla="*/ 0 w 4030868"/>
              <a:gd name="connsiteY11" fmla="*/ 1798177 h 2146421"/>
              <a:gd name="connsiteX12" fmla="*/ 0 w 4030868"/>
              <a:gd name="connsiteY12" fmla="*/ 2146421 h 2146421"/>
              <a:gd name="connsiteX13" fmla="*/ 3016361 w 4030868"/>
              <a:gd name="connsiteY13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</a:cxnLst>
            <a:rect l="l" t="t" r="r" b="b"/>
            <a:pathLst>
              <a:path w="4030868" h="2146421">
                <a:moveTo>
                  <a:pt x="4030868" y="365111"/>
                </a:moveTo>
                <a:lnTo>
                  <a:pt x="4030868" y="345455"/>
                </a:lnTo>
                <a:lnTo>
                  <a:pt x="4019865" y="350369"/>
                </a:lnTo>
                <a:close/>
                <a:moveTo>
                  <a:pt x="3028950" y="816127"/>
                </a:moveTo>
                <a:lnTo>
                  <a:pt x="3028950" y="790096"/>
                </a:lnTo>
                <a:lnTo>
                  <a:pt x="3040992" y="784718"/>
                </a:lnTo>
                <a:lnTo>
                  <a:pt x="3040992" y="439307"/>
                </a:lnTo>
                <a:lnTo>
                  <a:pt x="4019865" y="2125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19140382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6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6" presetClass="entr" presetSubtype="37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Duas Partes d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" name="Imagem 24">
            <a:extLst>
              <a:ext uri="{FF2B5EF4-FFF2-40B4-BE49-F238E27FC236}">
                <a16:creationId xmlns:a16="http://schemas.microsoft.com/office/drawing/2014/main" id="{765E6624-4ADA-4EF3-B271-67464D5CBDBA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9483" t="34494" b="36451"/>
          <a:stretch>
            <a:fillRect/>
          </a:stretch>
        </p:blipFill>
        <p:spPr>
          <a:xfrm>
            <a:off x="1046041" y="-1859042"/>
            <a:ext cx="12378943" cy="1987780"/>
          </a:xfrm>
          <a:custGeom>
            <a:avLst/>
            <a:gdLst>
              <a:gd name="connsiteX0" fmla="*/ 6473 w 9284207"/>
              <a:gd name="connsiteY0" fmla="*/ 0 h 1987780"/>
              <a:gd name="connsiteX1" fmla="*/ 9284207 w 9284207"/>
              <a:gd name="connsiteY1" fmla="*/ 10749 h 1987780"/>
              <a:gd name="connsiteX2" fmla="*/ 9284207 w 9284207"/>
              <a:gd name="connsiteY2" fmla="*/ 1987780 h 1987780"/>
              <a:gd name="connsiteX3" fmla="*/ 867926 w 9284207"/>
              <a:gd name="connsiteY3" fmla="*/ 1978028 h 1987780"/>
              <a:gd name="connsiteX4" fmla="*/ 0 w 9284207"/>
              <a:gd name="connsiteY4" fmla="*/ 28634 h 198778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9284207" h="1987780">
                <a:moveTo>
                  <a:pt x="6473" y="0"/>
                </a:moveTo>
                <a:lnTo>
                  <a:pt x="9284207" y="10749"/>
                </a:lnTo>
                <a:lnTo>
                  <a:pt x="9284207" y="1987780"/>
                </a:lnTo>
                <a:lnTo>
                  <a:pt x="867926" y="1978028"/>
                </a:lnTo>
                <a:lnTo>
                  <a:pt x="0" y="28634"/>
                </a:lnTo>
                <a:close/>
              </a:path>
            </a:pathLst>
          </a:custGeom>
          <a:noFill/>
          <a:effectLst/>
        </p:spPr>
      </p:pic>
      <p:sp>
        <p:nvSpPr>
          <p:cNvPr id="40" name="Forma Livre 39"/>
          <p:cNvSpPr/>
          <p:nvPr userDrawn="1"/>
        </p:nvSpPr>
        <p:spPr>
          <a:xfrm rot="9360000" flipH="1">
            <a:off x="1794107" y="-660035"/>
            <a:ext cx="7918668" cy="3558217"/>
          </a:xfrm>
          <a:custGeom>
            <a:avLst/>
            <a:gdLst>
              <a:gd name="connsiteX0" fmla="*/ 6858000 w 6858000"/>
              <a:gd name="connsiteY0" fmla="*/ 1051164 h 4108814"/>
              <a:gd name="connsiteX1" fmla="*/ 6858000 w 6858000"/>
              <a:gd name="connsiteY1" fmla="*/ 0 h 4108814"/>
              <a:gd name="connsiteX2" fmla="*/ 11766 w 6858000"/>
              <a:gd name="connsiteY2" fmla="*/ 3057649 h 4108814"/>
              <a:gd name="connsiteX3" fmla="*/ 0 w 6858000"/>
              <a:gd name="connsiteY3" fmla="*/ 3041885 h 4108814"/>
              <a:gd name="connsiteX4" fmla="*/ 0 w 6858000"/>
              <a:gd name="connsiteY4" fmla="*/ 4093050 h 4108814"/>
              <a:gd name="connsiteX5" fmla="*/ 11766 w 6858000"/>
              <a:gd name="connsiteY5" fmla="*/ 4108814 h 41088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6858000" h="4108814">
                <a:moveTo>
                  <a:pt x="6858000" y="1051164"/>
                </a:moveTo>
                <a:lnTo>
                  <a:pt x="6858000" y="0"/>
                </a:lnTo>
                <a:lnTo>
                  <a:pt x="11766" y="3057649"/>
                </a:lnTo>
                <a:lnTo>
                  <a:pt x="0" y="3041885"/>
                </a:lnTo>
                <a:lnTo>
                  <a:pt x="0" y="4093050"/>
                </a:lnTo>
                <a:lnTo>
                  <a:pt x="11766" y="4108814"/>
                </a:lnTo>
                <a:close/>
              </a:path>
            </a:pathLst>
          </a:custGeom>
          <a:solidFill>
            <a:srgbClr val="08305B">
              <a:alpha val="6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8" name="Forma Livre 39">
            <a:extLst>
              <a:ext uri="{FF2B5EF4-FFF2-40B4-BE49-F238E27FC236}">
                <a16:creationId xmlns:a16="http://schemas.microsoft.com/office/drawing/2014/main" id="{D1A6F878-B7AA-402B-9209-90E4EE23A920}"/>
              </a:ext>
            </a:extLst>
          </p:cNvPr>
          <p:cNvSpPr/>
          <p:nvPr userDrawn="1"/>
        </p:nvSpPr>
        <p:spPr>
          <a:xfrm rot="9360000" flipH="1">
            <a:off x="8662383" y="-153352"/>
            <a:ext cx="7918668" cy="3558217"/>
          </a:xfrm>
          <a:custGeom>
            <a:avLst/>
            <a:gdLst>
              <a:gd name="connsiteX0" fmla="*/ 6858000 w 6858000"/>
              <a:gd name="connsiteY0" fmla="*/ 1051164 h 4108814"/>
              <a:gd name="connsiteX1" fmla="*/ 6858000 w 6858000"/>
              <a:gd name="connsiteY1" fmla="*/ 0 h 4108814"/>
              <a:gd name="connsiteX2" fmla="*/ 11766 w 6858000"/>
              <a:gd name="connsiteY2" fmla="*/ 3057649 h 4108814"/>
              <a:gd name="connsiteX3" fmla="*/ 0 w 6858000"/>
              <a:gd name="connsiteY3" fmla="*/ 3041885 h 4108814"/>
              <a:gd name="connsiteX4" fmla="*/ 0 w 6858000"/>
              <a:gd name="connsiteY4" fmla="*/ 4093050 h 4108814"/>
              <a:gd name="connsiteX5" fmla="*/ 11766 w 6858000"/>
              <a:gd name="connsiteY5" fmla="*/ 4108814 h 41088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6858000" h="4108814">
                <a:moveTo>
                  <a:pt x="6858000" y="1051164"/>
                </a:moveTo>
                <a:lnTo>
                  <a:pt x="6858000" y="0"/>
                </a:lnTo>
                <a:lnTo>
                  <a:pt x="11766" y="3057649"/>
                </a:lnTo>
                <a:lnTo>
                  <a:pt x="0" y="3041885"/>
                </a:lnTo>
                <a:lnTo>
                  <a:pt x="0" y="4093050"/>
                </a:lnTo>
                <a:lnTo>
                  <a:pt x="11766" y="4108814"/>
                </a:lnTo>
                <a:close/>
              </a:path>
            </a:pathLst>
          </a:custGeom>
          <a:solidFill>
            <a:srgbClr val="800522">
              <a:alpha val="6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9" name="Conector reto 8">
            <a:extLst>
              <a:ext uri="{FF2B5EF4-FFF2-40B4-BE49-F238E27FC236}">
                <a16:creationId xmlns:a16="http://schemas.microsoft.com/office/drawing/2014/main" id="{46D5603F-C0EE-4AEB-ABD6-F28468D1A886}"/>
              </a:ext>
            </a:extLst>
          </p:cNvPr>
          <p:cNvCxnSpPr/>
          <p:nvPr userDrawn="1"/>
        </p:nvCxnSpPr>
        <p:spPr>
          <a:xfrm rot="18660000" flipH="1">
            <a:off x="11083586" y="-682922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Conector reto 41"/>
          <p:cNvCxnSpPr/>
          <p:nvPr userDrawn="1"/>
        </p:nvCxnSpPr>
        <p:spPr>
          <a:xfrm rot="18660000" flipH="1">
            <a:off x="9844925" y="-2399697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Espaço Reservado para Texto 2">
            <a:extLst>
              <a:ext uri="{FF2B5EF4-FFF2-40B4-BE49-F238E27FC236}">
                <a16:creationId xmlns:a16="http://schemas.microsoft.com/office/drawing/2014/main" id="{0A2A81C7-BAD4-45EB-9A73-5C17A21BB429}"/>
              </a:ext>
            </a:extLst>
          </p:cNvPr>
          <p:cNvSpPr txBox="1">
            <a:spLocks/>
          </p:cNvSpPr>
          <p:nvPr userDrawn="1"/>
        </p:nvSpPr>
        <p:spPr>
          <a:xfrm>
            <a:off x="390971" y="231940"/>
            <a:ext cx="8475604" cy="354098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  <p:sp>
        <p:nvSpPr>
          <p:cNvPr id="27" name="Forma Livre: Forma 19">
            <a:extLst>
              <a:ext uri="{FF2B5EF4-FFF2-40B4-BE49-F238E27FC236}">
                <a16:creationId xmlns:a16="http://schemas.microsoft.com/office/drawing/2014/main" id="{80A35F35-2A62-4BE6-8BEA-ECFCADA3D4AB}"/>
              </a:ext>
            </a:extLst>
          </p:cNvPr>
          <p:cNvSpPr/>
          <p:nvPr userDrawn="1"/>
        </p:nvSpPr>
        <p:spPr>
          <a:xfrm rot="9370970" flipH="1">
            <a:off x="5686721" y="-461245"/>
            <a:ext cx="4038600" cy="1695405"/>
          </a:xfrm>
          <a:custGeom>
            <a:avLst/>
            <a:gdLst>
              <a:gd name="connsiteX0" fmla="*/ 0 w 3028950"/>
              <a:gd name="connsiteY0" fmla="*/ 1695405 h 1695405"/>
              <a:gd name="connsiteX1" fmla="*/ 1935271 w 3028950"/>
              <a:gd name="connsiteY1" fmla="*/ 831078 h 1695405"/>
              <a:gd name="connsiteX2" fmla="*/ 1935271 w 3028950"/>
              <a:gd name="connsiteY2" fmla="*/ 484661 h 1695405"/>
              <a:gd name="connsiteX3" fmla="*/ 3017384 w 3028950"/>
              <a:gd name="connsiteY3" fmla="*/ 1370 h 1695405"/>
              <a:gd name="connsiteX4" fmla="*/ 3016361 w 3028950"/>
              <a:gd name="connsiteY4" fmla="*/ 0 h 1695405"/>
              <a:gd name="connsiteX5" fmla="*/ 0 w 3028950"/>
              <a:gd name="connsiteY5" fmla="*/ 1347161 h 1695405"/>
              <a:gd name="connsiteX6" fmla="*/ 3028950 w 3028950"/>
              <a:gd name="connsiteY6" fmla="*/ 365111 h 1695405"/>
              <a:gd name="connsiteX7" fmla="*/ 3028950 w 3028950"/>
              <a:gd name="connsiteY7" fmla="*/ 344449 h 1695405"/>
              <a:gd name="connsiteX8" fmla="*/ 3017384 w 3028950"/>
              <a:gd name="connsiteY8" fmla="*/ 349614 h 16954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3028950" h="1695405">
                <a:moveTo>
                  <a:pt x="0" y="1695405"/>
                </a:moveTo>
                <a:lnTo>
                  <a:pt x="1935271" y="831078"/>
                </a:lnTo>
                <a:lnTo>
                  <a:pt x="1935271" y="484661"/>
                </a:lnTo>
                <a:lnTo>
                  <a:pt x="3017384" y="1370"/>
                </a:lnTo>
                <a:lnTo>
                  <a:pt x="3016361" y="0"/>
                </a:lnTo>
                <a:lnTo>
                  <a:pt x="0" y="1347161"/>
                </a:lnTo>
                <a:close/>
                <a:moveTo>
                  <a:pt x="3028950" y="365111"/>
                </a:moveTo>
                <a:lnTo>
                  <a:pt x="3028950" y="344449"/>
                </a:lnTo>
                <a:lnTo>
                  <a:pt x="3017384" y="349614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28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899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0" name="Forma Livre: Forma 19">
            <a:extLst>
              <a:ext uri="{FF2B5EF4-FFF2-40B4-BE49-F238E27FC236}">
                <a16:creationId xmlns:a16="http://schemas.microsoft.com/office/drawing/2014/main" id="{80A35F35-2A62-4BE6-8BEA-ECFCADA3D4AB}"/>
              </a:ext>
            </a:extLst>
          </p:cNvPr>
          <p:cNvSpPr/>
          <p:nvPr userDrawn="1"/>
        </p:nvSpPr>
        <p:spPr>
          <a:xfrm rot="9370970" flipH="1">
            <a:off x="7361392" y="-457200"/>
            <a:ext cx="4038600" cy="1695405"/>
          </a:xfrm>
          <a:custGeom>
            <a:avLst/>
            <a:gdLst>
              <a:gd name="connsiteX0" fmla="*/ 0 w 3028950"/>
              <a:gd name="connsiteY0" fmla="*/ 1695405 h 1695405"/>
              <a:gd name="connsiteX1" fmla="*/ 1935271 w 3028950"/>
              <a:gd name="connsiteY1" fmla="*/ 831078 h 1695405"/>
              <a:gd name="connsiteX2" fmla="*/ 1935271 w 3028950"/>
              <a:gd name="connsiteY2" fmla="*/ 484661 h 1695405"/>
              <a:gd name="connsiteX3" fmla="*/ 3017384 w 3028950"/>
              <a:gd name="connsiteY3" fmla="*/ 1370 h 1695405"/>
              <a:gd name="connsiteX4" fmla="*/ 3016361 w 3028950"/>
              <a:gd name="connsiteY4" fmla="*/ 0 h 1695405"/>
              <a:gd name="connsiteX5" fmla="*/ 0 w 3028950"/>
              <a:gd name="connsiteY5" fmla="*/ 1347161 h 1695405"/>
              <a:gd name="connsiteX6" fmla="*/ 3028950 w 3028950"/>
              <a:gd name="connsiteY6" fmla="*/ 365111 h 1695405"/>
              <a:gd name="connsiteX7" fmla="*/ 3028950 w 3028950"/>
              <a:gd name="connsiteY7" fmla="*/ 344449 h 1695405"/>
              <a:gd name="connsiteX8" fmla="*/ 3017384 w 3028950"/>
              <a:gd name="connsiteY8" fmla="*/ 349614 h 16954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3028950" h="1695405">
                <a:moveTo>
                  <a:pt x="0" y="1695405"/>
                </a:moveTo>
                <a:lnTo>
                  <a:pt x="1935271" y="831078"/>
                </a:lnTo>
                <a:lnTo>
                  <a:pt x="1935271" y="484661"/>
                </a:lnTo>
                <a:lnTo>
                  <a:pt x="3017384" y="1370"/>
                </a:lnTo>
                <a:lnTo>
                  <a:pt x="3016361" y="0"/>
                </a:lnTo>
                <a:lnTo>
                  <a:pt x="0" y="1347161"/>
                </a:lnTo>
                <a:close/>
                <a:moveTo>
                  <a:pt x="3028950" y="365111"/>
                </a:moveTo>
                <a:lnTo>
                  <a:pt x="3028950" y="344449"/>
                </a:lnTo>
                <a:lnTo>
                  <a:pt x="3017384" y="349614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266914521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6 -2.59259E-6 L -2.77778E-6 0.25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12500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22" presetClass="entr" presetSubtype="2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9" dur="125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22" presetClass="entr" presetSubtype="8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2" dur="125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22" presetClass="entr" presetSubtype="1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5" dur="175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22" presetClass="entr" presetSubtype="4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175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0" grpId="0" animBg="1"/>
      <p:bldP spid="8" grpId="0" animBg="1"/>
    </p:bldLst>
  </p:timing>
  <p:extLst mod="1">
    <p:ext uri="{DCECCB84-F9BA-43D5-87BE-67443E8EF086}">
      <p15:sldGuideLst xmlns:p15="http://schemas.microsoft.com/office/powerpoint/2012/main">
        <p15:guide id="1" orient="horz" pos="2160" userDrawn="1">
          <p15:clr>
            <a:srgbClr val="FBAE40"/>
          </p15:clr>
        </p15:guide>
        <p15:guide id="2" pos="3840" userDrawn="1">
          <p15:clr>
            <a:srgbClr val="FBAE40"/>
          </p15:clr>
        </p15:guide>
      </p15:sldGuideLst>
    </p:ext>
  </p:extLst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Duas Partes d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" name="Imagem 24">
            <a:extLst>
              <a:ext uri="{FF2B5EF4-FFF2-40B4-BE49-F238E27FC236}">
                <a16:creationId xmlns:a16="http://schemas.microsoft.com/office/drawing/2014/main" id="{765E6624-4ADA-4EF3-B271-67464D5CBDBA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9483" t="34494" b="36451"/>
          <a:stretch>
            <a:fillRect/>
          </a:stretch>
        </p:blipFill>
        <p:spPr>
          <a:xfrm>
            <a:off x="1046040" y="-1780483"/>
            <a:ext cx="13431960" cy="2156871"/>
          </a:xfrm>
          <a:custGeom>
            <a:avLst/>
            <a:gdLst>
              <a:gd name="connsiteX0" fmla="*/ 6473 w 9284207"/>
              <a:gd name="connsiteY0" fmla="*/ 0 h 1987780"/>
              <a:gd name="connsiteX1" fmla="*/ 9284207 w 9284207"/>
              <a:gd name="connsiteY1" fmla="*/ 10749 h 1987780"/>
              <a:gd name="connsiteX2" fmla="*/ 9284207 w 9284207"/>
              <a:gd name="connsiteY2" fmla="*/ 1987780 h 1987780"/>
              <a:gd name="connsiteX3" fmla="*/ 867926 w 9284207"/>
              <a:gd name="connsiteY3" fmla="*/ 1978028 h 1987780"/>
              <a:gd name="connsiteX4" fmla="*/ 0 w 9284207"/>
              <a:gd name="connsiteY4" fmla="*/ 28634 h 198778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9284207" h="1987780">
                <a:moveTo>
                  <a:pt x="6473" y="0"/>
                </a:moveTo>
                <a:lnTo>
                  <a:pt x="9284207" y="10749"/>
                </a:lnTo>
                <a:lnTo>
                  <a:pt x="9284207" y="1987780"/>
                </a:lnTo>
                <a:lnTo>
                  <a:pt x="867926" y="1978028"/>
                </a:lnTo>
                <a:lnTo>
                  <a:pt x="0" y="28634"/>
                </a:lnTo>
                <a:close/>
              </a:path>
            </a:pathLst>
          </a:custGeom>
          <a:noFill/>
          <a:effectLst/>
        </p:spPr>
      </p:pic>
      <p:sp>
        <p:nvSpPr>
          <p:cNvPr id="8" name="Forma Livre 39">
            <a:extLst>
              <a:ext uri="{FF2B5EF4-FFF2-40B4-BE49-F238E27FC236}">
                <a16:creationId xmlns:a16="http://schemas.microsoft.com/office/drawing/2014/main" id="{D1A6F878-B7AA-402B-9209-90E4EE23A920}"/>
              </a:ext>
            </a:extLst>
          </p:cNvPr>
          <p:cNvSpPr/>
          <p:nvPr userDrawn="1"/>
        </p:nvSpPr>
        <p:spPr>
          <a:xfrm rot="9360000" flipH="1">
            <a:off x="8662383" y="265749"/>
            <a:ext cx="7918668" cy="3558217"/>
          </a:xfrm>
          <a:custGeom>
            <a:avLst/>
            <a:gdLst>
              <a:gd name="connsiteX0" fmla="*/ 6858000 w 6858000"/>
              <a:gd name="connsiteY0" fmla="*/ 1051164 h 4108814"/>
              <a:gd name="connsiteX1" fmla="*/ 6858000 w 6858000"/>
              <a:gd name="connsiteY1" fmla="*/ 0 h 4108814"/>
              <a:gd name="connsiteX2" fmla="*/ 11766 w 6858000"/>
              <a:gd name="connsiteY2" fmla="*/ 3057649 h 4108814"/>
              <a:gd name="connsiteX3" fmla="*/ 0 w 6858000"/>
              <a:gd name="connsiteY3" fmla="*/ 3041885 h 4108814"/>
              <a:gd name="connsiteX4" fmla="*/ 0 w 6858000"/>
              <a:gd name="connsiteY4" fmla="*/ 4093050 h 4108814"/>
              <a:gd name="connsiteX5" fmla="*/ 11766 w 6858000"/>
              <a:gd name="connsiteY5" fmla="*/ 4108814 h 41088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6858000" h="4108814">
                <a:moveTo>
                  <a:pt x="6858000" y="1051164"/>
                </a:moveTo>
                <a:lnTo>
                  <a:pt x="6858000" y="0"/>
                </a:lnTo>
                <a:lnTo>
                  <a:pt x="11766" y="3057649"/>
                </a:lnTo>
                <a:lnTo>
                  <a:pt x="0" y="3041885"/>
                </a:lnTo>
                <a:lnTo>
                  <a:pt x="0" y="4093050"/>
                </a:lnTo>
                <a:lnTo>
                  <a:pt x="11766" y="4108814"/>
                </a:lnTo>
                <a:close/>
              </a:path>
            </a:pathLst>
          </a:custGeom>
          <a:solidFill>
            <a:srgbClr val="800522">
              <a:alpha val="6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9" name="Conector reto 8">
            <a:extLst>
              <a:ext uri="{FF2B5EF4-FFF2-40B4-BE49-F238E27FC236}">
                <a16:creationId xmlns:a16="http://schemas.microsoft.com/office/drawing/2014/main" id="{46D5603F-C0EE-4AEB-ABD6-F28468D1A886}"/>
              </a:ext>
            </a:extLst>
          </p:cNvPr>
          <p:cNvCxnSpPr/>
          <p:nvPr userDrawn="1"/>
        </p:nvCxnSpPr>
        <p:spPr>
          <a:xfrm rot="18660000" flipH="1">
            <a:off x="11083586" y="-682922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Conector reto 41"/>
          <p:cNvCxnSpPr/>
          <p:nvPr userDrawn="1"/>
        </p:nvCxnSpPr>
        <p:spPr>
          <a:xfrm rot="18660000" flipH="1">
            <a:off x="9844925" y="-2418747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Espaço Reservado para Texto 2">
            <a:extLst>
              <a:ext uri="{FF2B5EF4-FFF2-40B4-BE49-F238E27FC236}">
                <a16:creationId xmlns:a16="http://schemas.microsoft.com/office/drawing/2014/main" id="{0A2A81C7-BAD4-45EB-9A73-5C17A21BB429}"/>
              </a:ext>
            </a:extLst>
          </p:cNvPr>
          <p:cNvSpPr txBox="1">
            <a:spLocks/>
          </p:cNvSpPr>
          <p:nvPr userDrawn="1"/>
        </p:nvSpPr>
        <p:spPr>
          <a:xfrm>
            <a:off x="390971" y="231940"/>
            <a:ext cx="8475604" cy="354098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  <p:sp>
        <p:nvSpPr>
          <p:cNvPr id="10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6019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 dirty="0"/>
          </a:p>
        </p:txBody>
      </p:sp>
      <p:sp>
        <p:nvSpPr>
          <p:cNvPr id="11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5953199" y="-669988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3" name="Forma Livre 12"/>
          <p:cNvSpPr/>
          <p:nvPr userDrawn="1"/>
        </p:nvSpPr>
        <p:spPr>
          <a:xfrm rot="9360000" flipH="1">
            <a:off x="917602" y="-434623"/>
            <a:ext cx="7926769" cy="4101254"/>
          </a:xfrm>
          <a:custGeom>
            <a:avLst/>
            <a:gdLst>
              <a:gd name="connsiteX0" fmla="*/ 16266 w 5945077"/>
              <a:gd name="connsiteY0" fmla="*/ 4101254 h 4101254"/>
              <a:gd name="connsiteX1" fmla="*/ 5945077 w 5945077"/>
              <a:gd name="connsiteY1" fmla="*/ 1453340 h 4101254"/>
              <a:gd name="connsiteX2" fmla="*/ 5945077 w 5945077"/>
              <a:gd name="connsiteY2" fmla="*/ 543036 h 4101254"/>
              <a:gd name="connsiteX3" fmla="*/ 5939001 w 5945077"/>
              <a:gd name="connsiteY3" fmla="*/ 545750 h 4101254"/>
              <a:gd name="connsiteX4" fmla="*/ 5939001 w 5945077"/>
              <a:gd name="connsiteY4" fmla="*/ 0 h 4101254"/>
              <a:gd name="connsiteX5" fmla="*/ 10189 w 5945077"/>
              <a:gd name="connsiteY5" fmla="*/ 2647912 h 4101254"/>
              <a:gd name="connsiteX6" fmla="*/ 0 w 5945077"/>
              <a:gd name="connsiteY6" fmla="*/ 2634260 h 4101254"/>
              <a:gd name="connsiteX7" fmla="*/ 0 w 5945077"/>
              <a:gd name="connsiteY7" fmla="*/ 3544565 h 4101254"/>
              <a:gd name="connsiteX8" fmla="*/ 6076 w 5945077"/>
              <a:gd name="connsiteY8" fmla="*/ 3552706 h 4101254"/>
              <a:gd name="connsiteX9" fmla="*/ 6076 w 5945077"/>
              <a:gd name="connsiteY9" fmla="*/ 4087602 h 410125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945077" h="4101254">
                <a:moveTo>
                  <a:pt x="16266" y="4101254"/>
                </a:moveTo>
                <a:lnTo>
                  <a:pt x="5945077" y="1453340"/>
                </a:lnTo>
                <a:lnTo>
                  <a:pt x="5945077" y="543036"/>
                </a:lnTo>
                <a:lnTo>
                  <a:pt x="5939001" y="545750"/>
                </a:lnTo>
                <a:lnTo>
                  <a:pt x="5939001" y="0"/>
                </a:lnTo>
                <a:lnTo>
                  <a:pt x="10189" y="2647912"/>
                </a:lnTo>
                <a:lnTo>
                  <a:pt x="0" y="2634260"/>
                </a:lnTo>
                <a:lnTo>
                  <a:pt x="0" y="3544565"/>
                </a:lnTo>
                <a:lnTo>
                  <a:pt x="6076" y="3552706"/>
                </a:lnTo>
                <a:lnTo>
                  <a:pt x="6076" y="4087602"/>
                </a:lnTo>
                <a:close/>
              </a:path>
            </a:pathLst>
          </a:custGeom>
          <a:solidFill>
            <a:srgbClr val="08305B">
              <a:alpha val="6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28383860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1.94444E-6 4.81481E-6 L -1.94444E-6 0.25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12500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2" presetClass="entr" presetSubtype="2" accel="49000" decel="51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9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" presetID="16" presetClass="entr" presetSubtype="37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3" dur="3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6" presetClass="entr" presetSubtype="37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6" dur="3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" presetClass="entr" presetSubtype="8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1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1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</p:bldLst>
  </p:timing>
  <p:extLst mod="1">
    <p:ext uri="{DCECCB84-F9BA-43D5-87BE-67443E8EF086}">
      <p15:sldGuideLst xmlns:p15="http://schemas.microsoft.com/office/powerpoint/2012/main">
        <p15:guide id="1" orient="horz" pos="2160" userDrawn="1">
          <p15:clr>
            <a:srgbClr val="FBAE40"/>
          </p15:clr>
        </p15:guide>
        <p15:guide id="2" pos="3840" userDrawn="1">
          <p15:clr>
            <a:srgbClr val="FBAE40"/>
          </p15:clr>
        </p15:guide>
      </p15:sldGuideLst>
    </p:ext>
  </p:extLst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Conteúdo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Forma Livre: Forma 12">
            <a:extLst>
              <a:ext uri="{FF2B5EF4-FFF2-40B4-BE49-F238E27FC236}">
                <a16:creationId xmlns:a16="http://schemas.microsoft.com/office/drawing/2014/main" id="{9E6E7812-40B8-4A3F-A9AC-254AD1AECB7E}"/>
              </a:ext>
            </a:extLst>
          </p:cNvPr>
          <p:cNvSpPr/>
          <p:nvPr userDrawn="1"/>
        </p:nvSpPr>
        <p:spPr>
          <a:xfrm rot="9360000" flipH="1">
            <a:off x="2927937" y="-2707541"/>
            <a:ext cx="9465404" cy="5281454"/>
          </a:xfrm>
          <a:custGeom>
            <a:avLst/>
            <a:gdLst>
              <a:gd name="connsiteX0" fmla="*/ 10189 w 5939855"/>
              <a:gd name="connsiteY0" fmla="*/ 4419050 h 4419050"/>
              <a:gd name="connsiteX1" fmla="*/ 5939001 w 5939855"/>
              <a:gd name="connsiteY1" fmla="*/ 1771137 h 4419050"/>
              <a:gd name="connsiteX2" fmla="*/ 5939001 w 5939855"/>
              <a:gd name="connsiteY2" fmla="*/ 910685 h 4419050"/>
              <a:gd name="connsiteX3" fmla="*/ 5939855 w 5939855"/>
              <a:gd name="connsiteY3" fmla="*/ 910304 h 4419050"/>
              <a:gd name="connsiteX4" fmla="*/ 5939855 w 5939855"/>
              <a:gd name="connsiteY4" fmla="*/ 0 h 4419050"/>
              <a:gd name="connsiteX5" fmla="*/ 11043 w 5939855"/>
              <a:gd name="connsiteY5" fmla="*/ 2647912 h 4419050"/>
              <a:gd name="connsiteX6" fmla="*/ 854 w 5939855"/>
              <a:gd name="connsiteY6" fmla="*/ 2634260 h 4419050"/>
              <a:gd name="connsiteX7" fmla="*/ 854 w 5939855"/>
              <a:gd name="connsiteY7" fmla="*/ 3496237 h 4419050"/>
              <a:gd name="connsiteX8" fmla="*/ 0 w 5939855"/>
              <a:gd name="connsiteY8" fmla="*/ 3495093 h 4419050"/>
              <a:gd name="connsiteX9" fmla="*/ 0 w 5939855"/>
              <a:gd name="connsiteY9" fmla="*/ 4405398 h 44190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939855" h="4419050">
                <a:moveTo>
                  <a:pt x="10189" y="4419050"/>
                </a:moveTo>
                <a:lnTo>
                  <a:pt x="5939001" y="1771137"/>
                </a:lnTo>
                <a:lnTo>
                  <a:pt x="5939001" y="910685"/>
                </a:lnTo>
                <a:lnTo>
                  <a:pt x="5939855" y="910304"/>
                </a:lnTo>
                <a:lnTo>
                  <a:pt x="5939855" y="0"/>
                </a:lnTo>
                <a:lnTo>
                  <a:pt x="11043" y="2647912"/>
                </a:lnTo>
                <a:lnTo>
                  <a:pt x="854" y="2634260"/>
                </a:lnTo>
                <a:lnTo>
                  <a:pt x="854" y="3496237"/>
                </a:lnTo>
                <a:lnTo>
                  <a:pt x="0" y="3495093"/>
                </a:lnTo>
                <a:lnTo>
                  <a:pt x="0" y="4405398"/>
                </a:lnTo>
                <a:close/>
              </a:path>
            </a:pathLst>
          </a:custGeom>
          <a:solidFill>
            <a:srgbClr val="08305B">
              <a:alpha val="99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cxnSp>
        <p:nvCxnSpPr>
          <p:cNvPr id="11" name="Conector reto 10">
            <a:extLst>
              <a:ext uri="{FF2B5EF4-FFF2-40B4-BE49-F238E27FC236}">
                <a16:creationId xmlns:a16="http://schemas.microsoft.com/office/drawing/2014/main" id="{43099CD1-B81A-40B2-968E-ED47286000E7}"/>
              </a:ext>
            </a:extLst>
          </p:cNvPr>
          <p:cNvCxnSpPr/>
          <p:nvPr userDrawn="1"/>
        </p:nvCxnSpPr>
        <p:spPr>
          <a:xfrm rot="14700000" flipH="1">
            <a:off x="10467146" y="-2206508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Forma Livre 39">
            <a:extLst>
              <a:ext uri="{FF2B5EF4-FFF2-40B4-BE49-F238E27FC236}">
                <a16:creationId xmlns:a16="http://schemas.microsoft.com/office/drawing/2014/main" id="{7CE3779D-5CBF-46F0-81BC-5D878D6D9C78}"/>
              </a:ext>
            </a:extLst>
          </p:cNvPr>
          <p:cNvSpPr/>
          <p:nvPr userDrawn="1"/>
        </p:nvSpPr>
        <p:spPr>
          <a:xfrm rot="9360000" flipH="1">
            <a:off x="6709314" y="-974993"/>
            <a:ext cx="7918668" cy="3558217"/>
          </a:xfrm>
          <a:custGeom>
            <a:avLst/>
            <a:gdLst>
              <a:gd name="connsiteX0" fmla="*/ 6858000 w 6858000"/>
              <a:gd name="connsiteY0" fmla="*/ 1051164 h 4108814"/>
              <a:gd name="connsiteX1" fmla="*/ 6858000 w 6858000"/>
              <a:gd name="connsiteY1" fmla="*/ 0 h 4108814"/>
              <a:gd name="connsiteX2" fmla="*/ 11766 w 6858000"/>
              <a:gd name="connsiteY2" fmla="*/ 3057649 h 4108814"/>
              <a:gd name="connsiteX3" fmla="*/ 0 w 6858000"/>
              <a:gd name="connsiteY3" fmla="*/ 3041885 h 4108814"/>
              <a:gd name="connsiteX4" fmla="*/ 0 w 6858000"/>
              <a:gd name="connsiteY4" fmla="*/ 4093050 h 4108814"/>
              <a:gd name="connsiteX5" fmla="*/ 11766 w 6858000"/>
              <a:gd name="connsiteY5" fmla="*/ 4108814 h 41088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6858000" h="4108814">
                <a:moveTo>
                  <a:pt x="6858000" y="1051164"/>
                </a:moveTo>
                <a:lnTo>
                  <a:pt x="6858000" y="0"/>
                </a:lnTo>
                <a:lnTo>
                  <a:pt x="11766" y="3057649"/>
                </a:lnTo>
                <a:lnTo>
                  <a:pt x="0" y="3041885"/>
                </a:lnTo>
                <a:lnTo>
                  <a:pt x="0" y="4093050"/>
                </a:lnTo>
                <a:lnTo>
                  <a:pt x="11766" y="4108814"/>
                </a:lnTo>
                <a:close/>
              </a:path>
            </a:pathLst>
          </a:custGeom>
          <a:solidFill>
            <a:srgbClr val="787878">
              <a:alpha val="6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13" name="Forma Livre 39">
            <a:extLst>
              <a:ext uri="{FF2B5EF4-FFF2-40B4-BE49-F238E27FC236}">
                <a16:creationId xmlns:a16="http://schemas.microsoft.com/office/drawing/2014/main" id="{9861CB93-FB95-45D8-A995-FF574CE57268}"/>
              </a:ext>
            </a:extLst>
          </p:cNvPr>
          <p:cNvSpPr/>
          <p:nvPr userDrawn="1"/>
        </p:nvSpPr>
        <p:spPr>
          <a:xfrm rot="9360000" flipH="1">
            <a:off x="10267946" y="-1779109"/>
            <a:ext cx="7918668" cy="3558217"/>
          </a:xfrm>
          <a:custGeom>
            <a:avLst/>
            <a:gdLst>
              <a:gd name="connsiteX0" fmla="*/ 6858000 w 6858000"/>
              <a:gd name="connsiteY0" fmla="*/ 1051164 h 4108814"/>
              <a:gd name="connsiteX1" fmla="*/ 6858000 w 6858000"/>
              <a:gd name="connsiteY1" fmla="*/ 0 h 4108814"/>
              <a:gd name="connsiteX2" fmla="*/ 11766 w 6858000"/>
              <a:gd name="connsiteY2" fmla="*/ 3057649 h 4108814"/>
              <a:gd name="connsiteX3" fmla="*/ 0 w 6858000"/>
              <a:gd name="connsiteY3" fmla="*/ 3041885 h 4108814"/>
              <a:gd name="connsiteX4" fmla="*/ 0 w 6858000"/>
              <a:gd name="connsiteY4" fmla="*/ 4093050 h 4108814"/>
              <a:gd name="connsiteX5" fmla="*/ 11766 w 6858000"/>
              <a:gd name="connsiteY5" fmla="*/ 4108814 h 41088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6858000" h="4108814">
                <a:moveTo>
                  <a:pt x="6858000" y="1051164"/>
                </a:moveTo>
                <a:lnTo>
                  <a:pt x="6858000" y="0"/>
                </a:lnTo>
                <a:lnTo>
                  <a:pt x="11766" y="3057649"/>
                </a:lnTo>
                <a:lnTo>
                  <a:pt x="0" y="3041885"/>
                </a:lnTo>
                <a:lnTo>
                  <a:pt x="0" y="4093050"/>
                </a:lnTo>
                <a:lnTo>
                  <a:pt x="11766" y="4108814"/>
                </a:lnTo>
                <a:close/>
              </a:path>
            </a:pathLst>
          </a:custGeom>
          <a:solidFill>
            <a:srgbClr val="926F48">
              <a:alpha val="6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14" name="Conector reto 13">
            <a:extLst>
              <a:ext uri="{FF2B5EF4-FFF2-40B4-BE49-F238E27FC236}">
                <a16:creationId xmlns:a16="http://schemas.microsoft.com/office/drawing/2014/main" id="{9A6261A1-AC6C-4995-AB58-9F3BEAE61AD5}"/>
              </a:ext>
            </a:extLst>
          </p:cNvPr>
          <p:cNvCxnSpPr/>
          <p:nvPr userDrawn="1"/>
        </p:nvCxnSpPr>
        <p:spPr>
          <a:xfrm rot="14700000" flipH="1">
            <a:off x="4552151" y="-2472592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Conector reto 14">
            <a:extLst>
              <a:ext uri="{FF2B5EF4-FFF2-40B4-BE49-F238E27FC236}">
                <a16:creationId xmlns:a16="http://schemas.microsoft.com/office/drawing/2014/main" id="{5BF27FB5-6E97-4E5D-8756-08C4C5F8B1AE}"/>
              </a:ext>
            </a:extLst>
          </p:cNvPr>
          <p:cNvCxnSpPr/>
          <p:nvPr userDrawn="1"/>
        </p:nvCxnSpPr>
        <p:spPr>
          <a:xfrm rot="14700000" flipH="1">
            <a:off x="2412166" y="-3327976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Conector reto 15">
            <a:extLst>
              <a:ext uri="{FF2B5EF4-FFF2-40B4-BE49-F238E27FC236}">
                <a16:creationId xmlns:a16="http://schemas.microsoft.com/office/drawing/2014/main" id="{05592CA8-A2E5-4A0A-AE2E-608E368FEE92}"/>
              </a:ext>
            </a:extLst>
          </p:cNvPr>
          <p:cNvCxnSpPr/>
          <p:nvPr userDrawn="1"/>
        </p:nvCxnSpPr>
        <p:spPr>
          <a:xfrm rot="14700000" flipH="1">
            <a:off x="10723383" y="-2592731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1903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9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4269541" y="-669988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632151981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oment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rma Livre: Forma 19">
            <a:extLst>
              <a:ext uri="{FF2B5EF4-FFF2-40B4-BE49-F238E27FC236}">
                <a16:creationId xmlns:a16="http://schemas.microsoft.com/office/drawing/2014/main" id="{80A35F35-2A62-4BE6-8BEA-ECFCADA3D4AB}"/>
              </a:ext>
            </a:extLst>
          </p:cNvPr>
          <p:cNvSpPr/>
          <p:nvPr userDrawn="1"/>
        </p:nvSpPr>
        <p:spPr>
          <a:xfrm rot="9370970" flipH="1">
            <a:off x="5686721" y="-461245"/>
            <a:ext cx="4038600" cy="1695405"/>
          </a:xfrm>
          <a:custGeom>
            <a:avLst/>
            <a:gdLst>
              <a:gd name="connsiteX0" fmla="*/ 0 w 3028950"/>
              <a:gd name="connsiteY0" fmla="*/ 1695405 h 1695405"/>
              <a:gd name="connsiteX1" fmla="*/ 1935271 w 3028950"/>
              <a:gd name="connsiteY1" fmla="*/ 831078 h 1695405"/>
              <a:gd name="connsiteX2" fmla="*/ 1935271 w 3028950"/>
              <a:gd name="connsiteY2" fmla="*/ 484661 h 1695405"/>
              <a:gd name="connsiteX3" fmla="*/ 3017384 w 3028950"/>
              <a:gd name="connsiteY3" fmla="*/ 1370 h 1695405"/>
              <a:gd name="connsiteX4" fmla="*/ 3016361 w 3028950"/>
              <a:gd name="connsiteY4" fmla="*/ 0 h 1695405"/>
              <a:gd name="connsiteX5" fmla="*/ 0 w 3028950"/>
              <a:gd name="connsiteY5" fmla="*/ 1347161 h 1695405"/>
              <a:gd name="connsiteX6" fmla="*/ 3028950 w 3028950"/>
              <a:gd name="connsiteY6" fmla="*/ 365111 h 1695405"/>
              <a:gd name="connsiteX7" fmla="*/ 3028950 w 3028950"/>
              <a:gd name="connsiteY7" fmla="*/ 344449 h 1695405"/>
              <a:gd name="connsiteX8" fmla="*/ 3017384 w 3028950"/>
              <a:gd name="connsiteY8" fmla="*/ 349614 h 16954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3028950" h="1695405">
                <a:moveTo>
                  <a:pt x="0" y="1695405"/>
                </a:moveTo>
                <a:lnTo>
                  <a:pt x="1935271" y="831078"/>
                </a:lnTo>
                <a:lnTo>
                  <a:pt x="1935271" y="484661"/>
                </a:lnTo>
                <a:lnTo>
                  <a:pt x="3017384" y="1370"/>
                </a:lnTo>
                <a:lnTo>
                  <a:pt x="3016361" y="0"/>
                </a:lnTo>
                <a:lnTo>
                  <a:pt x="0" y="1347161"/>
                </a:lnTo>
                <a:close/>
                <a:moveTo>
                  <a:pt x="3028950" y="365111"/>
                </a:moveTo>
                <a:lnTo>
                  <a:pt x="3028950" y="344449"/>
                </a:lnTo>
                <a:lnTo>
                  <a:pt x="3017384" y="349614"/>
                </a:lnTo>
                <a:close/>
              </a:path>
            </a:pathLst>
          </a:cu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5" name="Forma Livre: Forma 20">
            <a:extLst>
              <a:ext uri="{FF2B5EF4-FFF2-40B4-BE49-F238E27FC236}">
                <a16:creationId xmlns:a16="http://schemas.microsoft.com/office/drawing/2014/main" id="{3560E839-D840-4E67-8E4E-49813A0EA134}"/>
              </a:ext>
            </a:extLst>
          </p:cNvPr>
          <p:cNvSpPr/>
          <p:nvPr userDrawn="1"/>
        </p:nvSpPr>
        <p:spPr>
          <a:xfrm rot="9370970" flipH="1">
            <a:off x="-17899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83731824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Cabeçalho da Se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2410788"/>
      </p:ext>
    </p:extLst>
  </p:cSld>
  <p:clrMapOvr>
    <a:masterClrMapping/>
  </p:clrMapOvr>
  <p:hf hdr="0" ftr="0" dt="0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uas Partes d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98880023"/>
      </p:ext>
    </p:extLst>
  </p:cSld>
  <p:clrMapOvr>
    <a:masterClrMapping/>
  </p:clrMapOvr>
  <p:hf hdr="0" ftr="0" dt="0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64638851"/>
      </p:ext>
    </p:extLst>
  </p:cSld>
  <p:clrMapOvr>
    <a:masterClrMapping/>
  </p:clrMapOvr>
  <p:hf hdr="0" ftr="0" dt="0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ment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96914603"/>
      </p:ext>
    </p:extLst>
  </p:cSld>
  <p:clrMapOvr>
    <a:masterClrMapping/>
  </p:clrMapOvr>
  <p:hf hdr="0" ftr="0" dt="0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m br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  <p:sp>
        <p:nvSpPr>
          <p:cNvPr id="5" name="Forma Livre: Forma 4">
            <a:extLst>
              <a:ext uri="{FF2B5EF4-FFF2-40B4-BE49-F238E27FC236}">
                <a16:creationId xmlns:a16="http://schemas.microsoft.com/office/drawing/2014/main" id="{10D1B421-084C-4820-9BE9-5217AF2DC2C7}"/>
              </a:ext>
            </a:extLst>
          </p:cNvPr>
          <p:cNvSpPr/>
          <p:nvPr userDrawn="1"/>
        </p:nvSpPr>
        <p:spPr>
          <a:xfrm rot="9360000" flipH="1">
            <a:off x="2927937" y="-2440841"/>
            <a:ext cx="9465404" cy="5281454"/>
          </a:xfrm>
          <a:custGeom>
            <a:avLst/>
            <a:gdLst>
              <a:gd name="connsiteX0" fmla="*/ 10189 w 5939855"/>
              <a:gd name="connsiteY0" fmla="*/ 4419050 h 4419050"/>
              <a:gd name="connsiteX1" fmla="*/ 5939001 w 5939855"/>
              <a:gd name="connsiteY1" fmla="*/ 1771137 h 4419050"/>
              <a:gd name="connsiteX2" fmla="*/ 5939001 w 5939855"/>
              <a:gd name="connsiteY2" fmla="*/ 910685 h 4419050"/>
              <a:gd name="connsiteX3" fmla="*/ 5939855 w 5939855"/>
              <a:gd name="connsiteY3" fmla="*/ 910304 h 4419050"/>
              <a:gd name="connsiteX4" fmla="*/ 5939855 w 5939855"/>
              <a:gd name="connsiteY4" fmla="*/ 0 h 4419050"/>
              <a:gd name="connsiteX5" fmla="*/ 11043 w 5939855"/>
              <a:gd name="connsiteY5" fmla="*/ 2647912 h 4419050"/>
              <a:gd name="connsiteX6" fmla="*/ 854 w 5939855"/>
              <a:gd name="connsiteY6" fmla="*/ 2634260 h 4419050"/>
              <a:gd name="connsiteX7" fmla="*/ 854 w 5939855"/>
              <a:gd name="connsiteY7" fmla="*/ 3496237 h 4419050"/>
              <a:gd name="connsiteX8" fmla="*/ 0 w 5939855"/>
              <a:gd name="connsiteY8" fmla="*/ 3495093 h 4419050"/>
              <a:gd name="connsiteX9" fmla="*/ 0 w 5939855"/>
              <a:gd name="connsiteY9" fmla="*/ 4405398 h 44190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939855" h="4419050">
                <a:moveTo>
                  <a:pt x="10189" y="4419050"/>
                </a:moveTo>
                <a:lnTo>
                  <a:pt x="5939001" y="1771137"/>
                </a:lnTo>
                <a:lnTo>
                  <a:pt x="5939001" y="910685"/>
                </a:lnTo>
                <a:lnTo>
                  <a:pt x="5939855" y="910304"/>
                </a:lnTo>
                <a:lnTo>
                  <a:pt x="5939855" y="0"/>
                </a:lnTo>
                <a:lnTo>
                  <a:pt x="11043" y="2647912"/>
                </a:lnTo>
                <a:lnTo>
                  <a:pt x="854" y="2634260"/>
                </a:lnTo>
                <a:lnTo>
                  <a:pt x="854" y="3496237"/>
                </a:lnTo>
                <a:lnTo>
                  <a:pt x="0" y="3495093"/>
                </a:lnTo>
                <a:lnTo>
                  <a:pt x="0" y="4405398"/>
                </a:lnTo>
                <a:close/>
              </a:path>
            </a:pathLst>
          </a:custGeom>
          <a:solidFill>
            <a:srgbClr val="08305B">
              <a:alpha val="99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cxnSp>
        <p:nvCxnSpPr>
          <p:cNvPr id="6" name="Conector reto 5">
            <a:extLst>
              <a:ext uri="{FF2B5EF4-FFF2-40B4-BE49-F238E27FC236}">
                <a16:creationId xmlns:a16="http://schemas.microsoft.com/office/drawing/2014/main" id="{720809EB-217B-4981-9591-57DF4BB45DA7}"/>
              </a:ext>
            </a:extLst>
          </p:cNvPr>
          <p:cNvCxnSpPr/>
          <p:nvPr userDrawn="1"/>
        </p:nvCxnSpPr>
        <p:spPr>
          <a:xfrm rot="14700000" flipH="1">
            <a:off x="10467146" y="-2206508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Forma Livre 39">
            <a:extLst>
              <a:ext uri="{FF2B5EF4-FFF2-40B4-BE49-F238E27FC236}">
                <a16:creationId xmlns:a16="http://schemas.microsoft.com/office/drawing/2014/main" id="{B02F85B5-C5CF-4BD2-8970-A919771F0330}"/>
              </a:ext>
            </a:extLst>
          </p:cNvPr>
          <p:cNvSpPr/>
          <p:nvPr userDrawn="1"/>
        </p:nvSpPr>
        <p:spPr>
          <a:xfrm rot="9360000" flipH="1">
            <a:off x="6709314" y="-632093"/>
            <a:ext cx="7918668" cy="3558217"/>
          </a:xfrm>
          <a:custGeom>
            <a:avLst/>
            <a:gdLst>
              <a:gd name="connsiteX0" fmla="*/ 6858000 w 6858000"/>
              <a:gd name="connsiteY0" fmla="*/ 1051164 h 4108814"/>
              <a:gd name="connsiteX1" fmla="*/ 6858000 w 6858000"/>
              <a:gd name="connsiteY1" fmla="*/ 0 h 4108814"/>
              <a:gd name="connsiteX2" fmla="*/ 11766 w 6858000"/>
              <a:gd name="connsiteY2" fmla="*/ 3057649 h 4108814"/>
              <a:gd name="connsiteX3" fmla="*/ 0 w 6858000"/>
              <a:gd name="connsiteY3" fmla="*/ 3041885 h 4108814"/>
              <a:gd name="connsiteX4" fmla="*/ 0 w 6858000"/>
              <a:gd name="connsiteY4" fmla="*/ 4093050 h 4108814"/>
              <a:gd name="connsiteX5" fmla="*/ 11766 w 6858000"/>
              <a:gd name="connsiteY5" fmla="*/ 4108814 h 41088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6858000" h="4108814">
                <a:moveTo>
                  <a:pt x="6858000" y="1051164"/>
                </a:moveTo>
                <a:lnTo>
                  <a:pt x="6858000" y="0"/>
                </a:lnTo>
                <a:lnTo>
                  <a:pt x="11766" y="3057649"/>
                </a:lnTo>
                <a:lnTo>
                  <a:pt x="0" y="3041885"/>
                </a:lnTo>
                <a:lnTo>
                  <a:pt x="0" y="4093050"/>
                </a:lnTo>
                <a:lnTo>
                  <a:pt x="11766" y="4108814"/>
                </a:lnTo>
                <a:close/>
              </a:path>
            </a:pathLst>
          </a:custGeom>
          <a:solidFill>
            <a:srgbClr val="787878">
              <a:alpha val="6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sp>
        <p:nvSpPr>
          <p:cNvPr id="8" name="Forma Livre 39">
            <a:extLst>
              <a:ext uri="{FF2B5EF4-FFF2-40B4-BE49-F238E27FC236}">
                <a16:creationId xmlns:a16="http://schemas.microsoft.com/office/drawing/2014/main" id="{B27C04E5-ABB2-4FD3-8516-C74C08F35357}"/>
              </a:ext>
            </a:extLst>
          </p:cNvPr>
          <p:cNvSpPr/>
          <p:nvPr userDrawn="1"/>
        </p:nvSpPr>
        <p:spPr>
          <a:xfrm rot="9360000" flipH="1">
            <a:off x="10267946" y="-1569559"/>
            <a:ext cx="7918668" cy="3558217"/>
          </a:xfrm>
          <a:custGeom>
            <a:avLst/>
            <a:gdLst>
              <a:gd name="connsiteX0" fmla="*/ 6858000 w 6858000"/>
              <a:gd name="connsiteY0" fmla="*/ 1051164 h 4108814"/>
              <a:gd name="connsiteX1" fmla="*/ 6858000 w 6858000"/>
              <a:gd name="connsiteY1" fmla="*/ 0 h 4108814"/>
              <a:gd name="connsiteX2" fmla="*/ 11766 w 6858000"/>
              <a:gd name="connsiteY2" fmla="*/ 3057649 h 4108814"/>
              <a:gd name="connsiteX3" fmla="*/ 0 w 6858000"/>
              <a:gd name="connsiteY3" fmla="*/ 3041885 h 4108814"/>
              <a:gd name="connsiteX4" fmla="*/ 0 w 6858000"/>
              <a:gd name="connsiteY4" fmla="*/ 4093050 h 4108814"/>
              <a:gd name="connsiteX5" fmla="*/ 11766 w 6858000"/>
              <a:gd name="connsiteY5" fmla="*/ 4108814 h 410881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</a:cxnLst>
            <a:rect l="l" t="t" r="r" b="b"/>
            <a:pathLst>
              <a:path w="6858000" h="4108814">
                <a:moveTo>
                  <a:pt x="6858000" y="1051164"/>
                </a:moveTo>
                <a:lnTo>
                  <a:pt x="6858000" y="0"/>
                </a:lnTo>
                <a:lnTo>
                  <a:pt x="11766" y="3057649"/>
                </a:lnTo>
                <a:lnTo>
                  <a:pt x="0" y="3041885"/>
                </a:lnTo>
                <a:lnTo>
                  <a:pt x="0" y="4093050"/>
                </a:lnTo>
                <a:lnTo>
                  <a:pt x="11766" y="4108814"/>
                </a:lnTo>
                <a:close/>
              </a:path>
            </a:pathLst>
          </a:custGeom>
          <a:solidFill>
            <a:srgbClr val="926F48">
              <a:alpha val="6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/>
          </a:p>
        </p:txBody>
      </p:sp>
      <p:cxnSp>
        <p:nvCxnSpPr>
          <p:cNvPr id="9" name="Conector reto 8">
            <a:extLst>
              <a:ext uri="{FF2B5EF4-FFF2-40B4-BE49-F238E27FC236}">
                <a16:creationId xmlns:a16="http://schemas.microsoft.com/office/drawing/2014/main" id="{7F123126-3DF5-4BA7-A519-575E65C67DCF}"/>
              </a:ext>
            </a:extLst>
          </p:cNvPr>
          <p:cNvCxnSpPr/>
          <p:nvPr userDrawn="1"/>
        </p:nvCxnSpPr>
        <p:spPr>
          <a:xfrm rot="14700000" flipH="1">
            <a:off x="4552151" y="-2472592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Conector reto 9">
            <a:extLst>
              <a:ext uri="{FF2B5EF4-FFF2-40B4-BE49-F238E27FC236}">
                <a16:creationId xmlns:a16="http://schemas.microsoft.com/office/drawing/2014/main" id="{9CBE90EE-B0E4-490C-B3A7-18A0D967A728}"/>
              </a:ext>
            </a:extLst>
          </p:cNvPr>
          <p:cNvCxnSpPr/>
          <p:nvPr userDrawn="1"/>
        </p:nvCxnSpPr>
        <p:spPr>
          <a:xfrm rot="14700000" flipH="1">
            <a:off x="2412166" y="-3327976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ector reto 10">
            <a:extLst>
              <a:ext uri="{FF2B5EF4-FFF2-40B4-BE49-F238E27FC236}">
                <a16:creationId xmlns:a16="http://schemas.microsoft.com/office/drawing/2014/main" id="{45F05590-B5B0-41F3-8173-397CDB5B9027}"/>
              </a:ext>
            </a:extLst>
          </p:cNvPr>
          <p:cNvCxnSpPr/>
          <p:nvPr userDrawn="1"/>
        </p:nvCxnSpPr>
        <p:spPr>
          <a:xfrm rot="14700000" flipH="1">
            <a:off x="10723383" y="-2592731"/>
            <a:ext cx="2402583" cy="6983769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Forma Livre: Forma 19">
            <a:extLst>
              <a:ext uri="{FF2B5EF4-FFF2-40B4-BE49-F238E27FC236}">
                <a16:creationId xmlns:a16="http://schemas.microsoft.com/office/drawing/2014/main" id="{22624929-65C3-4776-A964-922BE354252B}"/>
              </a:ext>
            </a:extLst>
          </p:cNvPr>
          <p:cNvSpPr/>
          <p:nvPr userDrawn="1"/>
        </p:nvSpPr>
        <p:spPr>
          <a:xfrm rot="9370970" flipH="1">
            <a:off x="5686721" y="-461245"/>
            <a:ext cx="4038600" cy="1695405"/>
          </a:xfrm>
          <a:custGeom>
            <a:avLst/>
            <a:gdLst>
              <a:gd name="connsiteX0" fmla="*/ 0 w 3028950"/>
              <a:gd name="connsiteY0" fmla="*/ 1695405 h 1695405"/>
              <a:gd name="connsiteX1" fmla="*/ 1935271 w 3028950"/>
              <a:gd name="connsiteY1" fmla="*/ 831078 h 1695405"/>
              <a:gd name="connsiteX2" fmla="*/ 1935271 w 3028950"/>
              <a:gd name="connsiteY2" fmla="*/ 484661 h 1695405"/>
              <a:gd name="connsiteX3" fmla="*/ 3017384 w 3028950"/>
              <a:gd name="connsiteY3" fmla="*/ 1370 h 1695405"/>
              <a:gd name="connsiteX4" fmla="*/ 3016361 w 3028950"/>
              <a:gd name="connsiteY4" fmla="*/ 0 h 1695405"/>
              <a:gd name="connsiteX5" fmla="*/ 0 w 3028950"/>
              <a:gd name="connsiteY5" fmla="*/ 1347161 h 1695405"/>
              <a:gd name="connsiteX6" fmla="*/ 3028950 w 3028950"/>
              <a:gd name="connsiteY6" fmla="*/ 365111 h 1695405"/>
              <a:gd name="connsiteX7" fmla="*/ 3028950 w 3028950"/>
              <a:gd name="connsiteY7" fmla="*/ 344449 h 1695405"/>
              <a:gd name="connsiteX8" fmla="*/ 3017384 w 3028950"/>
              <a:gd name="connsiteY8" fmla="*/ 349614 h 169540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</a:cxnLst>
            <a:rect l="l" t="t" r="r" b="b"/>
            <a:pathLst>
              <a:path w="3028950" h="1695405">
                <a:moveTo>
                  <a:pt x="0" y="1695405"/>
                </a:moveTo>
                <a:lnTo>
                  <a:pt x="1935271" y="831078"/>
                </a:lnTo>
                <a:lnTo>
                  <a:pt x="1935271" y="484661"/>
                </a:lnTo>
                <a:lnTo>
                  <a:pt x="3017384" y="1370"/>
                </a:lnTo>
                <a:lnTo>
                  <a:pt x="3016361" y="0"/>
                </a:lnTo>
                <a:lnTo>
                  <a:pt x="0" y="1347161"/>
                </a:lnTo>
                <a:close/>
                <a:moveTo>
                  <a:pt x="3028950" y="365111"/>
                </a:moveTo>
                <a:lnTo>
                  <a:pt x="3028950" y="344449"/>
                </a:lnTo>
                <a:lnTo>
                  <a:pt x="3017384" y="349614"/>
                </a:lnTo>
                <a:close/>
              </a:path>
            </a:pathLst>
          </a:cu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  <p:sp>
        <p:nvSpPr>
          <p:cNvPr id="13" name="Forma Livre: Forma 20">
            <a:extLst>
              <a:ext uri="{FF2B5EF4-FFF2-40B4-BE49-F238E27FC236}">
                <a16:creationId xmlns:a16="http://schemas.microsoft.com/office/drawing/2014/main" id="{FF8AB456-3F5A-44C9-9AC3-D2A86A585DFE}"/>
              </a:ext>
            </a:extLst>
          </p:cNvPr>
          <p:cNvSpPr/>
          <p:nvPr userDrawn="1"/>
        </p:nvSpPr>
        <p:spPr>
          <a:xfrm rot="9370970" flipH="1">
            <a:off x="-178993" y="-686752"/>
            <a:ext cx="5374492" cy="2146421"/>
          </a:xfrm>
          <a:custGeom>
            <a:avLst/>
            <a:gdLst>
              <a:gd name="connsiteX0" fmla="*/ 3028950 w 4030869"/>
              <a:gd name="connsiteY0" fmla="*/ 816127 h 2146421"/>
              <a:gd name="connsiteX1" fmla="*/ 3028950 w 4030869"/>
              <a:gd name="connsiteY1" fmla="*/ 790096 h 2146421"/>
              <a:gd name="connsiteX2" fmla="*/ 4018280 w 4030869"/>
              <a:gd name="connsiteY2" fmla="*/ 348244 h 2146421"/>
              <a:gd name="connsiteX3" fmla="*/ 4030868 w 4030869"/>
              <a:gd name="connsiteY3" fmla="*/ 365111 h 2146421"/>
              <a:gd name="connsiteX4" fmla="*/ 4030869 w 4030869"/>
              <a:gd name="connsiteY4" fmla="*/ 16867 h 2146421"/>
              <a:gd name="connsiteX5" fmla="*/ 4018279 w 4030869"/>
              <a:gd name="connsiteY5" fmla="*/ 0 h 2146421"/>
              <a:gd name="connsiteX6" fmla="*/ 1001918 w 4030869"/>
              <a:gd name="connsiteY6" fmla="*/ 1347161 h 2146421"/>
              <a:gd name="connsiteX7" fmla="*/ 1001919 w 4030869"/>
              <a:gd name="connsiteY7" fmla="*/ 1350702 h 2146421"/>
              <a:gd name="connsiteX8" fmla="*/ 0 w 4030869"/>
              <a:gd name="connsiteY8" fmla="*/ 1798177 h 2146421"/>
              <a:gd name="connsiteX9" fmla="*/ 0 w 4030869"/>
              <a:gd name="connsiteY9" fmla="*/ 2146421 h 2146421"/>
              <a:gd name="connsiteX10" fmla="*/ 3016361 w 4030869"/>
              <a:gd name="connsiteY10" fmla="*/ 799260 h 214642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030869" h="2146421">
                <a:moveTo>
                  <a:pt x="3028950" y="816127"/>
                </a:moveTo>
                <a:lnTo>
                  <a:pt x="3028950" y="790096"/>
                </a:lnTo>
                <a:lnTo>
                  <a:pt x="4018280" y="348244"/>
                </a:lnTo>
                <a:lnTo>
                  <a:pt x="4030868" y="365111"/>
                </a:lnTo>
                <a:lnTo>
                  <a:pt x="4030869" y="16867"/>
                </a:lnTo>
                <a:lnTo>
                  <a:pt x="4018279" y="0"/>
                </a:lnTo>
                <a:lnTo>
                  <a:pt x="1001918" y="1347161"/>
                </a:lnTo>
                <a:lnTo>
                  <a:pt x="1001919" y="1350702"/>
                </a:lnTo>
                <a:lnTo>
                  <a:pt x="0" y="1798177"/>
                </a:lnTo>
                <a:lnTo>
                  <a:pt x="0" y="2146421"/>
                </a:lnTo>
                <a:lnTo>
                  <a:pt x="3016361" y="799260"/>
                </a:lnTo>
                <a:close/>
              </a:path>
            </a:pathLst>
          </a:cu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/>
            <a:endParaRPr lang="pt-BR" sz="1800"/>
          </a:p>
        </p:txBody>
      </p:sp>
    </p:spTree>
    <p:extLst>
      <p:ext uri="{BB962C8B-B14F-4D97-AF65-F5344CB8AC3E}">
        <p14:creationId xmlns:p14="http://schemas.microsoft.com/office/powerpoint/2010/main" val="29942127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25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2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" dur="1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2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3" dur="1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" presetClass="entr" presetSubtype="8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125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125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2" presetClass="entr" presetSubtype="2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0" dur="12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2" presetClass="entr" presetSubtype="8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125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125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5" grpId="1" animBg="1"/>
      <p:bldP spid="7" grpId="0" animBg="1"/>
      <p:bldP spid="7" grpId="1" animBg="1"/>
      <p:bldP spid="8" grpId="0" animBg="1"/>
      <p:bldP spid="8" grpId="1" animBg="1"/>
    </p:bld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údo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34581929"/>
      </p:ext>
    </p:extLst>
  </p:cSld>
  <p:clrMapOvr>
    <a:masterClrMapping/>
  </p:clrMapOvr>
  <p:hf hdr="0" ftr="0" dt="0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m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pt-BR"/>
              <a:t>Clique no ícone para adicionar uma imagem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pt-BR"/>
              <a:t>Editar estilos de texto Mestre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5373823"/>
      </p:ext>
    </p:extLst>
  </p:cSld>
  <p:clrMapOvr>
    <a:masterClrMapping/>
  </p:clrMapOvr>
  <p:hf hdr="0" ftr="0" dt="0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29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28" Type="http://schemas.openxmlformats.org/officeDocument/2006/relationships/slideLayout" Target="../slideLayouts/slideLayout28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slideLayout" Target="../slideLayouts/slideLayout2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pt-BR"/>
              <a:t>Clique para editar o título Mestr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pt-BR"/>
              <a:t>Editar estilos de texto Mestre</a:t>
            </a:r>
          </a:p>
          <a:p>
            <a:pPr lvl="1"/>
            <a:r>
              <a:rPr lang="pt-BR"/>
              <a:t>Segundo nível</a:t>
            </a:r>
          </a:p>
          <a:p>
            <a:pPr lvl="2"/>
            <a:r>
              <a:rPr lang="pt-BR"/>
              <a:t>Terceiro nível</a:t>
            </a:r>
          </a:p>
          <a:p>
            <a:pPr lvl="3"/>
            <a:r>
              <a:rPr lang="pt-BR"/>
              <a:t>Quarto nível</a:t>
            </a:r>
          </a:p>
          <a:p>
            <a:pPr lvl="4"/>
            <a:r>
              <a:rPr lang="pt-BR"/>
              <a:t>Quinto ní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764DE79-268F-4C1A-8933-263129D2AF90}" type="datetimeFigureOut">
              <a:rPr lang="en-US" dirty="0"/>
              <a:t>6/27/2019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8F63A3B-78C7-47BE-AE5E-E10140E04643}" type="slidenum">
              <a:rPr lang="en-US" dirty="0"/>
              <a:t>‹nº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2363272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3" r:id="rId1"/>
    <p:sldLayoutId id="2147483684" r:id="rId2"/>
    <p:sldLayoutId id="2147483685" r:id="rId3"/>
    <p:sldLayoutId id="2147483686" r:id="rId4"/>
    <p:sldLayoutId id="2147483687" r:id="rId5"/>
    <p:sldLayoutId id="2147483688" r:id="rId6"/>
    <p:sldLayoutId id="2147483689" r:id="rId7"/>
    <p:sldLayoutId id="2147483690" r:id="rId8"/>
    <p:sldLayoutId id="2147483691" r:id="rId9"/>
    <p:sldLayoutId id="2147483692" r:id="rId10"/>
    <p:sldLayoutId id="2147483693" r:id="rId11"/>
    <p:sldLayoutId id="2147483694" r:id="rId12"/>
    <p:sldLayoutId id="2147483695" r:id="rId13"/>
    <p:sldLayoutId id="2147483661" r:id="rId14"/>
    <p:sldLayoutId id="2147483669" r:id="rId15"/>
    <p:sldLayoutId id="2147483662" r:id="rId16"/>
    <p:sldLayoutId id="2147483677" r:id="rId17"/>
    <p:sldLayoutId id="2147483675" r:id="rId18"/>
    <p:sldLayoutId id="2147483679" r:id="rId19"/>
    <p:sldLayoutId id="2147483676" r:id="rId20"/>
    <p:sldLayoutId id="2147483663" r:id="rId21"/>
    <p:sldLayoutId id="2147483665" r:id="rId22"/>
    <p:sldLayoutId id="2147483674" r:id="rId23"/>
    <p:sldLayoutId id="2147483680" r:id="rId24"/>
    <p:sldLayoutId id="2147483664" r:id="rId25"/>
    <p:sldLayoutId id="2147483673" r:id="rId26"/>
    <p:sldLayoutId id="2147483668" r:id="rId27"/>
    <p:sldLayoutId id="2147483666" r:id="rId28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microsoft.com/office/2007/relationships/hdphoto" Target="../media/hdphoto3.wdp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oleObject" Target="file:///\\d8231s051\Area_Comum\Macroeconomia\Dados%20Econ&#244;micos\Proje&#231;&#245;es\Internacional\Mundo\Atividade\PIB\PIB%20resumo.xlsx!GDP%20annual%20chg%20Constant%20(IMF)!%5bPIB%20resumo.xlsx%5dGDP%20annual%20chg%20Constant%20(IMF)%20Chart%2013" TargetMode="External"/><Relationship Id="rId2" Type="http://schemas.openxmlformats.org/officeDocument/2006/relationships/slideLayout" Target="../slideLayouts/slideLayout7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13.emf"/><Relationship Id="rId5" Type="http://schemas.openxmlformats.org/officeDocument/2006/relationships/oleObject" Target="file:///\\d8231s051\Area_Comum\Macroeconomia\Dados%20Econ&#244;micos\Proje&#231;&#245;es\Internacional\Mundo\Atividade\PMI\PMI%20Mundial%20FMI.xlsx!Gr&#225;ficos!%5bPMI%20Mundial%20FMI.xlsx%5dGr&#225;ficos%20Gr&#225;fico%2044" TargetMode="External"/><Relationship Id="rId4" Type="http://schemas.openxmlformats.org/officeDocument/2006/relationships/image" Target="../media/image12.emf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7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7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7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7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7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13.xml"/><Relationship Id="rId6" Type="http://schemas.openxmlformats.org/officeDocument/2006/relationships/image" Target="../media/image11.png"/><Relationship Id="rId5" Type="http://schemas.openxmlformats.org/officeDocument/2006/relationships/image" Target="../media/image10.png"/><Relationship Id="rId4" Type="http://schemas.openxmlformats.org/officeDocument/2006/relationships/image" Target="../media/image9.png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chart" Target="../charts/chart6.xml"/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3" Type="http://schemas.microsoft.com/office/2007/relationships/hdphoto" Target="../media/hdphoto3.wdp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2.xml"/></Relationships>
</file>

<file path=ppt/slides/_rels/slide5.xml.rels><?xml version="1.0" encoding="UTF-8" standalone="yes"?>
<Relationships xmlns="http://schemas.openxmlformats.org/package/2006/relationships"><Relationship Id="rId3" Type="http://schemas.microsoft.com/office/2007/relationships/hdphoto" Target="../media/hdphoto6.wdp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3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3" name="Imagem 142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4785" t="100000" r="37956" b="-208"/>
          <a:stretch>
            <a:fillRect/>
          </a:stretch>
        </p:blipFill>
        <p:spPr>
          <a:xfrm>
            <a:off x="6131573" y="6858001"/>
            <a:ext cx="1775578" cy="14287"/>
          </a:xfrm>
          <a:custGeom>
            <a:avLst/>
            <a:gdLst>
              <a:gd name="connsiteX0" fmla="*/ 1407 w 1775578"/>
              <a:gd name="connsiteY0" fmla="*/ 0 h 14287"/>
              <a:gd name="connsiteX1" fmla="*/ 1269010 w 1775578"/>
              <a:gd name="connsiteY1" fmla="*/ 0 h 14287"/>
              <a:gd name="connsiteX2" fmla="*/ 1267604 w 1775578"/>
              <a:gd name="connsiteY2" fmla="*/ 3147 h 14287"/>
              <a:gd name="connsiteX3" fmla="*/ 1282527 w 1775578"/>
              <a:gd name="connsiteY3" fmla="*/ 14285 h 14287"/>
              <a:gd name="connsiteX4" fmla="*/ 1775578 w 1775578"/>
              <a:gd name="connsiteY4" fmla="*/ 14285 h 14287"/>
              <a:gd name="connsiteX5" fmla="*/ 1775577 w 1775578"/>
              <a:gd name="connsiteY5" fmla="*/ 14286 h 14287"/>
              <a:gd name="connsiteX6" fmla="*/ 1172981 w 1775578"/>
              <a:gd name="connsiteY6" fmla="*/ 14286 h 14287"/>
              <a:gd name="connsiteX7" fmla="*/ 1172981 w 1775578"/>
              <a:gd name="connsiteY7" fmla="*/ 14287 h 14287"/>
              <a:gd name="connsiteX8" fmla="*/ 14922 w 1775578"/>
              <a:gd name="connsiteY8" fmla="*/ 14287 h 14287"/>
              <a:gd name="connsiteX9" fmla="*/ 0 w 1775578"/>
              <a:gd name="connsiteY9" fmla="*/ 3149 h 14287"/>
              <a:gd name="connsiteX10" fmla="*/ 1407 w 1775578"/>
              <a:gd name="connsiteY10" fmla="*/ 0 h 142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1775578" h="14287">
                <a:moveTo>
                  <a:pt x="1407" y="0"/>
                </a:moveTo>
                <a:lnTo>
                  <a:pt x="1269010" y="0"/>
                </a:lnTo>
                <a:lnTo>
                  <a:pt x="1267604" y="3147"/>
                </a:lnTo>
                <a:lnTo>
                  <a:pt x="1282527" y="14285"/>
                </a:lnTo>
                <a:lnTo>
                  <a:pt x="1775578" y="14285"/>
                </a:lnTo>
                <a:lnTo>
                  <a:pt x="1775577" y="14286"/>
                </a:lnTo>
                <a:lnTo>
                  <a:pt x="1172981" y="14286"/>
                </a:lnTo>
                <a:lnTo>
                  <a:pt x="1172981" y="14287"/>
                </a:lnTo>
                <a:lnTo>
                  <a:pt x="14922" y="14287"/>
                </a:lnTo>
                <a:lnTo>
                  <a:pt x="0" y="3149"/>
                </a:lnTo>
                <a:lnTo>
                  <a:pt x="1407" y="0"/>
                </a:lnTo>
                <a:close/>
              </a:path>
            </a:pathLst>
          </a:custGeom>
        </p:spPr>
      </p:pic>
      <p:sp>
        <p:nvSpPr>
          <p:cNvPr id="3" name="CaixaDeTexto 2"/>
          <p:cNvSpPr txBox="1"/>
          <p:nvPr/>
        </p:nvSpPr>
        <p:spPr>
          <a:xfrm>
            <a:off x="4178711" y="4867601"/>
            <a:ext cx="639643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pt-BR" sz="28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BRADESCO/ASSET MANAGEMENT</a:t>
            </a:r>
          </a:p>
        </p:txBody>
      </p:sp>
      <p:sp>
        <p:nvSpPr>
          <p:cNvPr id="155" name="CaixaDeTexto 154"/>
          <p:cNvSpPr txBox="1"/>
          <p:nvPr/>
        </p:nvSpPr>
        <p:spPr>
          <a:xfrm>
            <a:off x="6367464" y="5428422"/>
            <a:ext cx="4300537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pt-BR" sz="20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27 DE JUNHO DE 2019</a:t>
            </a:r>
          </a:p>
        </p:txBody>
      </p:sp>
      <p:cxnSp>
        <p:nvCxnSpPr>
          <p:cNvPr id="154" name="Conector reto 153"/>
          <p:cNvCxnSpPr/>
          <p:nvPr/>
        </p:nvCxnSpPr>
        <p:spPr>
          <a:xfrm flipH="1">
            <a:off x="6096000" y="5381045"/>
            <a:ext cx="4572000" cy="0"/>
          </a:xfrm>
          <a:prstGeom prst="line">
            <a:avLst/>
          </a:prstGeom>
          <a:ln w="22225">
            <a:solidFill>
              <a:srgbClr val="926F4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CaixaDeTexto 5"/>
          <p:cNvSpPr txBox="1"/>
          <p:nvPr/>
        </p:nvSpPr>
        <p:spPr>
          <a:xfrm>
            <a:off x="3864689" y="2182811"/>
            <a:ext cx="639643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2800" b="1" dirty="0">
                <a:solidFill>
                  <a:schemeClr val="bg1"/>
                </a:solidFill>
                <a:latin typeface="Century Gothic" panose="020B0502020202020204" pitchFamily="34" charset="0"/>
              </a:rPr>
              <a:t>CONGRESSO NACIONAL DA ABIPEM </a:t>
            </a:r>
            <a:endParaRPr lang="pt-BR" sz="2800" b="1" dirty="0">
              <a:solidFill>
                <a:schemeClr val="bg1"/>
              </a:solidFill>
              <a:latin typeface="Century Gothic" panose="020B0502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2800918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2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7" dur="1750"/>
                                        <p:tgtEl>
                                          <p:spTgt spid="1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1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27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1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  <p:bldP spid="155" grpId="0"/>
      <p:bldP spid="6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ENÁRIO MACRO</a:t>
            </a:r>
            <a:endParaRPr lang="pt-BR" sz="1400" dirty="0">
              <a:solidFill>
                <a:schemeClr val="bg1">
                  <a:lumMod val="85000"/>
                </a:scheme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44983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CRESCIMENTO ECONÔMICO E INCERTEZAS ECONÔMICAS E POLÍTICAS</a:t>
            </a:r>
          </a:p>
        </p:txBody>
      </p:sp>
      <p:sp>
        <p:nvSpPr>
          <p:cNvPr id="12" name="Espaço Reservado para Texto 9"/>
          <p:cNvSpPr txBox="1">
            <a:spLocks/>
          </p:cNvSpPr>
          <p:nvPr/>
        </p:nvSpPr>
        <p:spPr>
          <a:xfrm>
            <a:off x="1956001" y="6492046"/>
            <a:ext cx="6030591" cy="171292"/>
          </a:xfrm>
          <a:prstGeom prst="rect">
            <a:avLst/>
          </a:prstGeom>
        </p:spPr>
        <p:txBody>
          <a:bodyPr>
            <a:no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200" b="1"/>
              <a:t>FONTE: </a:t>
            </a:r>
            <a:r>
              <a:rPr lang="en-US" sz="1200">
                <a:solidFill>
                  <a:schemeClr val="bg1">
                    <a:lumMod val="50000"/>
                  </a:schemeClr>
                </a:solidFill>
              </a:rPr>
              <a:t>FMI, BLOOMBERG E Bram</a:t>
            </a:r>
            <a:endParaRPr lang="pt-BR" sz="1200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14" name="Text Box 16"/>
          <p:cNvSpPr txBox="1">
            <a:spLocks noChangeAspect="1" noChangeArrowheads="1"/>
          </p:cNvSpPr>
          <p:nvPr/>
        </p:nvSpPr>
        <p:spPr bwMode="auto">
          <a:xfrm flipH="1">
            <a:off x="1694672" y="1589860"/>
            <a:ext cx="2787236" cy="2240654"/>
          </a:xfrm>
          <a:prstGeom prst="round2DiagRect">
            <a:avLst>
              <a:gd name="adj1" fmla="val 6635"/>
              <a:gd name="adj2" fmla="val 0"/>
            </a:avLst>
          </a:prstGeom>
          <a:noFill/>
          <a:ln w="9525" algn="ctr">
            <a:solidFill>
              <a:schemeClr val="accent1"/>
            </a:solidFill>
            <a:miter lim="800000"/>
            <a:headEnd/>
            <a:tailEnd/>
          </a:ln>
        </p:spPr>
        <p:txBody>
          <a:bodyPr wrap="square" lIns="72000" tIns="0" rIns="72000" bIns="0" anchor="t" anchorCtr="0">
            <a:noAutofit/>
          </a:bodyPr>
          <a:lstStyle/>
          <a:p>
            <a:pPr defTabSz="914400">
              <a:lnSpc>
                <a:spcPct val="114000"/>
              </a:lnSpc>
              <a:spcAft>
                <a:spcPts val="1200"/>
              </a:spcAft>
              <a:buClr>
                <a:srgbClr val="560015"/>
              </a:buClr>
              <a:defRPr/>
            </a:pPr>
            <a:r>
              <a:rPr lang="pt-BR" sz="2200" b="1" dirty="0">
                <a:solidFill>
                  <a:srgbClr val="0552A7">
                    <a:lumMod val="75000"/>
                  </a:srgbClr>
                </a:solidFill>
                <a:latin typeface="Century Gothic" panose="020B0502020202020204" pitchFamily="34" charset="0"/>
              </a:rPr>
              <a:t>Crescimento</a:t>
            </a:r>
          </a:p>
          <a:p>
            <a:pPr defTabSz="914400">
              <a:lnSpc>
                <a:spcPct val="114000"/>
              </a:lnSpc>
              <a:spcAft>
                <a:spcPts val="1200"/>
              </a:spcAft>
              <a:buClr>
                <a:srgbClr val="560015"/>
              </a:buClr>
              <a:defRPr/>
            </a:pPr>
            <a:r>
              <a:rPr lang="pt-BR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A moderação do crescimento econômico mais acentuada no ano. </a:t>
            </a:r>
          </a:p>
        </p:txBody>
      </p:sp>
      <p:sp>
        <p:nvSpPr>
          <p:cNvPr id="15" name="Text Box 16"/>
          <p:cNvSpPr txBox="1">
            <a:spLocks noChangeAspect="1" noChangeArrowheads="1"/>
          </p:cNvSpPr>
          <p:nvPr/>
        </p:nvSpPr>
        <p:spPr bwMode="auto">
          <a:xfrm flipH="1">
            <a:off x="4799408" y="1576608"/>
            <a:ext cx="2639530" cy="2252555"/>
          </a:xfrm>
          <a:prstGeom prst="round2DiagRect">
            <a:avLst>
              <a:gd name="adj1" fmla="val 6635"/>
              <a:gd name="adj2" fmla="val 0"/>
            </a:avLst>
          </a:prstGeom>
          <a:noFill/>
          <a:ln w="9525" algn="ctr">
            <a:solidFill>
              <a:schemeClr val="accent1"/>
            </a:solidFill>
            <a:miter lim="800000"/>
            <a:headEnd/>
            <a:tailEnd/>
          </a:ln>
        </p:spPr>
        <p:txBody>
          <a:bodyPr wrap="square" lIns="72000" tIns="0" rIns="72000" bIns="0" anchor="t" anchorCtr="0">
            <a:noAutofit/>
          </a:bodyPr>
          <a:lstStyle/>
          <a:p>
            <a:pPr defTabSz="914400">
              <a:lnSpc>
                <a:spcPct val="114000"/>
              </a:lnSpc>
              <a:spcAft>
                <a:spcPts val="1200"/>
              </a:spcAft>
              <a:buClr>
                <a:srgbClr val="560015"/>
              </a:buClr>
              <a:defRPr/>
            </a:pPr>
            <a:r>
              <a:rPr lang="pt-BR" sz="2200" b="1" dirty="0">
                <a:solidFill>
                  <a:srgbClr val="0552A7">
                    <a:lumMod val="75000"/>
                  </a:srgbClr>
                </a:solidFill>
                <a:latin typeface="Century Gothic" panose="020B0502020202020204" pitchFamily="34" charset="0"/>
              </a:rPr>
              <a:t>Confiança</a:t>
            </a:r>
          </a:p>
          <a:p>
            <a:pPr defTabSz="914400">
              <a:lnSpc>
                <a:spcPct val="114000"/>
              </a:lnSpc>
              <a:spcAft>
                <a:spcPts val="1200"/>
              </a:spcAft>
              <a:buClr>
                <a:srgbClr val="560015"/>
              </a:buClr>
              <a:defRPr/>
            </a:pPr>
            <a:r>
              <a:rPr lang="pt-BR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Indicadores seguem em queda e sugerem fraco crescimento para os próximos trimestres. </a:t>
            </a:r>
            <a:endParaRPr lang="pt-BR" dirty="0">
              <a:solidFill>
                <a:srgbClr val="DFDFDF">
                  <a:lumMod val="10000"/>
                </a:srgbClr>
              </a:solidFill>
              <a:latin typeface="Calibri" panose="020F0502020204030204" pitchFamily="34" charset="0"/>
            </a:endParaRPr>
          </a:p>
        </p:txBody>
      </p:sp>
      <p:sp>
        <p:nvSpPr>
          <p:cNvPr id="17" name="Text Box 16"/>
          <p:cNvSpPr txBox="1">
            <a:spLocks noChangeAspect="1" noChangeArrowheads="1"/>
          </p:cNvSpPr>
          <p:nvPr/>
        </p:nvSpPr>
        <p:spPr bwMode="auto">
          <a:xfrm flipH="1">
            <a:off x="7766110" y="1563356"/>
            <a:ext cx="2639530" cy="2264366"/>
          </a:xfrm>
          <a:prstGeom prst="round2DiagRect">
            <a:avLst>
              <a:gd name="adj1" fmla="val 6635"/>
              <a:gd name="adj2" fmla="val 0"/>
            </a:avLst>
          </a:prstGeom>
          <a:noFill/>
          <a:ln w="9525" algn="ctr">
            <a:solidFill>
              <a:schemeClr val="accent1"/>
            </a:solidFill>
            <a:miter lim="800000"/>
            <a:headEnd/>
            <a:tailEnd/>
          </a:ln>
        </p:spPr>
        <p:txBody>
          <a:bodyPr wrap="square" lIns="72000" tIns="0" rIns="72000" bIns="0" anchor="t" anchorCtr="0">
            <a:noAutofit/>
          </a:bodyPr>
          <a:lstStyle/>
          <a:p>
            <a:pPr defTabSz="914400">
              <a:lnSpc>
                <a:spcPct val="114000"/>
              </a:lnSpc>
              <a:spcAft>
                <a:spcPts val="1200"/>
              </a:spcAft>
              <a:buClr>
                <a:srgbClr val="560015"/>
              </a:buClr>
              <a:defRPr/>
            </a:pPr>
            <a:r>
              <a:rPr lang="pt-BR" sz="2200" b="1" dirty="0">
                <a:solidFill>
                  <a:srgbClr val="0552A7">
                    <a:lumMod val="75000"/>
                  </a:srgbClr>
                </a:solidFill>
                <a:latin typeface="Century Gothic" panose="020B0502020202020204" pitchFamily="34" charset="0"/>
              </a:rPr>
              <a:t>Riscos</a:t>
            </a:r>
          </a:p>
          <a:p>
            <a:pPr defTabSz="914400">
              <a:lnSpc>
                <a:spcPct val="114000"/>
              </a:lnSpc>
              <a:spcAft>
                <a:spcPts val="1200"/>
              </a:spcAft>
              <a:buClr>
                <a:srgbClr val="560015"/>
              </a:buClr>
              <a:defRPr/>
            </a:pPr>
            <a:r>
              <a:rPr lang="pt-BR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Escalada na guerra comercial e temor de recessão. Há a discussão do Fed cortar juros no ano.</a:t>
            </a:r>
            <a:endParaRPr lang="pt-BR" dirty="0">
              <a:solidFill>
                <a:srgbClr val="DFDFDF">
                  <a:lumMod val="10000"/>
                </a:srgbClr>
              </a:solidFill>
              <a:latin typeface="Calibri" panose="020F0502020204030204" pitchFamily="34" charset="0"/>
            </a:endParaRPr>
          </a:p>
        </p:txBody>
      </p:sp>
      <p:graphicFrame>
        <p:nvGraphicFramePr>
          <p:cNvPr id="22" name="Object 15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883086575"/>
              </p:ext>
            </p:extLst>
          </p:nvPr>
        </p:nvGraphicFramePr>
        <p:xfrm>
          <a:off x="1539448" y="3863182"/>
          <a:ext cx="4519934" cy="270818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28" name="Worksheet" r:id="rId3" imgW="4562541" imgH="2733617" progId="Excel.Sheet.12">
                  <p:link updateAutomatic="1"/>
                </p:oleObj>
              </mc:Choice>
              <mc:Fallback>
                <p:oleObj name="Worksheet" r:id="rId3" imgW="4562541" imgH="2733617" progId="Excel.Sheet.12">
                  <p:link updateAutomatic="1"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539448" y="3863182"/>
                        <a:ext cx="4519934" cy="270818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23" name="Object 1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214671752"/>
              </p:ext>
            </p:extLst>
          </p:nvPr>
        </p:nvGraphicFramePr>
        <p:xfrm>
          <a:off x="6071781" y="3809118"/>
          <a:ext cx="4533900" cy="27622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29" name="Worksheet" r:id="rId5" imgW="4533927" imgH="2762230" progId="Excel.Sheet.12">
                  <p:link updateAutomatic="1"/>
                </p:oleObj>
              </mc:Choice>
              <mc:Fallback>
                <p:oleObj name="Worksheet" r:id="rId5" imgW="4533927" imgH="2762230" progId="Excel.Sheet.12">
                  <p:link updateAutomatic="1"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6071781" y="3809118"/>
                        <a:ext cx="4533900" cy="276225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814293754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3370112"/>
            <a:ext cx="6307684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CENÁRIO LOCAL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</p:spTree>
    <p:extLst>
      <p:ext uri="{BB962C8B-B14F-4D97-AF65-F5344CB8AC3E}">
        <p14:creationId xmlns:p14="http://schemas.microsoft.com/office/powerpoint/2010/main" val="157842573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ENÁRIO MACRO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674590" y="235965"/>
            <a:ext cx="4993411" cy="224917"/>
          </a:xfrm>
          <a:prstGeom prst="rect">
            <a:avLst/>
          </a:prstGeom>
          <a:noFill/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LOCAL</a:t>
            </a:r>
            <a:endParaRPr lang="pt-BR" sz="1400" dirty="0">
              <a:solidFill>
                <a:srgbClr val="08305B"/>
              </a:solidFill>
              <a:latin typeface="Century Gothic" panose="020B0502020202020204" pitchFamily="34" charset="0"/>
            </a:endParaRPr>
          </a:p>
        </p:txBody>
      </p:sp>
      <p:sp>
        <p:nvSpPr>
          <p:cNvPr id="9" name="Rectangle 2"/>
          <p:cNvSpPr>
            <a:spLocks noChangeArrowheads="1"/>
          </p:cNvSpPr>
          <p:nvPr/>
        </p:nvSpPr>
        <p:spPr bwMode="auto">
          <a:xfrm>
            <a:off x="1810009" y="1726006"/>
            <a:ext cx="4299687" cy="1668542"/>
          </a:xfrm>
          <a:prstGeom prst="round2Diag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 defTabSz="914400"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Crescimento Econômico</a:t>
            </a:r>
          </a:p>
          <a:p>
            <a:pPr defTabSz="914400"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O ritmo de recuperação da economia barsileira segue lento, a despeito das condições monetárias estimulativas. </a:t>
            </a:r>
          </a:p>
        </p:txBody>
      </p:sp>
      <p:sp>
        <p:nvSpPr>
          <p:cNvPr id="10" name="Rectangle 2">
            <a:extLst>
              <a:ext uri="{FF2B5EF4-FFF2-40B4-BE49-F238E27FC236}">
                <a16:creationId xmlns:a16="http://schemas.microsoft.com/office/drawing/2014/main" id="{2A003265-1D24-6C49-A885-36F2611B9240}"/>
              </a:ext>
            </a:extLst>
          </p:cNvPr>
          <p:cNvSpPr>
            <a:spLocks noChangeArrowheads="1"/>
          </p:cNvSpPr>
          <p:nvPr/>
        </p:nvSpPr>
        <p:spPr bwMode="auto">
          <a:xfrm>
            <a:off x="6302399" y="1683671"/>
            <a:ext cx="4168317" cy="150810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 algn="just" defTabSz="914400"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Inflação</a:t>
            </a:r>
          </a:p>
          <a:p>
            <a:pPr defTabSz="914400"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O cenário segue benigno. Elevada ociosidade e expectativa ancoradas devem permitir inflação novamente abaixo da meta. </a:t>
            </a:r>
          </a:p>
        </p:txBody>
      </p:sp>
      <p:sp>
        <p:nvSpPr>
          <p:cNvPr id="12" name="Rectangle 2">
            <a:extLst>
              <a:ext uri="{FF2B5EF4-FFF2-40B4-BE49-F238E27FC236}">
                <a16:creationId xmlns:a16="http://schemas.microsoft.com/office/drawing/2014/main" id="{48429B4F-7571-3A47-820F-4E54B16F1F6D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46055" y="3408385"/>
            <a:ext cx="4168317" cy="1284967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 algn="just" defTabSz="914400"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Taxa de Juros</a:t>
            </a:r>
          </a:p>
          <a:p>
            <a:pPr defTabSz="914400">
              <a:lnSpc>
                <a:spcPts val="2300"/>
              </a:lnSpc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Acreditamos que o Banco Central irá reduzir a taxa de juros nas reuniões de setembro e outubro. </a:t>
            </a:r>
          </a:p>
        </p:txBody>
      </p:sp>
      <p:sp>
        <p:nvSpPr>
          <p:cNvPr id="14" name="Rectangle 2">
            <a:extLst>
              <a:ext uri="{FF2B5EF4-FFF2-40B4-BE49-F238E27FC236}">
                <a16:creationId xmlns:a16="http://schemas.microsoft.com/office/drawing/2014/main" id="{E0176336-6C68-4C46-8D49-088AF3E26F54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96509" y="4969739"/>
            <a:ext cx="4168317" cy="157992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 algn="just" defTabSz="914400"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Contas Públicas</a:t>
            </a:r>
          </a:p>
          <a:p>
            <a:pPr defTabSz="914400">
              <a:lnSpc>
                <a:spcPts val="2300"/>
              </a:lnSpc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O governo não deve ter dificuldade para cumprir a meta fiscal em 2019. O grande desafio é o ajuste fiscal de médio prazo.</a:t>
            </a:r>
          </a:p>
        </p:txBody>
      </p:sp>
      <p:sp>
        <p:nvSpPr>
          <p:cNvPr id="15" name="Rectangle 2">
            <a:extLst>
              <a:ext uri="{FF2B5EF4-FFF2-40B4-BE49-F238E27FC236}">
                <a16:creationId xmlns:a16="http://schemas.microsoft.com/office/drawing/2014/main" id="{E88772FF-8772-8440-B5FD-9BEDD31BF85B}"/>
              </a:ext>
            </a:extLst>
          </p:cNvPr>
          <p:cNvSpPr>
            <a:spLocks noChangeArrowheads="1"/>
          </p:cNvSpPr>
          <p:nvPr/>
        </p:nvSpPr>
        <p:spPr bwMode="auto">
          <a:xfrm>
            <a:off x="6353199" y="4957843"/>
            <a:ext cx="4204930" cy="187487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 algn="just" defTabSz="914400"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Política</a:t>
            </a:r>
          </a:p>
          <a:p>
            <a:pPr defTabSz="914400">
              <a:lnSpc>
                <a:spcPts val="2300"/>
              </a:lnSpc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O objetivo é construir uma coalizão para  aprovar as reformas constitucionais. A atenção estará voltada para a aprovação da reforma da Previdência.</a:t>
            </a:r>
          </a:p>
        </p:txBody>
      </p:sp>
      <p:sp>
        <p:nvSpPr>
          <p:cNvPr id="17" name="Rectangle 2">
            <a:extLst>
              <a:ext uri="{FF2B5EF4-FFF2-40B4-BE49-F238E27FC236}">
                <a16:creationId xmlns:a16="http://schemas.microsoft.com/office/drawing/2014/main" id="{033392DC-CA10-CB4D-A7FB-63FD30B9B298}"/>
              </a:ext>
            </a:extLst>
          </p:cNvPr>
          <p:cNvSpPr>
            <a:spLocks noChangeArrowheads="1"/>
          </p:cNvSpPr>
          <p:nvPr/>
        </p:nvSpPr>
        <p:spPr bwMode="auto">
          <a:xfrm>
            <a:off x="6304559" y="3354844"/>
            <a:ext cx="4340067" cy="157992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 algn="just" defTabSz="914400"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Taxa de Câmbio</a:t>
            </a:r>
          </a:p>
          <a:p>
            <a:pPr defTabSz="914400">
              <a:lnSpc>
                <a:spcPts val="2300"/>
              </a:lnSpc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Fortalecimento do dólar será uma dificuldade no ano. O avanço nas reformas deve permitir a apreciação do Real.</a:t>
            </a:r>
          </a:p>
        </p:txBody>
      </p:sp>
    </p:spTree>
    <p:extLst>
      <p:ext uri="{BB962C8B-B14F-4D97-AF65-F5344CB8AC3E}">
        <p14:creationId xmlns:p14="http://schemas.microsoft.com/office/powerpoint/2010/main" val="1973859695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3370112"/>
            <a:ext cx="6307684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PROJEÇÕES BRAM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</p:spTree>
    <p:extLst>
      <p:ext uri="{BB962C8B-B14F-4D97-AF65-F5344CB8AC3E}">
        <p14:creationId xmlns:p14="http://schemas.microsoft.com/office/powerpoint/2010/main" val="36834463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ENÁRIO MACRO</a:t>
            </a:r>
            <a:endParaRPr lang="pt-BR" sz="1400" dirty="0">
              <a:solidFill>
                <a:schemeClr val="bg1">
                  <a:lumMod val="85000"/>
                </a:scheme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674590" y="235965"/>
            <a:ext cx="4993411" cy="224917"/>
          </a:xfrm>
          <a:prstGeom prst="rect">
            <a:avLst/>
          </a:prstGeom>
          <a:noFill/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PROJEÇÕES</a:t>
            </a:r>
            <a:endParaRPr lang="pt-BR" sz="1400" dirty="0">
              <a:solidFill>
                <a:srgbClr val="08305B"/>
              </a:solidFill>
              <a:latin typeface="Century Gothic" panose="020B0502020202020204" pitchFamily="34" charset="0"/>
            </a:endParaRPr>
          </a:p>
        </p:txBody>
      </p:sp>
      <p:graphicFrame>
        <p:nvGraphicFramePr>
          <p:cNvPr id="2" name="Tabela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323589855"/>
              </p:ext>
            </p:extLst>
          </p:nvPr>
        </p:nvGraphicFramePr>
        <p:xfrm>
          <a:off x="2334986" y="2240077"/>
          <a:ext cx="7696199" cy="2143125"/>
        </p:xfrm>
        <a:graphic>
          <a:graphicData uri="http://schemas.openxmlformats.org/drawingml/2006/table">
            <a:tbl>
              <a:tblPr/>
              <a:tblGrid>
                <a:gridCol w="3286588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76137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774061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723303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713786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713786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  <a:gridCol w="723303">
                  <a:extLst>
                    <a:ext uri="{9D8B030D-6E8A-4147-A177-3AD203B41FA5}">
                      <a16:colId xmlns:a16="http://schemas.microsoft.com/office/drawing/2014/main" val="20006"/>
                    </a:ext>
                  </a:extLst>
                </a:gridCol>
              </a:tblGrid>
              <a:tr h="428625">
                <a:tc>
                  <a:txBody>
                    <a:bodyPr/>
                    <a:lstStyle/>
                    <a:p>
                      <a:pPr algn="l" fontAlgn="ctr"/>
                      <a:r>
                        <a:rPr lang="pt-BR" sz="1600" b="0" i="0" u="none" strike="noStrike" dirty="0">
                          <a:solidFill>
                            <a:srgbClr val="FFFFFF"/>
                          </a:solidFill>
                          <a:effectLst/>
                          <a:latin typeface="Calibri"/>
                        </a:rPr>
                        <a:t> 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8305B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1" i="0" u="none" strike="noStrike" dirty="0">
                          <a:solidFill>
                            <a:srgbClr val="08305B"/>
                          </a:solidFill>
                          <a:effectLst/>
                          <a:latin typeface="Calibri"/>
                        </a:rPr>
                        <a:t>2015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1" i="0" u="none" strike="noStrike" dirty="0">
                          <a:solidFill>
                            <a:srgbClr val="08305B"/>
                          </a:solidFill>
                          <a:effectLst/>
                          <a:latin typeface="Calibri"/>
                        </a:rPr>
                        <a:t>2016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1" i="0" u="none" strike="noStrike" dirty="0">
                          <a:solidFill>
                            <a:srgbClr val="08305B"/>
                          </a:solidFill>
                          <a:effectLst/>
                          <a:latin typeface="Calibri"/>
                        </a:rPr>
                        <a:t>2017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1" i="0" u="none" strike="noStrike">
                          <a:solidFill>
                            <a:srgbClr val="08305B"/>
                          </a:solidFill>
                          <a:effectLst/>
                          <a:latin typeface="Calibri"/>
                        </a:rPr>
                        <a:t>2018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1" i="0" u="none" strike="noStrike" dirty="0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2019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A6A6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1" i="0" u="none" strike="noStrike" dirty="0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2020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A6A6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428625">
                <a:tc>
                  <a:txBody>
                    <a:bodyPr/>
                    <a:lstStyle/>
                    <a:p>
                      <a:pPr algn="l" fontAlgn="ctr"/>
                      <a:r>
                        <a:rPr lang="pt-BR" sz="16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/>
                        </a:rPr>
                        <a:t>PIB (% a.a.)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8305B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-3,5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-3,5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1,0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1,1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0,8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A6A6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2,2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A6A6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428625">
                <a:tc>
                  <a:txBody>
                    <a:bodyPr/>
                    <a:lstStyle/>
                    <a:p>
                      <a:pPr algn="l" fontAlgn="ctr"/>
                      <a:r>
                        <a:rPr lang="pt-BR" sz="16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/>
                        </a:rPr>
                        <a:t>Inflação (% a.a.) - IPCA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8305B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10,7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6,3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2,9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3,7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3,7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A6A6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3,7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A6A6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428625">
                <a:tc>
                  <a:txBody>
                    <a:bodyPr/>
                    <a:lstStyle/>
                    <a:p>
                      <a:pPr algn="l" fontAlgn="ctr"/>
                      <a:r>
                        <a:rPr lang="pt-BR" sz="16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/>
                        </a:rPr>
                        <a:t>Câmbio Final Período (R$/US$)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8305B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3,90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3,26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3,31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3,87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3,70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A6A6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3,85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A6A6A6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428625">
                <a:tc>
                  <a:txBody>
                    <a:bodyPr/>
                    <a:lstStyle/>
                    <a:p>
                      <a:pPr algn="l" fontAlgn="ctr"/>
                      <a:r>
                        <a:rPr lang="pt-BR" sz="1600" b="1" i="0" u="none" strike="noStrike" dirty="0">
                          <a:solidFill>
                            <a:srgbClr val="FFFFFF"/>
                          </a:solidFill>
                          <a:effectLst/>
                          <a:latin typeface="Calibri"/>
                        </a:rPr>
                        <a:t>Selic (% a.a.)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08305B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14,25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13,75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7,00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404040"/>
                          </a:solidFill>
                          <a:effectLst/>
                          <a:latin typeface="Calibri"/>
                        </a:rPr>
                        <a:t>6,50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5,50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A6A6A6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600" b="0" i="0" u="none" strike="noStrike" dirty="0">
                          <a:solidFill>
                            <a:srgbClr val="FF0000"/>
                          </a:solidFill>
                          <a:effectLst/>
                          <a:latin typeface="Calibri"/>
                        </a:rPr>
                        <a:t>5,50</a:t>
                      </a:r>
                    </a:p>
                  </a:txBody>
                  <a:tcPr marL="9525" marR="9525" marT="9525" marB="0" anchor="ctr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A6A6A6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278991337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3370112"/>
            <a:ext cx="6307684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</p:spTree>
    <p:extLst>
      <p:ext uri="{BB962C8B-B14F-4D97-AF65-F5344CB8AC3E}">
        <p14:creationId xmlns:p14="http://schemas.microsoft.com/office/powerpoint/2010/main" val="10564488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3370111"/>
            <a:ext cx="6307684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DIVERSIFICAÇÃO</a:t>
            </a:r>
          </a:p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DE INVESTIMENTOS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</p:spTree>
    <p:extLst>
      <p:ext uri="{BB962C8B-B14F-4D97-AF65-F5344CB8AC3E}">
        <p14:creationId xmlns:p14="http://schemas.microsoft.com/office/powerpoint/2010/main" val="340293288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1"/>
            <a:ext cx="5089108" cy="598032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DIVERSIFICAÇÃO DE INVESTIMENTO</a:t>
            </a:r>
          </a:p>
          <a:p>
            <a:pPr marL="0" indent="0">
              <a:lnSpc>
                <a:spcPct val="100000"/>
              </a:lnSpc>
              <a:buNone/>
              <a:defRPr/>
            </a:pPr>
            <a:r>
              <a:rPr lang="pt-BR" sz="1000" dirty="0">
                <a:solidFill>
                  <a:srgbClr val="08305B"/>
                </a:solidFill>
                <a:latin typeface="Century Gothic" panose="020B0502020202020204" pitchFamily="34" charset="0"/>
              </a:rPr>
              <a:t>RETORNO DOS PRINCIPAIS ÍNDICES ANO A ANO</a:t>
            </a:r>
          </a:p>
        </p:txBody>
      </p:sp>
      <p:sp>
        <p:nvSpPr>
          <p:cNvPr id="13" name="Retângulo 12"/>
          <p:cNvSpPr/>
          <p:nvPr/>
        </p:nvSpPr>
        <p:spPr>
          <a:xfrm>
            <a:off x="1808194" y="1298990"/>
            <a:ext cx="1569493" cy="420352"/>
          </a:xfrm>
          <a:prstGeom prst="rect">
            <a:avLst/>
          </a:prstGeom>
          <a:solidFill>
            <a:schemeClr val="bg1">
              <a:lumMod val="10000"/>
            </a:schemeClr>
          </a:solidFill>
          <a:ln>
            <a:solidFill>
              <a:schemeClr val="bg1">
                <a:lumMod val="1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b="1" dirty="0">
                <a:solidFill>
                  <a:srgbClr val="E7E6E6"/>
                </a:solidFill>
                <a:latin typeface="Century Gothic" panose="020B0502020202020204" pitchFamily="34" charset="0"/>
              </a:rPr>
              <a:t>2019</a:t>
            </a:r>
          </a:p>
        </p:txBody>
      </p:sp>
      <p:sp>
        <p:nvSpPr>
          <p:cNvPr id="16" name="Retângulo 15"/>
          <p:cNvSpPr/>
          <p:nvPr/>
        </p:nvSpPr>
        <p:spPr>
          <a:xfrm>
            <a:off x="3489144" y="1298990"/>
            <a:ext cx="1569493" cy="420352"/>
          </a:xfrm>
          <a:prstGeom prst="rect">
            <a:avLst/>
          </a:prstGeom>
          <a:solidFill>
            <a:schemeClr val="bg1">
              <a:lumMod val="10000"/>
            </a:schemeClr>
          </a:solidFill>
          <a:ln>
            <a:solidFill>
              <a:schemeClr val="bg1">
                <a:lumMod val="1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b="1" dirty="0">
                <a:solidFill>
                  <a:srgbClr val="E7E6E6"/>
                </a:solidFill>
                <a:latin typeface="Century Gothic" panose="020B0502020202020204" pitchFamily="34" charset="0"/>
              </a:rPr>
              <a:t>2018</a:t>
            </a:r>
          </a:p>
        </p:txBody>
      </p:sp>
      <p:sp>
        <p:nvSpPr>
          <p:cNvPr id="18" name="Retângulo 17"/>
          <p:cNvSpPr/>
          <p:nvPr/>
        </p:nvSpPr>
        <p:spPr>
          <a:xfrm>
            <a:off x="5170094" y="1298990"/>
            <a:ext cx="1569493" cy="420352"/>
          </a:xfrm>
          <a:prstGeom prst="rect">
            <a:avLst/>
          </a:prstGeom>
          <a:solidFill>
            <a:schemeClr val="bg1">
              <a:lumMod val="10000"/>
            </a:schemeClr>
          </a:solidFill>
          <a:ln>
            <a:solidFill>
              <a:schemeClr val="bg1">
                <a:lumMod val="1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b="1" dirty="0">
                <a:solidFill>
                  <a:srgbClr val="E7E6E6"/>
                </a:solidFill>
                <a:latin typeface="Century Gothic" panose="020B0502020202020204" pitchFamily="34" charset="0"/>
              </a:rPr>
              <a:t>2017</a:t>
            </a:r>
          </a:p>
        </p:txBody>
      </p:sp>
      <p:sp>
        <p:nvSpPr>
          <p:cNvPr id="19" name="Retângulo 18"/>
          <p:cNvSpPr/>
          <p:nvPr/>
        </p:nvSpPr>
        <p:spPr>
          <a:xfrm>
            <a:off x="6851044" y="1298990"/>
            <a:ext cx="1569493" cy="420352"/>
          </a:xfrm>
          <a:prstGeom prst="rect">
            <a:avLst/>
          </a:prstGeom>
          <a:solidFill>
            <a:schemeClr val="bg1">
              <a:lumMod val="10000"/>
            </a:schemeClr>
          </a:solidFill>
          <a:ln>
            <a:solidFill>
              <a:schemeClr val="bg1">
                <a:lumMod val="1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b="1" dirty="0">
                <a:solidFill>
                  <a:srgbClr val="E7E6E6"/>
                </a:solidFill>
                <a:latin typeface="Century Gothic" panose="020B0502020202020204" pitchFamily="34" charset="0"/>
              </a:rPr>
              <a:t>2016</a:t>
            </a:r>
          </a:p>
        </p:txBody>
      </p:sp>
      <p:sp>
        <p:nvSpPr>
          <p:cNvPr id="24" name="Retângulo 23"/>
          <p:cNvSpPr/>
          <p:nvPr/>
        </p:nvSpPr>
        <p:spPr>
          <a:xfrm>
            <a:off x="8531994" y="1298990"/>
            <a:ext cx="1569493" cy="420352"/>
          </a:xfrm>
          <a:prstGeom prst="rect">
            <a:avLst/>
          </a:prstGeom>
          <a:solidFill>
            <a:schemeClr val="bg1">
              <a:lumMod val="10000"/>
            </a:schemeClr>
          </a:solidFill>
          <a:ln>
            <a:solidFill>
              <a:schemeClr val="bg1">
                <a:lumMod val="1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b="1" dirty="0">
                <a:solidFill>
                  <a:srgbClr val="E7E6E6"/>
                </a:solidFill>
                <a:latin typeface="Century Gothic" panose="020B0502020202020204" pitchFamily="34" charset="0"/>
              </a:rPr>
              <a:t>2015</a:t>
            </a:r>
          </a:p>
        </p:txBody>
      </p:sp>
      <p:sp>
        <p:nvSpPr>
          <p:cNvPr id="25" name="Retângulo 24"/>
          <p:cNvSpPr/>
          <p:nvPr/>
        </p:nvSpPr>
        <p:spPr>
          <a:xfrm>
            <a:off x="1808186" y="3348258"/>
            <a:ext cx="1569493" cy="496359"/>
          </a:xfrm>
          <a:prstGeom prst="rect">
            <a:avLst/>
          </a:prstGeom>
          <a:solidFill>
            <a:srgbClr val="4C031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&amp;P 500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9,78%</a:t>
            </a:r>
          </a:p>
        </p:txBody>
      </p:sp>
      <p:sp>
        <p:nvSpPr>
          <p:cNvPr id="26" name="Retângulo 25"/>
          <p:cNvSpPr/>
          <p:nvPr/>
        </p:nvSpPr>
        <p:spPr>
          <a:xfrm>
            <a:off x="1808194" y="2827947"/>
            <a:ext cx="1569493" cy="496359"/>
          </a:xfrm>
          <a:prstGeom prst="rect">
            <a:avLst/>
          </a:prstGeom>
          <a:solidFill>
            <a:srgbClr val="80052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BOVESP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0,40%</a:t>
            </a:r>
          </a:p>
        </p:txBody>
      </p:sp>
      <p:sp>
        <p:nvSpPr>
          <p:cNvPr id="27" name="Retângulo 26"/>
          <p:cNvSpPr/>
          <p:nvPr/>
        </p:nvSpPr>
        <p:spPr>
          <a:xfrm>
            <a:off x="1808194" y="1796451"/>
            <a:ext cx="1569493" cy="496359"/>
          </a:xfrm>
          <a:prstGeom prst="rect">
            <a:avLst/>
          </a:prstGeom>
          <a:solidFill>
            <a:srgbClr val="0020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MLL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1,47%</a:t>
            </a:r>
          </a:p>
        </p:txBody>
      </p:sp>
      <p:sp>
        <p:nvSpPr>
          <p:cNvPr id="28" name="Retângulo 27"/>
          <p:cNvSpPr/>
          <p:nvPr/>
        </p:nvSpPr>
        <p:spPr>
          <a:xfrm>
            <a:off x="1808194" y="2320103"/>
            <a:ext cx="1569493" cy="496359"/>
          </a:xfrm>
          <a:prstGeom prst="rect">
            <a:avLst/>
          </a:prstGeom>
          <a:solidFill>
            <a:srgbClr val="52525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1,06%</a:t>
            </a:r>
          </a:p>
        </p:txBody>
      </p:sp>
      <p:sp>
        <p:nvSpPr>
          <p:cNvPr id="29" name="Retângulo 28"/>
          <p:cNvSpPr/>
          <p:nvPr/>
        </p:nvSpPr>
        <p:spPr>
          <a:xfrm>
            <a:off x="1808183" y="4890505"/>
            <a:ext cx="1569493" cy="496359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HF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3,66%</a:t>
            </a:r>
          </a:p>
        </p:txBody>
      </p:sp>
      <p:sp>
        <p:nvSpPr>
          <p:cNvPr id="30" name="Retângulo 29"/>
          <p:cNvSpPr/>
          <p:nvPr/>
        </p:nvSpPr>
        <p:spPr>
          <a:xfrm>
            <a:off x="1808185" y="3859587"/>
            <a:ext cx="1569493" cy="496359"/>
          </a:xfrm>
          <a:prstGeom prst="rect">
            <a:avLst/>
          </a:prstGeom>
          <a:solidFill>
            <a:srgbClr val="8D8D8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 5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5,47%</a:t>
            </a:r>
          </a:p>
        </p:txBody>
      </p:sp>
      <p:sp>
        <p:nvSpPr>
          <p:cNvPr id="31" name="Retângulo 30"/>
          <p:cNvSpPr/>
          <p:nvPr/>
        </p:nvSpPr>
        <p:spPr>
          <a:xfrm>
            <a:off x="1808184" y="4375378"/>
            <a:ext cx="1569493" cy="496359"/>
          </a:xfrm>
          <a:prstGeom prst="rect">
            <a:avLst/>
          </a:prstGeom>
          <a:solidFill>
            <a:srgbClr val="B59E7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RF-M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4,72%</a:t>
            </a:r>
          </a:p>
        </p:txBody>
      </p:sp>
      <p:sp>
        <p:nvSpPr>
          <p:cNvPr id="32" name="Retângulo 31"/>
          <p:cNvSpPr/>
          <p:nvPr/>
        </p:nvSpPr>
        <p:spPr>
          <a:xfrm>
            <a:off x="1808182" y="5408016"/>
            <a:ext cx="1569493" cy="496359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CDI</a:t>
            </a:r>
          </a:p>
          <a:p>
            <a:pPr algn="r">
              <a:defRPr/>
            </a:pPr>
            <a:r>
              <a:rPr lang="pt-BR" sz="1600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2,59%</a:t>
            </a:r>
          </a:p>
        </p:txBody>
      </p:sp>
      <p:sp>
        <p:nvSpPr>
          <p:cNvPr id="33" name="Retângulo 32"/>
          <p:cNvSpPr/>
          <p:nvPr/>
        </p:nvSpPr>
        <p:spPr>
          <a:xfrm>
            <a:off x="1808181" y="5949124"/>
            <a:ext cx="1569493" cy="496359"/>
          </a:xfrm>
          <a:prstGeom prst="rect">
            <a:avLst/>
          </a:prstGeom>
          <a:solidFill>
            <a:srgbClr val="926F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DÓLAR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,70%</a:t>
            </a:r>
          </a:p>
        </p:txBody>
      </p:sp>
      <p:sp>
        <p:nvSpPr>
          <p:cNvPr id="34" name="Retângulo 33"/>
          <p:cNvSpPr/>
          <p:nvPr/>
        </p:nvSpPr>
        <p:spPr>
          <a:xfrm>
            <a:off x="3489150" y="1798935"/>
            <a:ext cx="1569493" cy="496359"/>
          </a:xfrm>
          <a:prstGeom prst="rect">
            <a:avLst/>
          </a:prstGeom>
          <a:solidFill>
            <a:srgbClr val="926F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DÓLAR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7,13%</a:t>
            </a:r>
          </a:p>
        </p:txBody>
      </p:sp>
      <p:sp>
        <p:nvSpPr>
          <p:cNvPr id="35" name="Retângulo 34"/>
          <p:cNvSpPr/>
          <p:nvPr/>
        </p:nvSpPr>
        <p:spPr>
          <a:xfrm>
            <a:off x="3489149" y="2320104"/>
            <a:ext cx="1569493" cy="496359"/>
          </a:xfrm>
          <a:prstGeom prst="rect">
            <a:avLst/>
          </a:prstGeom>
          <a:solidFill>
            <a:srgbClr val="80052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BOVESP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5,03%</a:t>
            </a:r>
          </a:p>
        </p:txBody>
      </p:sp>
      <p:sp>
        <p:nvSpPr>
          <p:cNvPr id="36" name="Retângulo 35"/>
          <p:cNvSpPr/>
          <p:nvPr/>
        </p:nvSpPr>
        <p:spPr>
          <a:xfrm>
            <a:off x="3489149" y="2829826"/>
            <a:ext cx="1569493" cy="496359"/>
          </a:xfrm>
          <a:prstGeom prst="rect">
            <a:avLst/>
          </a:prstGeom>
          <a:solidFill>
            <a:srgbClr val="52525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3,06%</a:t>
            </a:r>
          </a:p>
        </p:txBody>
      </p:sp>
      <p:sp>
        <p:nvSpPr>
          <p:cNvPr id="37" name="Retângulo 36"/>
          <p:cNvSpPr/>
          <p:nvPr/>
        </p:nvSpPr>
        <p:spPr>
          <a:xfrm>
            <a:off x="3489148" y="3351432"/>
            <a:ext cx="1569493" cy="496359"/>
          </a:xfrm>
          <a:prstGeom prst="rect">
            <a:avLst/>
          </a:prstGeom>
          <a:solidFill>
            <a:srgbClr val="B59E7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RF-M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0,73%</a:t>
            </a:r>
          </a:p>
        </p:txBody>
      </p:sp>
      <p:sp>
        <p:nvSpPr>
          <p:cNvPr id="38" name="Retângulo 37"/>
          <p:cNvSpPr/>
          <p:nvPr/>
        </p:nvSpPr>
        <p:spPr>
          <a:xfrm>
            <a:off x="3489147" y="3866247"/>
            <a:ext cx="1569493" cy="496359"/>
          </a:xfrm>
          <a:prstGeom prst="rect">
            <a:avLst/>
          </a:prstGeom>
          <a:solidFill>
            <a:srgbClr val="8D8D8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 5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9,87%</a:t>
            </a:r>
          </a:p>
        </p:txBody>
      </p:sp>
      <p:sp>
        <p:nvSpPr>
          <p:cNvPr id="39" name="Retângulo 38"/>
          <p:cNvSpPr/>
          <p:nvPr/>
        </p:nvSpPr>
        <p:spPr>
          <a:xfrm>
            <a:off x="3489146" y="4381253"/>
            <a:ext cx="1569493" cy="496359"/>
          </a:xfrm>
          <a:prstGeom prst="rect">
            <a:avLst/>
          </a:prstGeom>
          <a:solidFill>
            <a:srgbClr val="0020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MLL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8,13%</a:t>
            </a:r>
          </a:p>
        </p:txBody>
      </p:sp>
      <p:sp>
        <p:nvSpPr>
          <p:cNvPr id="40" name="Retângulo 39"/>
          <p:cNvSpPr/>
          <p:nvPr/>
        </p:nvSpPr>
        <p:spPr>
          <a:xfrm>
            <a:off x="3489146" y="4890027"/>
            <a:ext cx="1569493" cy="496359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HF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7,09%</a:t>
            </a:r>
          </a:p>
        </p:txBody>
      </p:sp>
      <p:sp>
        <p:nvSpPr>
          <p:cNvPr id="41" name="Retângulo 40"/>
          <p:cNvSpPr/>
          <p:nvPr/>
        </p:nvSpPr>
        <p:spPr>
          <a:xfrm>
            <a:off x="3489145" y="5412449"/>
            <a:ext cx="1569493" cy="496359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CDI</a:t>
            </a:r>
          </a:p>
          <a:p>
            <a:pPr algn="r">
              <a:defRPr/>
            </a:pPr>
            <a:r>
              <a:rPr lang="pt-BR" sz="1600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6,42%</a:t>
            </a:r>
          </a:p>
        </p:txBody>
      </p:sp>
      <p:sp>
        <p:nvSpPr>
          <p:cNvPr id="42" name="Retângulo 41"/>
          <p:cNvSpPr/>
          <p:nvPr/>
        </p:nvSpPr>
        <p:spPr>
          <a:xfrm>
            <a:off x="3489144" y="5938651"/>
            <a:ext cx="1569493" cy="496359"/>
          </a:xfrm>
          <a:prstGeom prst="rect">
            <a:avLst/>
          </a:prstGeom>
          <a:solidFill>
            <a:srgbClr val="4C031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&amp;P 500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-6,24%</a:t>
            </a:r>
          </a:p>
        </p:txBody>
      </p:sp>
      <p:sp>
        <p:nvSpPr>
          <p:cNvPr id="43" name="Retângulo 42"/>
          <p:cNvSpPr/>
          <p:nvPr/>
        </p:nvSpPr>
        <p:spPr>
          <a:xfrm>
            <a:off x="5170094" y="1795760"/>
            <a:ext cx="1569493" cy="496359"/>
          </a:xfrm>
          <a:prstGeom prst="rect">
            <a:avLst/>
          </a:prstGeom>
          <a:solidFill>
            <a:srgbClr val="0020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en-US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MLL</a:t>
            </a:r>
            <a:endParaRPr lang="pt-BR" sz="1600" b="1" dirty="0">
              <a:solidFill>
                <a:srgbClr val="E7E6E6"/>
              </a:solidFill>
              <a:latin typeface="Century Gothic" panose="020B0502020202020204" pitchFamily="34" charset="0"/>
            </a:endParaRP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49,63%</a:t>
            </a:r>
          </a:p>
        </p:txBody>
      </p:sp>
      <p:sp>
        <p:nvSpPr>
          <p:cNvPr id="44" name="Retângulo 43"/>
          <p:cNvSpPr/>
          <p:nvPr/>
        </p:nvSpPr>
        <p:spPr>
          <a:xfrm>
            <a:off x="5170093" y="2316929"/>
            <a:ext cx="1569493" cy="496359"/>
          </a:xfrm>
          <a:prstGeom prst="rect">
            <a:avLst/>
          </a:prstGeom>
          <a:solidFill>
            <a:srgbClr val="80052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BOVESP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26,86%</a:t>
            </a:r>
          </a:p>
        </p:txBody>
      </p:sp>
      <p:sp>
        <p:nvSpPr>
          <p:cNvPr id="45" name="Retângulo 44"/>
          <p:cNvSpPr/>
          <p:nvPr/>
        </p:nvSpPr>
        <p:spPr>
          <a:xfrm>
            <a:off x="5170093" y="2826651"/>
            <a:ext cx="1569493" cy="496359"/>
          </a:xfrm>
          <a:prstGeom prst="rect">
            <a:avLst/>
          </a:prstGeom>
          <a:solidFill>
            <a:srgbClr val="4C031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&amp;P 500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9,42%</a:t>
            </a:r>
          </a:p>
        </p:txBody>
      </p:sp>
      <p:sp>
        <p:nvSpPr>
          <p:cNvPr id="46" name="Retângulo 45"/>
          <p:cNvSpPr/>
          <p:nvPr/>
        </p:nvSpPr>
        <p:spPr>
          <a:xfrm>
            <a:off x="5170092" y="3348257"/>
            <a:ext cx="1569493" cy="496359"/>
          </a:xfrm>
          <a:prstGeom prst="rect">
            <a:avLst/>
          </a:prstGeom>
          <a:solidFill>
            <a:srgbClr val="B59E7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RF-M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5,20%</a:t>
            </a:r>
          </a:p>
        </p:txBody>
      </p:sp>
      <p:sp>
        <p:nvSpPr>
          <p:cNvPr id="47" name="Retângulo 46"/>
          <p:cNvSpPr/>
          <p:nvPr/>
        </p:nvSpPr>
        <p:spPr>
          <a:xfrm>
            <a:off x="5170091" y="3863072"/>
            <a:ext cx="1569493" cy="496359"/>
          </a:xfrm>
          <a:prstGeom prst="rect">
            <a:avLst/>
          </a:prstGeom>
          <a:solidFill>
            <a:srgbClr val="52525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2,79%</a:t>
            </a:r>
          </a:p>
        </p:txBody>
      </p:sp>
      <p:sp>
        <p:nvSpPr>
          <p:cNvPr id="48" name="Retângulo 47"/>
          <p:cNvSpPr/>
          <p:nvPr/>
        </p:nvSpPr>
        <p:spPr>
          <a:xfrm>
            <a:off x="5170090" y="4378078"/>
            <a:ext cx="1569493" cy="496359"/>
          </a:xfrm>
          <a:prstGeom prst="rect">
            <a:avLst/>
          </a:prstGeom>
          <a:solidFill>
            <a:srgbClr val="8D8D8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 5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2,58%</a:t>
            </a:r>
          </a:p>
        </p:txBody>
      </p:sp>
      <p:sp>
        <p:nvSpPr>
          <p:cNvPr id="49" name="Retângulo 48"/>
          <p:cNvSpPr/>
          <p:nvPr/>
        </p:nvSpPr>
        <p:spPr>
          <a:xfrm>
            <a:off x="5170090" y="4886852"/>
            <a:ext cx="1569493" cy="496359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HF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2,41%</a:t>
            </a:r>
          </a:p>
        </p:txBody>
      </p:sp>
      <p:sp>
        <p:nvSpPr>
          <p:cNvPr id="50" name="Retângulo 49"/>
          <p:cNvSpPr/>
          <p:nvPr/>
        </p:nvSpPr>
        <p:spPr>
          <a:xfrm>
            <a:off x="5170089" y="5409274"/>
            <a:ext cx="1569493" cy="496359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CDI</a:t>
            </a:r>
          </a:p>
          <a:p>
            <a:pPr algn="r">
              <a:defRPr/>
            </a:pPr>
            <a:r>
              <a:rPr lang="pt-BR" sz="1600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9,93%</a:t>
            </a:r>
          </a:p>
        </p:txBody>
      </p:sp>
      <p:sp>
        <p:nvSpPr>
          <p:cNvPr id="51" name="Retângulo 50"/>
          <p:cNvSpPr/>
          <p:nvPr/>
        </p:nvSpPr>
        <p:spPr>
          <a:xfrm>
            <a:off x="5170088" y="5935476"/>
            <a:ext cx="1569493" cy="496359"/>
          </a:xfrm>
          <a:prstGeom prst="rect">
            <a:avLst/>
          </a:prstGeom>
          <a:solidFill>
            <a:srgbClr val="926F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DÓLAR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,50%</a:t>
            </a:r>
          </a:p>
        </p:txBody>
      </p:sp>
      <p:sp>
        <p:nvSpPr>
          <p:cNvPr id="52" name="Retângulo 51"/>
          <p:cNvSpPr/>
          <p:nvPr/>
        </p:nvSpPr>
        <p:spPr>
          <a:xfrm>
            <a:off x="6851044" y="1795760"/>
            <a:ext cx="1569493" cy="496359"/>
          </a:xfrm>
          <a:prstGeom prst="rect">
            <a:avLst/>
          </a:prstGeom>
          <a:solidFill>
            <a:srgbClr val="80052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BOVESP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38,94%</a:t>
            </a:r>
          </a:p>
        </p:txBody>
      </p:sp>
      <p:sp>
        <p:nvSpPr>
          <p:cNvPr id="53" name="Retângulo 52"/>
          <p:cNvSpPr/>
          <p:nvPr/>
        </p:nvSpPr>
        <p:spPr>
          <a:xfrm>
            <a:off x="6851043" y="2316929"/>
            <a:ext cx="1569493" cy="496359"/>
          </a:xfrm>
          <a:prstGeom prst="rect">
            <a:avLst/>
          </a:prstGeom>
          <a:solidFill>
            <a:srgbClr val="0020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MLL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31,75%</a:t>
            </a:r>
          </a:p>
        </p:txBody>
      </p:sp>
      <p:sp>
        <p:nvSpPr>
          <p:cNvPr id="54" name="Retângulo 53"/>
          <p:cNvSpPr/>
          <p:nvPr/>
        </p:nvSpPr>
        <p:spPr>
          <a:xfrm>
            <a:off x="6851043" y="2826651"/>
            <a:ext cx="1569493" cy="496359"/>
          </a:xfrm>
          <a:prstGeom prst="rect">
            <a:avLst/>
          </a:prstGeom>
          <a:solidFill>
            <a:srgbClr val="52525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24,81%</a:t>
            </a:r>
          </a:p>
        </p:txBody>
      </p:sp>
      <p:sp>
        <p:nvSpPr>
          <p:cNvPr id="55" name="Retângulo 54"/>
          <p:cNvSpPr/>
          <p:nvPr/>
        </p:nvSpPr>
        <p:spPr>
          <a:xfrm>
            <a:off x="6851042" y="3348257"/>
            <a:ext cx="1569493" cy="496359"/>
          </a:xfrm>
          <a:prstGeom prst="rect">
            <a:avLst/>
          </a:prstGeom>
          <a:solidFill>
            <a:srgbClr val="B59E7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RF-M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23,37%</a:t>
            </a:r>
          </a:p>
        </p:txBody>
      </p:sp>
      <p:sp>
        <p:nvSpPr>
          <p:cNvPr id="56" name="Retângulo 55"/>
          <p:cNvSpPr/>
          <p:nvPr/>
        </p:nvSpPr>
        <p:spPr>
          <a:xfrm>
            <a:off x="6851041" y="3863072"/>
            <a:ext cx="1569493" cy="496359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HF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5,87%</a:t>
            </a:r>
          </a:p>
        </p:txBody>
      </p:sp>
      <p:sp>
        <p:nvSpPr>
          <p:cNvPr id="57" name="Retângulo 56"/>
          <p:cNvSpPr/>
          <p:nvPr/>
        </p:nvSpPr>
        <p:spPr>
          <a:xfrm>
            <a:off x="6851040" y="4378078"/>
            <a:ext cx="1569493" cy="496359"/>
          </a:xfrm>
          <a:prstGeom prst="rect">
            <a:avLst/>
          </a:prstGeom>
          <a:solidFill>
            <a:srgbClr val="8D8D8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 5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5,48%</a:t>
            </a:r>
          </a:p>
        </p:txBody>
      </p:sp>
      <p:sp>
        <p:nvSpPr>
          <p:cNvPr id="58" name="Retângulo 57"/>
          <p:cNvSpPr/>
          <p:nvPr/>
        </p:nvSpPr>
        <p:spPr>
          <a:xfrm>
            <a:off x="6851040" y="4886852"/>
            <a:ext cx="1569493" cy="496359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CDI</a:t>
            </a:r>
          </a:p>
          <a:p>
            <a:pPr algn="r">
              <a:defRPr/>
            </a:pPr>
            <a:r>
              <a:rPr lang="pt-BR" sz="1600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14,00%</a:t>
            </a:r>
          </a:p>
        </p:txBody>
      </p:sp>
      <p:sp>
        <p:nvSpPr>
          <p:cNvPr id="59" name="Retângulo 58"/>
          <p:cNvSpPr/>
          <p:nvPr/>
        </p:nvSpPr>
        <p:spPr>
          <a:xfrm>
            <a:off x="6851039" y="5409274"/>
            <a:ext cx="1569493" cy="496359"/>
          </a:xfrm>
          <a:prstGeom prst="rect">
            <a:avLst/>
          </a:prstGeom>
          <a:solidFill>
            <a:srgbClr val="4C031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&amp;P 500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9,54%</a:t>
            </a:r>
          </a:p>
        </p:txBody>
      </p:sp>
      <p:sp>
        <p:nvSpPr>
          <p:cNvPr id="60" name="Retângulo 59"/>
          <p:cNvSpPr/>
          <p:nvPr/>
        </p:nvSpPr>
        <p:spPr>
          <a:xfrm>
            <a:off x="6851038" y="5935476"/>
            <a:ext cx="1569493" cy="496359"/>
          </a:xfrm>
          <a:prstGeom prst="rect">
            <a:avLst/>
          </a:prstGeom>
          <a:solidFill>
            <a:srgbClr val="926F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DÓLAR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-16,54%</a:t>
            </a:r>
          </a:p>
        </p:txBody>
      </p:sp>
      <p:sp>
        <p:nvSpPr>
          <p:cNvPr id="61" name="Retângulo 60"/>
          <p:cNvSpPr/>
          <p:nvPr/>
        </p:nvSpPr>
        <p:spPr>
          <a:xfrm>
            <a:off x="8531988" y="1795760"/>
            <a:ext cx="1569493" cy="496359"/>
          </a:xfrm>
          <a:prstGeom prst="rect">
            <a:avLst/>
          </a:prstGeom>
          <a:solidFill>
            <a:srgbClr val="926F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DÓLAR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47,01%</a:t>
            </a:r>
          </a:p>
        </p:txBody>
      </p:sp>
      <p:sp>
        <p:nvSpPr>
          <p:cNvPr id="62" name="Retângulo 61"/>
          <p:cNvSpPr/>
          <p:nvPr/>
        </p:nvSpPr>
        <p:spPr>
          <a:xfrm>
            <a:off x="8531987" y="2316929"/>
            <a:ext cx="1569493" cy="496359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HF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7,50%</a:t>
            </a:r>
          </a:p>
        </p:txBody>
      </p:sp>
      <p:sp>
        <p:nvSpPr>
          <p:cNvPr id="63" name="Retângulo 62"/>
          <p:cNvSpPr/>
          <p:nvPr/>
        </p:nvSpPr>
        <p:spPr>
          <a:xfrm>
            <a:off x="8531987" y="2826651"/>
            <a:ext cx="1569493" cy="496359"/>
          </a:xfrm>
          <a:prstGeom prst="rect">
            <a:avLst/>
          </a:prstGeom>
          <a:solidFill>
            <a:srgbClr val="8D8D8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 5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15,46%</a:t>
            </a:r>
          </a:p>
        </p:txBody>
      </p:sp>
      <p:sp>
        <p:nvSpPr>
          <p:cNvPr id="64" name="Retângulo 63"/>
          <p:cNvSpPr/>
          <p:nvPr/>
        </p:nvSpPr>
        <p:spPr>
          <a:xfrm>
            <a:off x="8531986" y="3348257"/>
            <a:ext cx="1569493" cy="496359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CDI</a:t>
            </a:r>
          </a:p>
          <a:p>
            <a:pPr algn="r">
              <a:defRPr/>
            </a:pPr>
            <a:r>
              <a:rPr lang="pt-BR" sz="1600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13,24%</a:t>
            </a:r>
          </a:p>
        </p:txBody>
      </p:sp>
      <p:sp>
        <p:nvSpPr>
          <p:cNvPr id="65" name="Retângulo 64"/>
          <p:cNvSpPr/>
          <p:nvPr/>
        </p:nvSpPr>
        <p:spPr>
          <a:xfrm>
            <a:off x="8531985" y="3863072"/>
            <a:ext cx="1569493" cy="496359"/>
          </a:xfrm>
          <a:prstGeom prst="rect">
            <a:avLst/>
          </a:prstGeom>
          <a:solidFill>
            <a:srgbClr val="52525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MA-B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8,88%</a:t>
            </a:r>
          </a:p>
        </p:txBody>
      </p:sp>
      <p:sp>
        <p:nvSpPr>
          <p:cNvPr id="66" name="Retângulo 65"/>
          <p:cNvSpPr/>
          <p:nvPr/>
        </p:nvSpPr>
        <p:spPr>
          <a:xfrm>
            <a:off x="8531984" y="4378078"/>
            <a:ext cx="1569493" cy="496359"/>
          </a:xfrm>
          <a:prstGeom prst="rect">
            <a:avLst/>
          </a:prstGeom>
          <a:solidFill>
            <a:srgbClr val="B59E7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RF-M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7,13%</a:t>
            </a:r>
          </a:p>
        </p:txBody>
      </p:sp>
      <p:sp>
        <p:nvSpPr>
          <p:cNvPr id="67" name="Retângulo 66"/>
          <p:cNvSpPr/>
          <p:nvPr/>
        </p:nvSpPr>
        <p:spPr>
          <a:xfrm>
            <a:off x="8531984" y="4886852"/>
            <a:ext cx="1569493" cy="496359"/>
          </a:xfrm>
          <a:prstGeom prst="rect">
            <a:avLst/>
          </a:prstGeom>
          <a:solidFill>
            <a:srgbClr val="4C031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&amp;P 500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-0,73%</a:t>
            </a:r>
          </a:p>
        </p:txBody>
      </p:sp>
      <p:sp>
        <p:nvSpPr>
          <p:cNvPr id="68" name="Retângulo 67"/>
          <p:cNvSpPr/>
          <p:nvPr/>
        </p:nvSpPr>
        <p:spPr>
          <a:xfrm>
            <a:off x="8531983" y="5409274"/>
            <a:ext cx="1569493" cy="496359"/>
          </a:xfrm>
          <a:prstGeom prst="rect">
            <a:avLst/>
          </a:prstGeom>
          <a:solidFill>
            <a:srgbClr val="80052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IBOVESPA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-13,31%</a:t>
            </a:r>
          </a:p>
        </p:txBody>
      </p:sp>
      <p:sp>
        <p:nvSpPr>
          <p:cNvPr id="69" name="Retângulo 68"/>
          <p:cNvSpPr/>
          <p:nvPr/>
        </p:nvSpPr>
        <p:spPr>
          <a:xfrm>
            <a:off x="8531982" y="5935476"/>
            <a:ext cx="1569493" cy="496359"/>
          </a:xfrm>
          <a:prstGeom prst="rect">
            <a:avLst/>
          </a:prstGeom>
          <a:solidFill>
            <a:srgbClr val="0020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600" b="1" dirty="0">
                <a:solidFill>
                  <a:srgbClr val="E7E6E6"/>
                </a:solidFill>
                <a:latin typeface="Century Gothic" panose="020B0502020202020204" pitchFamily="34" charset="0"/>
              </a:rPr>
              <a:t>SMLL</a:t>
            </a:r>
          </a:p>
          <a:p>
            <a:pPr algn="r">
              <a:defRPr/>
            </a:pPr>
            <a:r>
              <a:rPr lang="pt-BR" sz="1600" dirty="0">
                <a:solidFill>
                  <a:srgbClr val="E7E6E6"/>
                </a:solidFill>
                <a:latin typeface="Century Gothic" panose="020B0502020202020204" pitchFamily="34" charset="0"/>
              </a:rPr>
              <a:t>-22,36%</a:t>
            </a:r>
          </a:p>
        </p:txBody>
      </p:sp>
      <p:grpSp>
        <p:nvGrpSpPr>
          <p:cNvPr id="70" name="Agrupar 69"/>
          <p:cNvGrpSpPr/>
          <p:nvPr/>
        </p:nvGrpSpPr>
        <p:grpSpPr>
          <a:xfrm>
            <a:off x="6753690" y="3577266"/>
            <a:ext cx="3418658" cy="554000"/>
            <a:chOff x="6633025" y="573207"/>
            <a:chExt cx="4136576" cy="554000"/>
          </a:xfrm>
          <a:solidFill>
            <a:schemeClr val="bg1"/>
          </a:solidFill>
        </p:grpSpPr>
        <p:sp>
          <p:nvSpPr>
            <p:cNvPr id="71" name="Pentágono 70"/>
            <p:cNvSpPr/>
            <p:nvPr/>
          </p:nvSpPr>
          <p:spPr>
            <a:xfrm rot="10800000">
              <a:off x="6633025" y="573207"/>
              <a:ext cx="4136576" cy="553999"/>
            </a:xfrm>
            <a:prstGeom prst="homePlate">
              <a:avLst>
                <a:gd name="adj" fmla="val 79949"/>
              </a:avLst>
            </a:prstGeom>
            <a:grpFill/>
            <a:ln>
              <a:solidFill>
                <a:schemeClr val="bg1">
                  <a:lumMod val="1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endParaRPr lang="pt-BR" dirty="0">
                <a:solidFill>
                  <a:prstClr val="white"/>
                </a:solidFill>
                <a:latin typeface="Century Gothic" panose="020B0502020202020204" pitchFamily="34" charset="0"/>
              </a:endParaRPr>
            </a:p>
          </p:txBody>
        </p:sp>
        <p:sp>
          <p:nvSpPr>
            <p:cNvPr id="72" name="CaixaDeTexto 71"/>
            <p:cNvSpPr txBox="1"/>
            <p:nvPr/>
          </p:nvSpPr>
          <p:spPr>
            <a:xfrm>
              <a:off x="7107691" y="573209"/>
              <a:ext cx="3661910" cy="5539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600" b="1" dirty="0" err="1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Multim</a:t>
              </a:r>
              <a:r>
                <a:rPr lang="pt-BR" sz="1600" b="1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 Macro Institucional</a:t>
              </a:r>
            </a:p>
            <a:p>
              <a:pPr algn="r">
                <a:defRPr/>
              </a:pPr>
              <a:r>
                <a:rPr lang="pt-BR" sz="1400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14,40%|145,10% CDI</a:t>
              </a:r>
            </a:p>
          </p:txBody>
        </p:sp>
      </p:grpSp>
      <p:grpSp>
        <p:nvGrpSpPr>
          <p:cNvPr id="6" name="Agrupar 5"/>
          <p:cNvGrpSpPr/>
          <p:nvPr/>
        </p:nvGrpSpPr>
        <p:grpSpPr>
          <a:xfrm>
            <a:off x="5112028" y="1484823"/>
            <a:ext cx="3898623" cy="554874"/>
            <a:chOff x="3588027" y="7790373"/>
            <a:chExt cx="3898623" cy="554874"/>
          </a:xfrm>
        </p:grpSpPr>
        <p:sp>
          <p:nvSpPr>
            <p:cNvPr id="74" name="Pentágono 73"/>
            <p:cNvSpPr/>
            <p:nvPr/>
          </p:nvSpPr>
          <p:spPr>
            <a:xfrm rot="10800000">
              <a:off x="3588027" y="7790373"/>
              <a:ext cx="2165267" cy="553999"/>
            </a:xfrm>
            <a:prstGeom prst="homePlate">
              <a:avLst>
                <a:gd name="adj" fmla="val 79949"/>
              </a:avLst>
            </a:prstGeom>
            <a:solidFill>
              <a:schemeClr val="bg1"/>
            </a:solidFill>
            <a:ln>
              <a:solidFill>
                <a:schemeClr val="bg1">
                  <a:lumMod val="1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endParaRPr lang="pt-BR" dirty="0">
                <a:solidFill>
                  <a:prstClr val="white"/>
                </a:solidFill>
                <a:latin typeface="Century Gothic" panose="020B0502020202020204" pitchFamily="34" charset="0"/>
              </a:endParaRPr>
            </a:p>
          </p:txBody>
        </p:sp>
        <p:sp>
          <p:nvSpPr>
            <p:cNvPr id="75" name="CaixaDeTexto 74"/>
            <p:cNvSpPr txBox="1"/>
            <p:nvPr/>
          </p:nvSpPr>
          <p:spPr>
            <a:xfrm>
              <a:off x="4090484" y="7790380"/>
              <a:ext cx="1662811" cy="5539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600" b="1" dirty="0" err="1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Small</a:t>
              </a:r>
              <a:r>
                <a:rPr lang="pt-BR" sz="1600" b="1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 </a:t>
              </a:r>
              <a:r>
                <a:rPr lang="pt-BR" sz="1600" b="1" dirty="0" err="1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Cap</a:t>
              </a:r>
              <a:r>
                <a:rPr lang="pt-BR" sz="1600" b="1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 Plus </a:t>
              </a:r>
            </a:p>
            <a:p>
              <a:pPr algn="r">
                <a:defRPr/>
              </a:pPr>
              <a:r>
                <a:rPr lang="pt-BR" sz="1400" dirty="0" err="1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Ibov</a:t>
              </a:r>
              <a:r>
                <a:rPr lang="pt-BR" sz="1400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 + 4,3%</a:t>
              </a:r>
            </a:p>
          </p:txBody>
        </p:sp>
        <p:sp>
          <p:nvSpPr>
            <p:cNvPr id="76" name="Pentágono 75"/>
            <p:cNvSpPr/>
            <p:nvPr/>
          </p:nvSpPr>
          <p:spPr>
            <a:xfrm rot="10800000">
              <a:off x="5796691" y="7790374"/>
              <a:ext cx="1689959" cy="553999"/>
            </a:xfrm>
            <a:prstGeom prst="homePlate">
              <a:avLst>
                <a:gd name="adj" fmla="val 0"/>
              </a:avLst>
            </a:prstGeom>
            <a:solidFill>
              <a:schemeClr val="bg1"/>
            </a:solidFill>
            <a:ln>
              <a:solidFill>
                <a:schemeClr val="bg1">
                  <a:lumMod val="1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endParaRPr lang="pt-BR" dirty="0">
                <a:solidFill>
                  <a:prstClr val="white"/>
                </a:solidFill>
                <a:latin typeface="Century Gothic" panose="020B0502020202020204" pitchFamily="34" charset="0"/>
              </a:endParaRPr>
            </a:p>
          </p:txBody>
        </p:sp>
        <p:sp>
          <p:nvSpPr>
            <p:cNvPr id="77" name="CaixaDeTexto 76"/>
            <p:cNvSpPr txBox="1"/>
            <p:nvPr/>
          </p:nvSpPr>
          <p:spPr>
            <a:xfrm>
              <a:off x="5777641" y="7791249"/>
              <a:ext cx="1689959" cy="5539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600" b="1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FIA Dividendos</a:t>
              </a:r>
            </a:p>
            <a:p>
              <a:pPr algn="r">
                <a:defRPr/>
              </a:pPr>
              <a:r>
                <a:rPr lang="pt-BR" sz="1400" dirty="0" err="1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Ibov</a:t>
              </a:r>
              <a:r>
                <a:rPr lang="pt-BR" sz="1400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 + 6,14%</a:t>
              </a:r>
            </a:p>
          </p:txBody>
        </p:sp>
      </p:grpSp>
      <p:sp>
        <p:nvSpPr>
          <p:cNvPr id="82" name="Retângulo 81"/>
          <p:cNvSpPr/>
          <p:nvPr/>
        </p:nvSpPr>
        <p:spPr>
          <a:xfrm>
            <a:off x="1808180" y="619858"/>
            <a:ext cx="1569493" cy="570745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400" b="1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ÍNDICE</a:t>
            </a:r>
            <a:endParaRPr lang="pt-BR" sz="1600" b="1" dirty="0">
              <a:solidFill>
                <a:prstClr val="white">
                  <a:lumMod val="10000"/>
                </a:prstClr>
              </a:solidFill>
              <a:latin typeface="Century Gothic" panose="020B0502020202020204" pitchFamily="34" charset="0"/>
            </a:endParaRPr>
          </a:p>
          <a:p>
            <a:pPr algn="r">
              <a:defRPr/>
            </a:pPr>
            <a:r>
              <a:rPr lang="pt-BR" sz="1600" dirty="0">
                <a:solidFill>
                  <a:prstClr val="white">
                    <a:lumMod val="10000"/>
                  </a:prstClr>
                </a:solidFill>
                <a:latin typeface="Century Gothic" panose="020B0502020202020204" pitchFamily="34" charset="0"/>
              </a:rPr>
              <a:t>%</a:t>
            </a:r>
          </a:p>
        </p:txBody>
      </p:sp>
      <p:sp>
        <p:nvSpPr>
          <p:cNvPr id="3" name="CaixaDeTexto 2"/>
          <p:cNvSpPr txBox="1"/>
          <p:nvPr/>
        </p:nvSpPr>
        <p:spPr>
          <a:xfrm>
            <a:off x="2457662" y="823363"/>
            <a:ext cx="75226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900" dirty="0">
                <a:solidFill>
                  <a:prstClr val="black"/>
                </a:solidFill>
                <a:latin typeface="Century Gothic" panose="020B0502020202020204" pitchFamily="34" charset="0"/>
              </a:rPr>
              <a:t>RETORNO NOMINAL</a:t>
            </a:r>
          </a:p>
        </p:txBody>
      </p:sp>
      <p:grpSp>
        <p:nvGrpSpPr>
          <p:cNvPr id="5" name="Agrupar 4"/>
          <p:cNvGrpSpPr/>
          <p:nvPr/>
        </p:nvGrpSpPr>
        <p:grpSpPr>
          <a:xfrm>
            <a:off x="6736738" y="2010715"/>
            <a:ext cx="3768155" cy="554875"/>
            <a:chOff x="5327037" y="1477314"/>
            <a:chExt cx="3768155" cy="554875"/>
          </a:xfrm>
        </p:grpSpPr>
        <p:sp>
          <p:nvSpPr>
            <p:cNvPr id="78" name="Pentágono 77"/>
            <p:cNvSpPr/>
            <p:nvPr/>
          </p:nvSpPr>
          <p:spPr>
            <a:xfrm rot="10800000">
              <a:off x="5327037" y="1477314"/>
              <a:ext cx="2078162" cy="553999"/>
            </a:xfrm>
            <a:prstGeom prst="homePlate">
              <a:avLst>
                <a:gd name="adj" fmla="val 79949"/>
              </a:avLst>
            </a:prstGeom>
            <a:solidFill>
              <a:schemeClr val="bg1"/>
            </a:solidFill>
            <a:ln>
              <a:solidFill>
                <a:schemeClr val="bg1">
                  <a:lumMod val="1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endParaRPr lang="pt-BR" dirty="0">
                <a:solidFill>
                  <a:prstClr val="white"/>
                </a:solidFill>
                <a:latin typeface="Century Gothic" panose="020B0502020202020204" pitchFamily="34" charset="0"/>
              </a:endParaRPr>
            </a:p>
          </p:txBody>
        </p:sp>
        <p:sp>
          <p:nvSpPr>
            <p:cNvPr id="79" name="CaixaDeTexto 78"/>
            <p:cNvSpPr txBox="1"/>
            <p:nvPr/>
          </p:nvSpPr>
          <p:spPr>
            <a:xfrm>
              <a:off x="5753295" y="1477322"/>
              <a:ext cx="1651904" cy="5539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600" b="1" dirty="0" err="1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Small</a:t>
              </a:r>
              <a:r>
                <a:rPr lang="pt-BR" sz="1600" b="1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 </a:t>
              </a:r>
              <a:r>
                <a:rPr lang="pt-BR" sz="1600" b="1" dirty="0" err="1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Cap</a:t>
              </a:r>
              <a:r>
                <a:rPr lang="pt-BR" sz="1600" b="1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 Plus </a:t>
              </a:r>
            </a:p>
            <a:p>
              <a:pPr algn="r">
                <a:defRPr/>
              </a:pPr>
              <a:r>
                <a:rPr lang="pt-BR" sz="1400" dirty="0" err="1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Ibov</a:t>
              </a:r>
              <a:r>
                <a:rPr lang="pt-BR" sz="1400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 + 15,06%</a:t>
              </a:r>
            </a:p>
          </p:txBody>
        </p:sp>
        <p:sp>
          <p:nvSpPr>
            <p:cNvPr id="80" name="Pentágono 79"/>
            <p:cNvSpPr/>
            <p:nvPr/>
          </p:nvSpPr>
          <p:spPr>
            <a:xfrm rot="10800000">
              <a:off x="7440450" y="1477316"/>
              <a:ext cx="1654742" cy="553999"/>
            </a:xfrm>
            <a:prstGeom prst="homePlate">
              <a:avLst>
                <a:gd name="adj" fmla="val 0"/>
              </a:avLst>
            </a:prstGeom>
            <a:solidFill>
              <a:schemeClr val="bg1"/>
            </a:solidFill>
            <a:ln>
              <a:solidFill>
                <a:schemeClr val="bg1">
                  <a:lumMod val="1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endParaRPr lang="pt-BR" dirty="0">
                <a:solidFill>
                  <a:prstClr val="white"/>
                </a:solidFill>
                <a:latin typeface="Century Gothic" panose="020B0502020202020204" pitchFamily="34" charset="0"/>
              </a:endParaRPr>
            </a:p>
          </p:txBody>
        </p:sp>
        <p:sp>
          <p:nvSpPr>
            <p:cNvPr id="81" name="CaixaDeTexto 80"/>
            <p:cNvSpPr txBox="1"/>
            <p:nvPr/>
          </p:nvSpPr>
          <p:spPr>
            <a:xfrm>
              <a:off x="7402350" y="1478191"/>
              <a:ext cx="1654742" cy="55399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600" b="1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FIA Dividendos</a:t>
              </a:r>
            </a:p>
            <a:p>
              <a:pPr algn="r">
                <a:defRPr/>
              </a:pPr>
              <a:r>
                <a:rPr lang="pt-BR" sz="1400" dirty="0" err="1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Ibov</a:t>
              </a:r>
              <a:r>
                <a:rPr lang="pt-BR" sz="1400" dirty="0">
                  <a:solidFill>
                    <a:prstClr val="white">
                      <a:lumMod val="10000"/>
                    </a:prstClr>
                  </a:solidFill>
                  <a:latin typeface="Century Gothic" panose="020B0502020202020204" pitchFamily="34" charset="0"/>
                </a:rPr>
                <a:t> + 4,02%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84808861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250"/>
                            </p:stCondLst>
                            <p:childTnLst>
                              <p:par>
                                <p:cTn id="11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750"/>
                            </p:stCondLst>
                            <p:childTnLst>
                              <p:par>
                                <p:cTn id="17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000"/>
                            </p:stCondLst>
                            <p:childTnLst>
                              <p:par>
                                <p:cTn id="20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250"/>
                            </p:stCondLst>
                            <p:childTnLst>
                              <p:par>
                                <p:cTn id="23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500"/>
                            </p:stCondLst>
                            <p:childTnLst>
                              <p:par>
                                <p:cTn id="26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1750"/>
                            </p:stCondLst>
                            <p:childTnLst>
                              <p:par>
                                <p:cTn id="29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2000"/>
                            </p:stCondLst>
                            <p:childTnLst>
                              <p:par>
                                <p:cTn id="32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2250"/>
                            </p:stCondLst>
                            <p:childTnLst>
                              <p:par>
                                <p:cTn id="35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2500"/>
                            </p:stCondLst>
                            <p:childTnLst>
                              <p:par>
                                <p:cTn id="38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2750"/>
                            </p:stCondLst>
                            <p:childTnLst>
                              <p:par>
                                <p:cTn id="41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3000"/>
                            </p:stCondLst>
                            <p:childTnLst>
                              <p:par>
                                <p:cTn id="44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3250"/>
                            </p:stCondLst>
                            <p:childTnLst>
                              <p:par>
                                <p:cTn id="47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3500"/>
                            </p:stCondLst>
                            <p:childTnLst>
                              <p:par>
                                <p:cTn id="50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3750"/>
                            </p:stCondLst>
                            <p:childTnLst>
                              <p:par>
                                <p:cTn id="53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4000"/>
                            </p:stCondLst>
                            <p:childTnLst>
                              <p:par>
                                <p:cTn id="56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4250"/>
                            </p:stCondLst>
                            <p:childTnLst>
                              <p:par>
                                <p:cTn id="59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>
                            <p:stCondLst>
                              <p:cond delay="4500"/>
                            </p:stCondLst>
                            <p:childTnLst>
                              <p:par>
                                <p:cTn id="62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4750"/>
                            </p:stCondLst>
                            <p:childTnLst>
                              <p:par>
                                <p:cTn id="65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5000"/>
                            </p:stCondLst>
                            <p:childTnLst>
                              <p:par>
                                <p:cTn id="68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5250"/>
                            </p:stCondLst>
                            <p:childTnLst>
                              <p:par>
                                <p:cTn id="71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3" fill="hold">
                            <p:stCondLst>
                              <p:cond delay="5500"/>
                            </p:stCondLst>
                            <p:childTnLst>
                              <p:par>
                                <p:cTn id="74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5750"/>
                            </p:stCondLst>
                            <p:childTnLst>
                              <p:par>
                                <p:cTn id="77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6000"/>
                            </p:stCondLst>
                            <p:childTnLst>
                              <p:par>
                                <p:cTn id="80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>
                            <p:stCondLst>
                              <p:cond delay="6250"/>
                            </p:stCondLst>
                            <p:childTnLst>
                              <p:par>
                                <p:cTn id="83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5" fill="hold">
                            <p:stCondLst>
                              <p:cond delay="6500"/>
                            </p:stCondLst>
                            <p:childTnLst>
                              <p:par>
                                <p:cTn id="86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8" fill="hold">
                            <p:stCondLst>
                              <p:cond delay="6750"/>
                            </p:stCondLst>
                            <p:childTnLst>
                              <p:par>
                                <p:cTn id="89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1" fill="hold">
                            <p:stCondLst>
                              <p:cond delay="7000"/>
                            </p:stCondLst>
                            <p:childTnLst>
                              <p:par>
                                <p:cTn id="92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4" fill="hold">
                            <p:stCondLst>
                              <p:cond delay="7250"/>
                            </p:stCondLst>
                            <p:childTnLst>
                              <p:par>
                                <p:cTn id="95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7" fill="hold">
                            <p:stCondLst>
                              <p:cond delay="7500"/>
                            </p:stCondLst>
                            <p:childTnLst>
                              <p:par>
                                <p:cTn id="98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0" fill="hold">
                            <p:stCondLst>
                              <p:cond delay="7750"/>
                            </p:stCondLst>
                            <p:childTnLst>
                              <p:par>
                                <p:cTn id="101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3" fill="hold">
                            <p:stCondLst>
                              <p:cond delay="8000"/>
                            </p:stCondLst>
                            <p:childTnLst>
                              <p:par>
                                <p:cTn id="104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6" fill="hold">
                            <p:stCondLst>
                              <p:cond delay="8250"/>
                            </p:stCondLst>
                            <p:childTnLst>
                              <p:par>
                                <p:cTn id="107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9" fill="hold">
                            <p:stCondLst>
                              <p:cond delay="8500"/>
                            </p:stCondLst>
                            <p:childTnLst>
                              <p:par>
                                <p:cTn id="110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2" fill="hold">
                            <p:stCondLst>
                              <p:cond delay="8750"/>
                            </p:stCondLst>
                            <p:childTnLst>
                              <p:par>
                                <p:cTn id="113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5" fill="hold">
                            <p:stCondLst>
                              <p:cond delay="9000"/>
                            </p:stCondLst>
                            <p:childTnLst>
                              <p:par>
                                <p:cTn id="116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8" fill="hold">
                            <p:stCondLst>
                              <p:cond delay="9250"/>
                            </p:stCondLst>
                            <p:childTnLst>
                              <p:par>
                                <p:cTn id="119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1" fill="hold">
                            <p:stCondLst>
                              <p:cond delay="9500"/>
                            </p:stCondLst>
                            <p:childTnLst>
                              <p:par>
                                <p:cTn id="122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4" fill="hold">
                            <p:stCondLst>
                              <p:cond delay="9750"/>
                            </p:stCondLst>
                            <p:childTnLst>
                              <p:par>
                                <p:cTn id="125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7" fill="hold">
                            <p:stCondLst>
                              <p:cond delay="10000"/>
                            </p:stCondLst>
                            <p:childTnLst>
                              <p:par>
                                <p:cTn id="128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0" fill="hold">
                            <p:stCondLst>
                              <p:cond delay="10250"/>
                            </p:stCondLst>
                            <p:childTnLst>
                              <p:par>
                                <p:cTn id="131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3" fill="hold">
                            <p:stCondLst>
                              <p:cond delay="10500"/>
                            </p:stCondLst>
                            <p:childTnLst>
                              <p:par>
                                <p:cTn id="134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6" fill="hold">
                            <p:stCondLst>
                              <p:cond delay="10750"/>
                            </p:stCondLst>
                            <p:childTnLst>
                              <p:par>
                                <p:cTn id="137" presetID="1" presetClass="entr" presetSubtype="0" fill="hold" grpId="0" nodeType="after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9" fill="hold">
                      <p:stCondLst>
                        <p:cond delay="indefinite"/>
                      </p:stCondLst>
                      <p:childTnLst>
                        <p:par>
                          <p:cTn id="140" fill="hold">
                            <p:stCondLst>
                              <p:cond delay="0"/>
                            </p:stCondLst>
                            <p:childTnLst>
                              <p:par>
                                <p:cTn id="141" presetID="1" presetClass="exit" presetSubtype="0" fill="hold" grpId="2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3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5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7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49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1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3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5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7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9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1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3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5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7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69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1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3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5" presetID="1" presetClass="exit" presetSubtype="0" fill="hold" grpId="2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9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1" fill="hold">
                            <p:stCondLst>
                              <p:cond delay="0"/>
                            </p:stCondLst>
                            <p:childTnLst>
                              <p:par>
                                <p:cTn id="18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4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5" fill="hold">
                            <p:stCondLst>
                              <p:cond delay="500"/>
                            </p:stCondLst>
                            <p:childTnLst>
                              <p:par>
                                <p:cTn id="18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8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9" fill="hold">
                      <p:stCondLst>
                        <p:cond delay="indefinite"/>
                      </p:stCondLst>
                      <p:childTnLst>
                        <p:par>
                          <p:cTn id="190" fill="hold">
                            <p:stCondLst>
                              <p:cond delay="0"/>
                            </p:stCondLst>
                            <p:childTnLst>
                              <p:par>
                                <p:cTn id="191" presetID="1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3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5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9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1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3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5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09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1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3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5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9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1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3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5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29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1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3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5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9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1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3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5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49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1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3" presetID="1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5" fill="hold">
                            <p:stCondLst>
                              <p:cond delay="0"/>
                            </p:stCondLst>
                            <p:childTnLst>
                              <p:par>
                                <p:cTn id="25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8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19" grpId="0" animBg="1"/>
      <p:bldP spid="19" grpId="1" animBg="1"/>
      <p:bldP spid="24" grpId="0" animBg="1"/>
      <p:bldP spid="24" grpId="1" animBg="1"/>
      <p:bldP spid="25" grpId="0" animBg="1"/>
      <p:bldP spid="26" grpId="0" animBg="1"/>
      <p:bldP spid="27" grpId="0" animBg="1"/>
      <p:bldP spid="28" grpId="0" animBg="1"/>
      <p:bldP spid="29" grpId="0" animBg="1"/>
      <p:bldP spid="30" grpId="0" animBg="1"/>
      <p:bldP spid="31" grpId="0" animBg="1"/>
      <p:bldP spid="32" grpId="0" animBg="1"/>
      <p:bldP spid="33" grpId="0" animBg="1"/>
      <p:bldP spid="34" grpId="0" animBg="1"/>
      <p:bldP spid="35" grpId="0" animBg="1"/>
      <p:bldP spid="36" grpId="0" animBg="1"/>
      <p:bldP spid="37" grpId="0" animBg="1"/>
      <p:bldP spid="38" grpId="0" animBg="1"/>
      <p:bldP spid="39" grpId="0" animBg="1"/>
      <p:bldP spid="40" grpId="0" animBg="1"/>
      <p:bldP spid="41" grpId="0" animBg="1"/>
      <p:bldP spid="42" grpId="0" animBg="1"/>
      <p:bldP spid="43" grpId="0" animBg="1"/>
      <p:bldP spid="43" grpId="1" animBg="1"/>
      <p:bldP spid="44" grpId="0" animBg="1"/>
      <p:bldP spid="44" grpId="1" animBg="1"/>
      <p:bldP spid="45" grpId="0" animBg="1"/>
      <p:bldP spid="45" grpId="1" animBg="1"/>
      <p:bldP spid="46" grpId="0" animBg="1"/>
      <p:bldP spid="46" grpId="1" animBg="1"/>
      <p:bldP spid="47" grpId="0" animBg="1"/>
      <p:bldP spid="47" grpId="1" animBg="1"/>
      <p:bldP spid="48" grpId="0" animBg="1"/>
      <p:bldP spid="48" grpId="1" animBg="1"/>
      <p:bldP spid="49" grpId="0" animBg="1"/>
      <p:bldP spid="49" grpId="1" animBg="1"/>
      <p:bldP spid="50" grpId="0" animBg="1"/>
      <p:bldP spid="50" grpId="1" animBg="1"/>
      <p:bldP spid="51" grpId="0" animBg="1"/>
      <p:bldP spid="51" grpId="1" animBg="1"/>
      <p:bldP spid="52" grpId="0" animBg="1"/>
      <p:bldP spid="52" grpId="1" animBg="1"/>
      <p:bldP spid="52" grpId="2" animBg="1"/>
      <p:bldP spid="53" grpId="0" animBg="1"/>
      <p:bldP spid="53" grpId="1" animBg="1"/>
      <p:bldP spid="53" grpId="2" animBg="1"/>
      <p:bldP spid="54" grpId="0" animBg="1"/>
      <p:bldP spid="54" grpId="1" animBg="1"/>
      <p:bldP spid="54" grpId="2" animBg="1"/>
      <p:bldP spid="55" grpId="0" animBg="1"/>
      <p:bldP spid="55" grpId="1" animBg="1"/>
      <p:bldP spid="55" grpId="2" animBg="1"/>
      <p:bldP spid="56" grpId="0" animBg="1"/>
      <p:bldP spid="56" grpId="1" animBg="1"/>
      <p:bldP spid="56" grpId="2" animBg="1"/>
      <p:bldP spid="57" grpId="0" animBg="1"/>
      <p:bldP spid="57" grpId="1" animBg="1"/>
      <p:bldP spid="57" grpId="2" animBg="1"/>
      <p:bldP spid="58" grpId="0" animBg="1"/>
      <p:bldP spid="58" grpId="1" animBg="1"/>
      <p:bldP spid="58" grpId="2" animBg="1"/>
      <p:bldP spid="59" grpId="0" animBg="1"/>
      <p:bldP spid="59" grpId="1" animBg="1"/>
      <p:bldP spid="59" grpId="2" animBg="1"/>
      <p:bldP spid="60" grpId="0" animBg="1"/>
      <p:bldP spid="60" grpId="1" animBg="1"/>
      <p:bldP spid="60" grpId="2" animBg="1"/>
      <p:bldP spid="61" grpId="0" animBg="1"/>
      <p:bldP spid="61" grpId="1" animBg="1"/>
      <p:bldP spid="61" grpId="2" animBg="1"/>
      <p:bldP spid="62" grpId="0" animBg="1"/>
      <p:bldP spid="62" grpId="1" animBg="1"/>
      <p:bldP spid="62" grpId="2" animBg="1"/>
      <p:bldP spid="63" grpId="0" animBg="1"/>
      <p:bldP spid="63" grpId="1" animBg="1"/>
      <p:bldP spid="63" grpId="2" animBg="1"/>
      <p:bldP spid="64" grpId="0"/>
      <p:bldP spid="64" grpId="1"/>
      <p:bldP spid="64" grpId="2"/>
      <p:bldP spid="65" grpId="0" animBg="1"/>
      <p:bldP spid="65" grpId="1" animBg="1"/>
      <p:bldP spid="65" grpId="2" animBg="1"/>
      <p:bldP spid="66" grpId="0" animBg="1"/>
      <p:bldP spid="66" grpId="1" animBg="1"/>
      <p:bldP spid="66" grpId="2" animBg="1"/>
      <p:bldP spid="67" grpId="0" animBg="1"/>
      <p:bldP spid="67" grpId="1" animBg="1"/>
      <p:bldP spid="67" grpId="2" animBg="1"/>
      <p:bldP spid="68" grpId="0" animBg="1"/>
      <p:bldP spid="68" grpId="1" animBg="1"/>
      <p:bldP spid="68" grpId="2" animBg="1"/>
      <p:bldP spid="69" grpId="0" animBg="1"/>
      <p:bldP spid="69" grpId="1" animBg="1"/>
      <p:bldP spid="69" grpId="2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52058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GRADE COMPLETA DE FUNDOS PARA RPPS</a:t>
            </a:r>
          </a:p>
          <a:p>
            <a:pPr marL="0" indent="0">
              <a:lnSpc>
                <a:spcPct val="100000"/>
              </a:lnSpc>
              <a:buNone/>
              <a:defRPr/>
            </a:pPr>
            <a:endParaRPr lang="pt-BR" sz="1000" dirty="0">
              <a:solidFill>
                <a:srgbClr val="08305B"/>
              </a:solidFill>
              <a:latin typeface="Century Gothic" panose="020B0502020202020204" pitchFamily="34" charset="0"/>
            </a:endParaRPr>
          </a:p>
        </p:txBody>
      </p:sp>
      <p:sp>
        <p:nvSpPr>
          <p:cNvPr id="464" name="Retângulo 463"/>
          <p:cNvSpPr/>
          <p:nvPr/>
        </p:nvSpPr>
        <p:spPr>
          <a:xfrm>
            <a:off x="1990368" y="1737669"/>
            <a:ext cx="3169478" cy="311298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defRPr/>
            </a:pPr>
            <a:r>
              <a:rPr lang="pt-BR" sz="1400" b="1" dirty="0">
                <a:solidFill>
                  <a:srgbClr val="560015"/>
                </a:solidFill>
                <a:latin typeface="Century Gothic" panose="020B0502020202020204" pitchFamily="34" charset="0"/>
              </a:rPr>
              <a:t>FUNDO</a:t>
            </a:r>
          </a:p>
        </p:txBody>
      </p:sp>
      <p:sp>
        <p:nvSpPr>
          <p:cNvPr id="465" name="Retângulo 464"/>
          <p:cNvSpPr/>
          <p:nvPr/>
        </p:nvSpPr>
        <p:spPr>
          <a:xfrm>
            <a:off x="5079798" y="1737669"/>
            <a:ext cx="939241" cy="311298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sz="1400" b="1" dirty="0">
                <a:solidFill>
                  <a:srgbClr val="560015"/>
                </a:solidFill>
                <a:latin typeface="Century Gothic" panose="020B0502020202020204" pitchFamily="34" charset="0"/>
              </a:rPr>
              <a:t>GESTÃO</a:t>
            </a:r>
          </a:p>
        </p:txBody>
      </p:sp>
      <p:sp>
        <p:nvSpPr>
          <p:cNvPr id="469" name="Retângulo 468"/>
          <p:cNvSpPr/>
          <p:nvPr/>
        </p:nvSpPr>
        <p:spPr>
          <a:xfrm>
            <a:off x="9165008" y="1737858"/>
            <a:ext cx="583961" cy="311298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sz="1200" b="1" dirty="0">
                <a:solidFill>
                  <a:srgbClr val="560015"/>
                </a:solidFill>
                <a:latin typeface="Century Gothic" panose="020B0502020202020204" pitchFamily="34" charset="0"/>
              </a:rPr>
              <a:t>TX</a:t>
            </a:r>
          </a:p>
          <a:p>
            <a:pPr algn="ctr">
              <a:defRPr/>
            </a:pPr>
            <a:r>
              <a:rPr lang="pt-BR" sz="1200" b="1" dirty="0">
                <a:solidFill>
                  <a:srgbClr val="560015"/>
                </a:solidFill>
                <a:latin typeface="Century Gothic" panose="020B0502020202020204" pitchFamily="34" charset="0"/>
              </a:rPr>
              <a:t>ADM</a:t>
            </a:r>
          </a:p>
        </p:txBody>
      </p:sp>
      <p:sp>
        <p:nvSpPr>
          <p:cNvPr id="470" name="Retângulo 469"/>
          <p:cNvSpPr/>
          <p:nvPr/>
        </p:nvSpPr>
        <p:spPr>
          <a:xfrm>
            <a:off x="9724306" y="1737669"/>
            <a:ext cx="490252" cy="311298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sz="1200" b="1" dirty="0">
                <a:solidFill>
                  <a:srgbClr val="560015"/>
                </a:solidFill>
                <a:latin typeface="Century Gothic" panose="020B0502020202020204" pitchFamily="34" charset="0"/>
              </a:rPr>
              <a:t>LIQ.</a:t>
            </a:r>
          </a:p>
        </p:txBody>
      </p:sp>
      <p:sp>
        <p:nvSpPr>
          <p:cNvPr id="487" name="Retângulo 486"/>
          <p:cNvSpPr/>
          <p:nvPr/>
        </p:nvSpPr>
        <p:spPr>
          <a:xfrm>
            <a:off x="5752338" y="1675484"/>
            <a:ext cx="2595116" cy="4137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sz="1400" b="1" dirty="0">
                <a:solidFill>
                  <a:srgbClr val="560015"/>
                </a:solidFill>
                <a:latin typeface="Century Gothic" panose="020B0502020202020204" pitchFamily="34" charset="0"/>
              </a:rPr>
              <a:t>ENQUADRAMENTO</a:t>
            </a:r>
          </a:p>
        </p:txBody>
      </p:sp>
      <p:sp>
        <p:nvSpPr>
          <p:cNvPr id="108" name="Retângulo 107"/>
          <p:cNvSpPr/>
          <p:nvPr/>
        </p:nvSpPr>
        <p:spPr>
          <a:xfrm>
            <a:off x="7987906" y="1675484"/>
            <a:ext cx="1000530" cy="41373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r>
              <a:rPr lang="pt-BR" sz="1400" b="1" dirty="0">
                <a:solidFill>
                  <a:srgbClr val="560015"/>
                </a:solidFill>
                <a:latin typeface="Century Gothic" panose="020B0502020202020204" pitchFamily="34" charset="0"/>
              </a:rPr>
              <a:t>LIMITE</a:t>
            </a:r>
          </a:p>
        </p:txBody>
      </p:sp>
      <p:grpSp>
        <p:nvGrpSpPr>
          <p:cNvPr id="2" name="Agrupar 1"/>
          <p:cNvGrpSpPr/>
          <p:nvPr/>
        </p:nvGrpSpPr>
        <p:grpSpPr>
          <a:xfrm>
            <a:off x="1723002" y="2287937"/>
            <a:ext cx="8469273" cy="444139"/>
            <a:chOff x="199001" y="2287936"/>
            <a:chExt cx="8469273" cy="444139"/>
          </a:xfrm>
        </p:grpSpPr>
        <p:sp>
          <p:nvSpPr>
            <p:cNvPr id="4" name="Retângulo 3"/>
            <p:cNvSpPr/>
            <p:nvPr/>
          </p:nvSpPr>
          <p:spPr>
            <a:xfrm>
              <a:off x="466368" y="2291269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DI PODER PÚBLICO</a:t>
              </a:r>
            </a:p>
          </p:txBody>
        </p:sp>
        <p:sp>
          <p:nvSpPr>
            <p:cNvPr id="73" name="Retângulo 72"/>
            <p:cNvSpPr/>
            <p:nvPr/>
          </p:nvSpPr>
          <p:spPr>
            <a:xfrm>
              <a:off x="466368" y="2444932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DI PREMIUM</a:t>
              </a:r>
            </a:p>
          </p:txBody>
        </p:sp>
        <p:sp>
          <p:nvSpPr>
            <p:cNvPr id="78" name="Retângulo 77"/>
            <p:cNvSpPr/>
            <p:nvPr/>
          </p:nvSpPr>
          <p:spPr>
            <a:xfrm>
              <a:off x="466368" y="2599865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DI FEDERAL EXTRA</a:t>
              </a:r>
            </a:p>
          </p:txBody>
        </p:sp>
        <p:sp>
          <p:nvSpPr>
            <p:cNvPr id="116" name="Retângulo 115"/>
            <p:cNvSpPr/>
            <p:nvPr/>
          </p:nvSpPr>
          <p:spPr>
            <a:xfrm>
              <a:off x="3638348" y="2291269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17" name="Retângulo 116"/>
            <p:cNvSpPr/>
            <p:nvPr/>
          </p:nvSpPr>
          <p:spPr>
            <a:xfrm>
              <a:off x="3638348" y="2444932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18" name="Retângulo 117"/>
            <p:cNvSpPr/>
            <p:nvPr/>
          </p:nvSpPr>
          <p:spPr>
            <a:xfrm>
              <a:off x="3638348" y="2599865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PASSIVA</a:t>
              </a:r>
            </a:p>
          </p:txBody>
        </p:sp>
        <p:sp>
          <p:nvSpPr>
            <p:cNvPr id="145" name="Retângulo 144"/>
            <p:cNvSpPr/>
            <p:nvPr/>
          </p:nvSpPr>
          <p:spPr>
            <a:xfrm>
              <a:off x="4585744" y="2291269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146" name="Retângulo 145"/>
            <p:cNvSpPr/>
            <p:nvPr/>
          </p:nvSpPr>
          <p:spPr>
            <a:xfrm>
              <a:off x="4585744" y="2444932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147" name="Retângulo 146"/>
            <p:cNvSpPr/>
            <p:nvPr/>
          </p:nvSpPr>
          <p:spPr>
            <a:xfrm>
              <a:off x="4585744" y="2599865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319" name="Retângulo 318"/>
            <p:cNvSpPr/>
            <p:nvPr/>
          </p:nvSpPr>
          <p:spPr>
            <a:xfrm>
              <a:off x="7667550" y="2291458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90%</a:t>
              </a:r>
            </a:p>
          </p:txBody>
        </p:sp>
        <p:sp>
          <p:nvSpPr>
            <p:cNvPr id="320" name="Retângulo 319"/>
            <p:cNvSpPr/>
            <p:nvPr/>
          </p:nvSpPr>
          <p:spPr>
            <a:xfrm>
              <a:off x="7667550" y="2445121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20%</a:t>
              </a:r>
            </a:p>
          </p:txBody>
        </p:sp>
        <p:sp>
          <p:nvSpPr>
            <p:cNvPr id="321" name="Retângulo 320"/>
            <p:cNvSpPr/>
            <p:nvPr/>
          </p:nvSpPr>
          <p:spPr>
            <a:xfrm>
              <a:off x="7667550" y="2600054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15%</a:t>
              </a:r>
            </a:p>
          </p:txBody>
        </p:sp>
        <p:sp>
          <p:nvSpPr>
            <p:cNvPr id="348" name="Retângulo 347"/>
            <p:cNvSpPr/>
            <p:nvPr/>
          </p:nvSpPr>
          <p:spPr>
            <a:xfrm>
              <a:off x="8222590" y="2291269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0</a:t>
              </a:r>
            </a:p>
          </p:txBody>
        </p:sp>
        <p:sp>
          <p:nvSpPr>
            <p:cNvPr id="349" name="Retângulo 348"/>
            <p:cNvSpPr/>
            <p:nvPr/>
          </p:nvSpPr>
          <p:spPr>
            <a:xfrm>
              <a:off x="8222590" y="2444932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0</a:t>
              </a:r>
            </a:p>
          </p:txBody>
        </p:sp>
        <p:sp>
          <p:nvSpPr>
            <p:cNvPr id="350" name="Retângulo 349"/>
            <p:cNvSpPr/>
            <p:nvPr/>
          </p:nvSpPr>
          <p:spPr>
            <a:xfrm>
              <a:off x="8222590" y="2599865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0</a:t>
              </a:r>
            </a:p>
          </p:txBody>
        </p:sp>
        <p:sp>
          <p:nvSpPr>
            <p:cNvPr id="483" name="Retângulo 482"/>
            <p:cNvSpPr/>
            <p:nvPr/>
          </p:nvSpPr>
          <p:spPr>
            <a:xfrm>
              <a:off x="199001" y="2287936"/>
              <a:ext cx="251530" cy="443950"/>
            </a:xfrm>
            <a:prstGeom prst="rect">
              <a:avLst/>
            </a:prstGeom>
            <a:solidFill>
              <a:srgbClr val="560015">
                <a:alpha val="1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endParaRPr lang="pt-BR" dirty="0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110" name="Retângulo 109"/>
            <p:cNvSpPr/>
            <p:nvPr/>
          </p:nvSpPr>
          <p:spPr>
            <a:xfrm>
              <a:off x="6696000" y="2291458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  <p:sp>
          <p:nvSpPr>
            <p:cNvPr id="111" name="Retângulo 110"/>
            <p:cNvSpPr/>
            <p:nvPr/>
          </p:nvSpPr>
          <p:spPr>
            <a:xfrm>
              <a:off x="6696000" y="2445121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  <p:sp>
          <p:nvSpPr>
            <p:cNvPr id="112" name="Retângulo 111"/>
            <p:cNvSpPr/>
            <p:nvPr/>
          </p:nvSpPr>
          <p:spPr>
            <a:xfrm>
              <a:off x="6696000" y="2600054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</p:grpSp>
      <p:grpSp>
        <p:nvGrpSpPr>
          <p:cNvPr id="3" name="Agrupar 2"/>
          <p:cNvGrpSpPr/>
          <p:nvPr/>
        </p:nvGrpSpPr>
        <p:grpSpPr>
          <a:xfrm>
            <a:off x="1717356" y="3007530"/>
            <a:ext cx="8474918" cy="1583805"/>
            <a:chOff x="193356" y="3007529"/>
            <a:chExt cx="8474918" cy="1583805"/>
          </a:xfrm>
        </p:grpSpPr>
        <p:sp>
          <p:nvSpPr>
            <p:cNvPr id="79" name="Retângulo 78"/>
            <p:cNvSpPr/>
            <p:nvPr/>
          </p:nvSpPr>
          <p:spPr>
            <a:xfrm>
              <a:off x="466368" y="3007529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IDKA PRÉ 2</a:t>
              </a:r>
            </a:p>
          </p:txBody>
        </p:sp>
        <p:sp>
          <p:nvSpPr>
            <p:cNvPr id="80" name="Retângulo 79"/>
            <p:cNvSpPr/>
            <p:nvPr/>
          </p:nvSpPr>
          <p:spPr>
            <a:xfrm>
              <a:off x="466368" y="3166272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IRF-M 1 TÍTULOS PÚBLICOS</a:t>
              </a:r>
            </a:p>
          </p:txBody>
        </p:sp>
        <p:sp>
          <p:nvSpPr>
            <p:cNvPr id="81" name="Retângulo 80"/>
            <p:cNvSpPr/>
            <p:nvPr/>
          </p:nvSpPr>
          <p:spPr>
            <a:xfrm>
              <a:off x="466368" y="3330414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INSTITUCIONAL IMA-B TITULOS PÚBLICOS</a:t>
              </a:r>
            </a:p>
          </p:txBody>
        </p:sp>
        <p:sp>
          <p:nvSpPr>
            <p:cNvPr id="93" name="Retângulo 92"/>
            <p:cNvSpPr/>
            <p:nvPr/>
          </p:nvSpPr>
          <p:spPr>
            <a:xfrm>
              <a:off x="466368" y="3489793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INSTITUCIONAL IMA-GERAL</a:t>
              </a:r>
            </a:p>
          </p:txBody>
        </p:sp>
        <p:sp>
          <p:nvSpPr>
            <p:cNvPr id="94" name="Retângulo 93"/>
            <p:cNvSpPr/>
            <p:nvPr/>
          </p:nvSpPr>
          <p:spPr>
            <a:xfrm>
              <a:off x="466368" y="3649172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INSTITUCIONAL IMA-B</a:t>
              </a:r>
            </a:p>
          </p:txBody>
        </p:sp>
        <p:sp>
          <p:nvSpPr>
            <p:cNvPr id="95" name="Retângulo 94"/>
            <p:cNvSpPr/>
            <p:nvPr/>
          </p:nvSpPr>
          <p:spPr>
            <a:xfrm>
              <a:off x="466368" y="3809978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INSTITUCIONAL IMA-B 5</a:t>
              </a:r>
            </a:p>
          </p:txBody>
        </p:sp>
        <p:sp>
          <p:nvSpPr>
            <p:cNvPr id="96" name="Retângulo 95"/>
            <p:cNvSpPr/>
            <p:nvPr/>
          </p:nvSpPr>
          <p:spPr>
            <a:xfrm>
              <a:off x="466368" y="3972054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INSTITUCIONAL IMA-B 5+</a:t>
              </a:r>
            </a:p>
          </p:txBody>
        </p:sp>
        <p:sp>
          <p:nvSpPr>
            <p:cNvPr id="97" name="Retângulo 96"/>
            <p:cNvSpPr/>
            <p:nvPr/>
          </p:nvSpPr>
          <p:spPr>
            <a:xfrm>
              <a:off x="466368" y="4128893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ALOCAÇÃO DINÂMICA</a:t>
              </a:r>
            </a:p>
          </p:txBody>
        </p:sp>
        <p:sp>
          <p:nvSpPr>
            <p:cNvPr id="104" name="Retângulo 103"/>
            <p:cNvSpPr/>
            <p:nvPr/>
          </p:nvSpPr>
          <p:spPr>
            <a:xfrm>
              <a:off x="466368" y="4442311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MAXI PODER PÚBLICO </a:t>
              </a:r>
            </a:p>
          </p:txBody>
        </p:sp>
        <p:sp>
          <p:nvSpPr>
            <p:cNvPr id="109" name="Retângulo 108"/>
            <p:cNvSpPr/>
            <p:nvPr/>
          </p:nvSpPr>
          <p:spPr>
            <a:xfrm>
              <a:off x="466368" y="4286548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RF NILO</a:t>
              </a:r>
            </a:p>
          </p:txBody>
        </p:sp>
        <p:sp>
          <p:nvSpPr>
            <p:cNvPr id="119" name="Retângulo 118"/>
            <p:cNvSpPr/>
            <p:nvPr/>
          </p:nvSpPr>
          <p:spPr>
            <a:xfrm>
              <a:off x="3638348" y="3007529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PASSIVA</a:t>
              </a:r>
            </a:p>
          </p:txBody>
        </p:sp>
        <p:sp>
          <p:nvSpPr>
            <p:cNvPr id="120" name="Retângulo 119"/>
            <p:cNvSpPr/>
            <p:nvPr/>
          </p:nvSpPr>
          <p:spPr>
            <a:xfrm>
              <a:off x="3638348" y="3166272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>
                  <a:solidFill>
                    <a:prstClr val="black"/>
                  </a:solidFill>
                  <a:latin typeface="Century Gothic" panose="020B0502020202020204" pitchFamily="34" charset="0"/>
                </a:rPr>
                <a:t>PASSIVA</a:t>
              </a:r>
              <a:endParaRPr lang="pt-BR" sz="1000" dirty="0">
                <a:solidFill>
                  <a:prstClr val="black"/>
                </a:solidFill>
                <a:latin typeface="Century Gothic" panose="020B0502020202020204" pitchFamily="34" charset="0"/>
              </a:endParaRPr>
            </a:p>
          </p:txBody>
        </p:sp>
        <p:sp>
          <p:nvSpPr>
            <p:cNvPr id="121" name="Retângulo 120"/>
            <p:cNvSpPr/>
            <p:nvPr/>
          </p:nvSpPr>
          <p:spPr>
            <a:xfrm>
              <a:off x="3638348" y="3330414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>
                  <a:solidFill>
                    <a:prstClr val="black"/>
                  </a:solidFill>
                  <a:latin typeface="Century Gothic" panose="020B0502020202020204" pitchFamily="34" charset="0"/>
                </a:rPr>
                <a:t>PASSIVA</a:t>
              </a:r>
              <a:endParaRPr lang="pt-BR" sz="1000" dirty="0">
                <a:solidFill>
                  <a:prstClr val="black"/>
                </a:solidFill>
                <a:latin typeface="Century Gothic" panose="020B0502020202020204" pitchFamily="34" charset="0"/>
              </a:endParaRPr>
            </a:p>
          </p:txBody>
        </p:sp>
        <p:sp>
          <p:nvSpPr>
            <p:cNvPr id="122" name="Retângulo 121"/>
            <p:cNvSpPr/>
            <p:nvPr/>
          </p:nvSpPr>
          <p:spPr>
            <a:xfrm>
              <a:off x="3638348" y="3489793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  <a:endParaRPr lang="pt-BR" sz="1000" dirty="0">
                <a:solidFill>
                  <a:prstClr val="black"/>
                </a:solidFill>
                <a:latin typeface="Century Gothic" panose="020B0502020202020204" pitchFamily="34" charset="0"/>
              </a:endParaRPr>
            </a:p>
          </p:txBody>
        </p:sp>
        <p:sp>
          <p:nvSpPr>
            <p:cNvPr id="123" name="Retângulo 122"/>
            <p:cNvSpPr/>
            <p:nvPr/>
          </p:nvSpPr>
          <p:spPr>
            <a:xfrm>
              <a:off x="3638348" y="3649172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24" name="Retângulo 123"/>
            <p:cNvSpPr/>
            <p:nvPr/>
          </p:nvSpPr>
          <p:spPr>
            <a:xfrm>
              <a:off x="3638348" y="3809978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25" name="Retângulo 124"/>
            <p:cNvSpPr/>
            <p:nvPr/>
          </p:nvSpPr>
          <p:spPr>
            <a:xfrm>
              <a:off x="3638348" y="3972054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26" name="Retângulo 125"/>
            <p:cNvSpPr/>
            <p:nvPr/>
          </p:nvSpPr>
          <p:spPr>
            <a:xfrm>
              <a:off x="3638348" y="4128893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33" name="Retângulo 132"/>
            <p:cNvSpPr/>
            <p:nvPr/>
          </p:nvSpPr>
          <p:spPr>
            <a:xfrm>
              <a:off x="3638348" y="4442311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38" name="Retângulo 137"/>
            <p:cNvSpPr/>
            <p:nvPr/>
          </p:nvSpPr>
          <p:spPr>
            <a:xfrm>
              <a:off x="3638348" y="4286548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48" name="Retângulo 147"/>
            <p:cNvSpPr/>
            <p:nvPr/>
          </p:nvSpPr>
          <p:spPr>
            <a:xfrm>
              <a:off x="4585744" y="3007529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B”</a:t>
              </a:r>
            </a:p>
          </p:txBody>
        </p:sp>
        <p:sp>
          <p:nvSpPr>
            <p:cNvPr id="149" name="Retângulo 148"/>
            <p:cNvSpPr/>
            <p:nvPr/>
          </p:nvSpPr>
          <p:spPr>
            <a:xfrm>
              <a:off x="4585744" y="3166272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B”</a:t>
              </a:r>
            </a:p>
          </p:txBody>
        </p:sp>
        <p:sp>
          <p:nvSpPr>
            <p:cNvPr id="150" name="Retângulo 149"/>
            <p:cNvSpPr/>
            <p:nvPr/>
          </p:nvSpPr>
          <p:spPr>
            <a:xfrm>
              <a:off x="4585744" y="3330414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B”</a:t>
              </a:r>
            </a:p>
          </p:txBody>
        </p:sp>
        <p:sp>
          <p:nvSpPr>
            <p:cNvPr id="151" name="Retângulo 150"/>
            <p:cNvSpPr/>
            <p:nvPr/>
          </p:nvSpPr>
          <p:spPr>
            <a:xfrm>
              <a:off x="4585744" y="3489793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152" name="Retângulo 151"/>
            <p:cNvSpPr/>
            <p:nvPr/>
          </p:nvSpPr>
          <p:spPr>
            <a:xfrm>
              <a:off x="4585744" y="3649172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153" name="Retângulo 152"/>
            <p:cNvSpPr/>
            <p:nvPr/>
          </p:nvSpPr>
          <p:spPr>
            <a:xfrm>
              <a:off x="4585744" y="3809978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154" name="Retângulo 153"/>
            <p:cNvSpPr/>
            <p:nvPr/>
          </p:nvSpPr>
          <p:spPr>
            <a:xfrm>
              <a:off x="4585744" y="3972054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155" name="Retângulo 154"/>
            <p:cNvSpPr/>
            <p:nvPr/>
          </p:nvSpPr>
          <p:spPr>
            <a:xfrm>
              <a:off x="4585744" y="4128893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162" name="Retângulo 161"/>
            <p:cNvSpPr/>
            <p:nvPr/>
          </p:nvSpPr>
          <p:spPr>
            <a:xfrm>
              <a:off x="4585744" y="4442311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167" name="Retângulo 166"/>
            <p:cNvSpPr/>
            <p:nvPr/>
          </p:nvSpPr>
          <p:spPr>
            <a:xfrm>
              <a:off x="4585744" y="4286548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7°, INCISO IV, ALÍNEA “A”</a:t>
              </a:r>
            </a:p>
          </p:txBody>
        </p:sp>
        <p:sp>
          <p:nvSpPr>
            <p:cNvPr id="322" name="Retângulo 321"/>
            <p:cNvSpPr/>
            <p:nvPr/>
          </p:nvSpPr>
          <p:spPr>
            <a:xfrm>
              <a:off x="7667550" y="3007718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20%</a:t>
              </a:r>
            </a:p>
          </p:txBody>
        </p:sp>
        <p:sp>
          <p:nvSpPr>
            <p:cNvPr id="323" name="Retângulo 322"/>
            <p:cNvSpPr/>
            <p:nvPr/>
          </p:nvSpPr>
          <p:spPr>
            <a:xfrm>
              <a:off x="7667550" y="3166461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20%</a:t>
              </a:r>
            </a:p>
          </p:txBody>
        </p:sp>
        <p:sp>
          <p:nvSpPr>
            <p:cNvPr id="324" name="Retângulo 323"/>
            <p:cNvSpPr/>
            <p:nvPr/>
          </p:nvSpPr>
          <p:spPr>
            <a:xfrm>
              <a:off x="7667550" y="3330603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20%</a:t>
              </a:r>
            </a:p>
          </p:txBody>
        </p:sp>
        <p:sp>
          <p:nvSpPr>
            <p:cNvPr id="325" name="Retângulo 324"/>
            <p:cNvSpPr/>
            <p:nvPr/>
          </p:nvSpPr>
          <p:spPr>
            <a:xfrm>
              <a:off x="7667550" y="3489982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25%</a:t>
              </a:r>
            </a:p>
          </p:txBody>
        </p:sp>
        <p:sp>
          <p:nvSpPr>
            <p:cNvPr id="326" name="Retângulo 325"/>
            <p:cNvSpPr/>
            <p:nvPr/>
          </p:nvSpPr>
          <p:spPr>
            <a:xfrm>
              <a:off x="7667550" y="3649361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20%</a:t>
              </a:r>
            </a:p>
          </p:txBody>
        </p:sp>
        <p:sp>
          <p:nvSpPr>
            <p:cNvPr id="327" name="Retângulo 326"/>
            <p:cNvSpPr/>
            <p:nvPr/>
          </p:nvSpPr>
          <p:spPr>
            <a:xfrm>
              <a:off x="7667550" y="3810167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20%</a:t>
              </a:r>
            </a:p>
          </p:txBody>
        </p:sp>
        <p:sp>
          <p:nvSpPr>
            <p:cNvPr id="328" name="Retângulo 327"/>
            <p:cNvSpPr/>
            <p:nvPr/>
          </p:nvSpPr>
          <p:spPr>
            <a:xfrm>
              <a:off x="7667550" y="3972243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20%</a:t>
              </a:r>
            </a:p>
          </p:txBody>
        </p:sp>
        <p:sp>
          <p:nvSpPr>
            <p:cNvPr id="329" name="Retângulo 328"/>
            <p:cNvSpPr/>
            <p:nvPr/>
          </p:nvSpPr>
          <p:spPr>
            <a:xfrm>
              <a:off x="7667550" y="4129082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40%</a:t>
              </a:r>
            </a:p>
          </p:txBody>
        </p:sp>
        <p:sp>
          <p:nvSpPr>
            <p:cNvPr id="336" name="Retângulo 335"/>
            <p:cNvSpPr/>
            <p:nvPr/>
          </p:nvSpPr>
          <p:spPr>
            <a:xfrm>
              <a:off x="7667550" y="4442500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20%</a:t>
              </a:r>
            </a:p>
          </p:txBody>
        </p:sp>
        <p:sp>
          <p:nvSpPr>
            <p:cNvPr id="341" name="Retângulo 340"/>
            <p:cNvSpPr/>
            <p:nvPr/>
          </p:nvSpPr>
          <p:spPr>
            <a:xfrm>
              <a:off x="7667550" y="4286737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30%</a:t>
              </a:r>
            </a:p>
          </p:txBody>
        </p:sp>
        <p:sp>
          <p:nvSpPr>
            <p:cNvPr id="351" name="Retângulo 350"/>
            <p:cNvSpPr/>
            <p:nvPr/>
          </p:nvSpPr>
          <p:spPr>
            <a:xfrm>
              <a:off x="8222590" y="3007529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0</a:t>
              </a:r>
            </a:p>
          </p:txBody>
        </p:sp>
        <p:sp>
          <p:nvSpPr>
            <p:cNvPr id="352" name="Retângulo 351"/>
            <p:cNvSpPr/>
            <p:nvPr/>
          </p:nvSpPr>
          <p:spPr>
            <a:xfrm>
              <a:off x="8222590" y="3166272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0</a:t>
              </a:r>
            </a:p>
          </p:txBody>
        </p:sp>
        <p:sp>
          <p:nvSpPr>
            <p:cNvPr id="353" name="Retângulo 352"/>
            <p:cNvSpPr/>
            <p:nvPr/>
          </p:nvSpPr>
          <p:spPr>
            <a:xfrm>
              <a:off x="8222590" y="3330414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1</a:t>
              </a:r>
            </a:p>
          </p:txBody>
        </p:sp>
        <p:sp>
          <p:nvSpPr>
            <p:cNvPr id="354" name="Retângulo 353"/>
            <p:cNvSpPr/>
            <p:nvPr/>
          </p:nvSpPr>
          <p:spPr>
            <a:xfrm>
              <a:off x="8222590" y="3489793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1</a:t>
              </a:r>
            </a:p>
          </p:txBody>
        </p:sp>
        <p:sp>
          <p:nvSpPr>
            <p:cNvPr id="355" name="Retângulo 354"/>
            <p:cNvSpPr/>
            <p:nvPr/>
          </p:nvSpPr>
          <p:spPr>
            <a:xfrm>
              <a:off x="8222590" y="3649172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1</a:t>
              </a:r>
            </a:p>
          </p:txBody>
        </p:sp>
        <p:sp>
          <p:nvSpPr>
            <p:cNvPr id="356" name="Retângulo 355"/>
            <p:cNvSpPr/>
            <p:nvPr/>
          </p:nvSpPr>
          <p:spPr>
            <a:xfrm>
              <a:off x="8222590" y="3809978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1</a:t>
              </a:r>
            </a:p>
          </p:txBody>
        </p:sp>
        <p:sp>
          <p:nvSpPr>
            <p:cNvPr id="357" name="Retângulo 356"/>
            <p:cNvSpPr/>
            <p:nvPr/>
          </p:nvSpPr>
          <p:spPr>
            <a:xfrm>
              <a:off x="8222590" y="3972054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1</a:t>
              </a:r>
            </a:p>
          </p:txBody>
        </p:sp>
        <p:sp>
          <p:nvSpPr>
            <p:cNvPr id="358" name="Retângulo 357"/>
            <p:cNvSpPr/>
            <p:nvPr/>
          </p:nvSpPr>
          <p:spPr>
            <a:xfrm>
              <a:off x="8222590" y="4128893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4</a:t>
              </a:r>
            </a:p>
          </p:txBody>
        </p:sp>
        <p:sp>
          <p:nvSpPr>
            <p:cNvPr id="365" name="Retângulo 364"/>
            <p:cNvSpPr/>
            <p:nvPr/>
          </p:nvSpPr>
          <p:spPr>
            <a:xfrm>
              <a:off x="8222590" y="4442311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0</a:t>
              </a:r>
            </a:p>
          </p:txBody>
        </p:sp>
        <p:sp>
          <p:nvSpPr>
            <p:cNvPr id="370" name="Retângulo 369"/>
            <p:cNvSpPr/>
            <p:nvPr/>
          </p:nvSpPr>
          <p:spPr>
            <a:xfrm>
              <a:off x="8222590" y="4286548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4</a:t>
              </a:r>
            </a:p>
          </p:txBody>
        </p:sp>
        <p:sp>
          <p:nvSpPr>
            <p:cNvPr id="484" name="Retângulo 483"/>
            <p:cNvSpPr/>
            <p:nvPr/>
          </p:nvSpPr>
          <p:spPr>
            <a:xfrm>
              <a:off x="193356" y="3012289"/>
              <a:ext cx="270509" cy="1579045"/>
            </a:xfrm>
            <a:prstGeom prst="rect">
              <a:avLst/>
            </a:prstGeom>
            <a:solidFill>
              <a:srgbClr val="560015">
                <a:alpha val="2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endParaRPr lang="pt-BR" sz="1000" b="1" dirty="0">
                <a:solidFill>
                  <a:srgbClr val="560015"/>
                </a:solidFill>
                <a:latin typeface="Calibri"/>
              </a:endParaRPr>
            </a:p>
          </p:txBody>
        </p:sp>
        <p:sp>
          <p:nvSpPr>
            <p:cNvPr id="113" name="Retângulo 112"/>
            <p:cNvSpPr/>
            <p:nvPr/>
          </p:nvSpPr>
          <p:spPr>
            <a:xfrm>
              <a:off x="6696000" y="3007718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100%</a:t>
              </a:r>
            </a:p>
          </p:txBody>
        </p:sp>
        <p:sp>
          <p:nvSpPr>
            <p:cNvPr id="114" name="Retângulo 113"/>
            <p:cNvSpPr/>
            <p:nvPr/>
          </p:nvSpPr>
          <p:spPr>
            <a:xfrm>
              <a:off x="6696000" y="3166461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100%</a:t>
              </a:r>
            </a:p>
          </p:txBody>
        </p:sp>
        <p:sp>
          <p:nvSpPr>
            <p:cNvPr id="115" name="Retângulo 114"/>
            <p:cNvSpPr/>
            <p:nvPr/>
          </p:nvSpPr>
          <p:spPr>
            <a:xfrm>
              <a:off x="6696000" y="3330603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100%</a:t>
              </a:r>
            </a:p>
          </p:txBody>
        </p:sp>
        <p:sp>
          <p:nvSpPr>
            <p:cNvPr id="134" name="Retângulo 133"/>
            <p:cNvSpPr/>
            <p:nvPr/>
          </p:nvSpPr>
          <p:spPr>
            <a:xfrm>
              <a:off x="6696000" y="3489982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  <p:sp>
          <p:nvSpPr>
            <p:cNvPr id="135" name="Retângulo 134"/>
            <p:cNvSpPr/>
            <p:nvPr/>
          </p:nvSpPr>
          <p:spPr>
            <a:xfrm>
              <a:off x="6696000" y="3649361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  <p:sp>
          <p:nvSpPr>
            <p:cNvPr id="136" name="Retângulo 135"/>
            <p:cNvSpPr/>
            <p:nvPr/>
          </p:nvSpPr>
          <p:spPr>
            <a:xfrm>
              <a:off x="6696000" y="3810167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  <p:sp>
          <p:nvSpPr>
            <p:cNvPr id="137" name="Retângulo 136"/>
            <p:cNvSpPr/>
            <p:nvPr/>
          </p:nvSpPr>
          <p:spPr>
            <a:xfrm>
              <a:off x="6696000" y="3972243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  <p:sp>
          <p:nvSpPr>
            <p:cNvPr id="139" name="Retângulo 138"/>
            <p:cNvSpPr/>
            <p:nvPr/>
          </p:nvSpPr>
          <p:spPr>
            <a:xfrm>
              <a:off x="6696000" y="4129082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  <p:sp>
          <p:nvSpPr>
            <p:cNvPr id="140" name="Retângulo 139"/>
            <p:cNvSpPr/>
            <p:nvPr/>
          </p:nvSpPr>
          <p:spPr>
            <a:xfrm>
              <a:off x="6696000" y="4442500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  <p:sp>
          <p:nvSpPr>
            <p:cNvPr id="141" name="Retângulo 140"/>
            <p:cNvSpPr/>
            <p:nvPr/>
          </p:nvSpPr>
          <p:spPr>
            <a:xfrm>
              <a:off x="6696000" y="4286737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40%</a:t>
              </a:r>
            </a:p>
          </p:txBody>
        </p:sp>
      </p:grpSp>
      <p:grpSp>
        <p:nvGrpSpPr>
          <p:cNvPr id="5" name="Agrupar 4"/>
          <p:cNvGrpSpPr/>
          <p:nvPr/>
        </p:nvGrpSpPr>
        <p:grpSpPr>
          <a:xfrm>
            <a:off x="1730692" y="4880568"/>
            <a:ext cx="8461583" cy="132210"/>
            <a:chOff x="206691" y="4880568"/>
            <a:chExt cx="8461583" cy="132210"/>
          </a:xfrm>
        </p:grpSpPr>
        <p:sp>
          <p:nvSpPr>
            <p:cNvPr id="98" name="Retângulo 97"/>
            <p:cNvSpPr/>
            <p:nvPr/>
          </p:nvSpPr>
          <p:spPr>
            <a:xfrm>
              <a:off x="466368" y="4880568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MULTIMERCADO MACRO INSITUCIONAL</a:t>
              </a:r>
            </a:p>
          </p:txBody>
        </p:sp>
        <p:sp>
          <p:nvSpPr>
            <p:cNvPr id="127" name="Retângulo 126"/>
            <p:cNvSpPr/>
            <p:nvPr/>
          </p:nvSpPr>
          <p:spPr>
            <a:xfrm>
              <a:off x="3638348" y="4880568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56" name="Retângulo 155"/>
            <p:cNvSpPr/>
            <p:nvPr/>
          </p:nvSpPr>
          <p:spPr>
            <a:xfrm>
              <a:off x="4585744" y="4880568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8°, III</a:t>
              </a:r>
            </a:p>
          </p:txBody>
        </p:sp>
        <p:sp>
          <p:nvSpPr>
            <p:cNvPr id="330" name="Retângulo 329"/>
            <p:cNvSpPr/>
            <p:nvPr/>
          </p:nvSpPr>
          <p:spPr>
            <a:xfrm>
              <a:off x="7667550" y="4880757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50%</a:t>
              </a:r>
            </a:p>
          </p:txBody>
        </p:sp>
        <p:sp>
          <p:nvSpPr>
            <p:cNvPr id="359" name="Retângulo 358"/>
            <p:cNvSpPr/>
            <p:nvPr/>
          </p:nvSpPr>
          <p:spPr>
            <a:xfrm>
              <a:off x="8222590" y="4880568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1</a:t>
              </a:r>
            </a:p>
          </p:txBody>
        </p:sp>
        <p:sp>
          <p:nvSpPr>
            <p:cNvPr id="485" name="Retângulo 484"/>
            <p:cNvSpPr/>
            <p:nvPr/>
          </p:nvSpPr>
          <p:spPr>
            <a:xfrm>
              <a:off x="206691" y="4893268"/>
              <a:ext cx="235512" cy="110653"/>
            </a:xfrm>
            <a:prstGeom prst="rect">
              <a:avLst/>
            </a:prstGeom>
            <a:solidFill>
              <a:srgbClr val="560015">
                <a:alpha val="3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endParaRPr lang="pt-BR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142" name="Retângulo 141"/>
            <p:cNvSpPr/>
            <p:nvPr/>
          </p:nvSpPr>
          <p:spPr>
            <a:xfrm>
              <a:off x="6696000" y="4880757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10%</a:t>
              </a:r>
            </a:p>
          </p:txBody>
        </p:sp>
      </p:grpSp>
      <p:grpSp>
        <p:nvGrpSpPr>
          <p:cNvPr id="6" name="Agrupar 5"/>
          <p:cNvGrpSpPr/>
          <p:nvPr/>
        </p:nvGrpSpPr>
        <p:grpSpPr>
          <a:xfrm>
            <a:off x="1730692" y="5271883"/>
            <a:ext cx="8461583" cy="820211"/>
            <a:chOff x="206691" y="5271882"/>
            <a:chExt cx="8461583" cy="820211"/>
          </a:xfrm>
        </p:grpSpPr>
        <p:sp>
          <p:nvSpPr>
            <p:cNvPr id="99" name="Retângulo 98"/>
            <p:cNvSpPr/>
            <p:nvPr/>
          </p:nvSpPr>
          <p:spPr>
            <a:xfrm>
              <a:off x="466368" y="5271883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AÇÕES DIVIDENDOS</a:t>
              </a:r>
            </a:p>
          </p:txBody>
        </p:sp>
        <p:sp>
          <p:nvSpPr>
            <p:cNvPr id="100" name="Retângulo 99"/>
            <p:cNvSpPr/>
            <p:nvPr/>
          </p:nvSpPr>
          <p:spPr>
            <a:xfrm>
              <a:off x="466368" y="5431739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AÇÕES SMALL CAP PLUS</a:t>
              </a:r>
            </a:p>
          </p:txBody>
        </p:sp>
        <p:sp>
          <p:nvSpPr>
            <p:cNvPr id="101" name="Retângulo 100"/>
            <p:cNvSpPr/>
            <p:nvPr/>
          </p:nvSpPr>
          <p:spPr>
            <a:xfrm>
              <a:off x="466368" y="5593269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AÇÕES SELECTION</a:t>
              </a:r>
            </a:p>
          </p:txBody>
        </p:sp>
        <p:sp>
          <p:nvSpPr>
            <p:cNvPr id="102" name="Retângulo 101"/>
            <p:cNvSpPr/>
            <p:nvPr/>
          </p:nvSpPr>
          <p:spPr>
            <a:xfrm>
              <a:off x="466368" y="5754075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AÇÕES INSTITUCIONAL </a:t>
              </a:r>
              <a:r>
                <a:rPr lang="pt-BR" sz="1000" dirty="0" err="1">
                  <a:solidFill>
                    <a:prstClr val="black"/>
                  </a:solidFill>
                  <a:latin typeface="Century Gothic" panose="020B0502020202020204" pitchFamily="34" charset="0"/>
                </a:rPr>
                <a:t>IBrX</a:t>
              </a: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 ALPHA</a:t>
              </a:r>
            </a:p>
          </p:txBody>
        </p:sp>
        <p:sp>
          <p:nvSpPr>
            <p:cNvPr id="103" name="Retângulo 102"/>
            <p:cNvSpPr/>
            <p:nvPr/>
          </p:nvSpPr>
          <p:spPr>
            <a:xfrm>
              <a:off x="466368" y="5913770"/>
              <a:ext cx="316947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BRAD AÇÕES IBOV REGIMES DE PREVIDÊNCIA H</a:t>
              </a:r>
            </a:p>
          </p:txBody>
        </p:sp>
        <p:sp>
          <p:nvSpPr>
            <p:cNvPr id="128" name="Retângulo 127"/>
            <p:cNvSpPr/>
            <p:nvPr/>
          </p:nvSpPr>
          <p:spPr>
            <a:xfrm>
              <a:off x="3638348" y="5271883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29" name="Retângulo 128"/>
            <p:cNvSpPr/>
            <p:nvPr/>
          </p:nvSpPr>
          <p:spPr>
            <a:xfrm>
              <a:off x="3638348" y="5431739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30" name="Retângulo 129"/>
            <p:cNvSpPr/>
            <p:nvPr/>
          </p:nvSpPr>
          <p:spPr>
            <a:xfrm>
              <a:off x="3638348" y="5593269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31" name="Retângulo 130"/>
            <p:cNvSpPr/>
            <p:nvPr/>
          </p:nvSpPr>
          <p:spPr>
            <a:xfrm>
              <a:off x="3638348" y="5754075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32" name="Retângulo 131"/>
            <p:cNvSpPr/>
            <p:nvPr/>
          </p:nvSpPr>
          <p:spPr>
            <a:xfrm>
              <a:off x="3638348" y="5913770"/>
              <a:ext cx="692668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TIVA</a:t>
              </a:r>
            </a:p>
          </p:txBody>
        </p:sp>
        <p:sp>
          <p:nvSpPr>
            <p:cNvPr id="157" name="Retângulo 156"/>
            <p:cNvSpPr/>
            <p:nvPr/>
          </p:nvSpPr>
          <p:spPr>
            <a:xfrm>
              <a:off x="4585744" y="5271883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8°, INCISO II, ALÍNEA “A”</a:t>
              </a:r>
            </a:p>
          </p:txBody>
        </p:sp>
        <p:sp>
          <p:nvSpPr>
            <p:cNvPr id="158" name="Retângulo 157"/>
            <p:cNvSpPr/>
            <p:nvPr/>
          </p:nvSpPr>
          <p:spPr>
            <a:xfrm>
              <a:off x="4585744" y="5431739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8°, INCISO II, ALÍNEA “A”</a:t>
              </a:r>
            </a:p>
          </p:txBody>
        </p:sp>
        <p:sp>
          <p:nvSpPr>
            <p:cNvPr id="159" name="Retângulo 158"/>
            <p:cNvSpPr/>
            <p:nvPr/>
          </p:nvSpPr>
          <p:spPr>
            <a:xfrm>
              <a:off x="4585744" y="5593269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8°, INCISO II, ALÍNEA “A”</a:t>
              </a:r>
            </a:p>
          </p:txBody>
        </p:sp>
        <p:sp>
          <p:nvSpPr>
            <p:cNvPr id="160" name="Retângulo 159"/>
            <p:cNvSpPr/>
            <p:nvPr/>
          </p:nvSpPr>
          <p:spPr>
            <a:xfrm>
              <a:off x="4585744" y="5754075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8°, INCISO II, ALÍNEA “A”</a:t>
              </a:r>
            </a:p>
          </p:txBody>
        </p:sp>
        <p:sp>
          <p:nvSpPr>
            <p:cNvPr id="161" name="Retângulo 160"/>
            <p:cNvSpPr/>
            <p:nvPr/>
          </p:nvSpPr>
          <p:spPr>
            <a:xfrm>
              <a:off x="4585744" y="5913770"/>
              <a:ext cx="2047907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ART. 8°, INCISO II, ALÍNEA “A”</a:t>
              </a:r>
            </a:p>
          </p:txBody>
        </p:sp>
        <p:sp>
          <p:nvSpPr>
            <p:cNvPr id="331" name="Retângulo 330"/>
            <p:cNvSpPr/>
            <p:nvPr/>
          </p:nvSpPr>
          <p:spPr>
            <a:xfrm>
              <a:off x="7667550" y="5272072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1,50%</a:t>
              </a:r>
            </a:p>
          </p:txBody>
        </p:sp>
        <p:sp>
          <p:nvSpPr>
            <p:cNvPr id="332" name="Retângulo 331"/>
            <p:cNvSpPr/>
            <p:nvPr/>
          </p:nvSpPr>
          <p:spPr>
            <a:xfrm>
              <a:off x="7667550" y="5431928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1,50%</a:t>
              </a:r>
            </a:p>
          </p:txBody>
        </p:sp>
        <p:sp>
          <p:nvSpPr>
            <p:cNvPr id="333" name="Retângulo 332"/>
            <p:cNvSpPr/>
            <p:nvPr/>
          </p:nvSpPr>
          <p:spPr>
            <a:xfrm>
              <a:off x="7667550" y="5593458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1,50%</a:t>
              </a:r>
            </a:p>
          </p:txBody>
        </p:sp>
        <p:sp>
          <p:nvSpPr>
            <p:cNvPr id="334" name="Retângulo 333"/>
            <p:cNvSpPr/>
            <p:nvPr/>
          </p:nvSpPr>
          <p:spPr>
            <a:xfrm>
              <a:off x="7667550" y="5754264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0,90%</a:t>
              </a:r>
            </a:p>
          </p:txBody>
        </p:sp>
        <p:sp>
          <p:nvSpPr>
            <p:cNvPr id="335" name="Retângulo 334"/>
            <p:cNvSpPr/>
            <p:nvPr/>
          </p:nvSpPr>
          <p:spPr>
            <a:xfrm>
              <a:off x="7667550" y="5913959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1,00%</a:t>
              </a:r>
            </a:p>
          </p:txBody>
        </p:sp>
        <p:sp>
          <p:nvSpPr>
            <p:cNvPr id="360" name="Retângulo 359"/>
            <p:cNvSpPr/>
            <p:nvPr/>
          </p:nvSpPr>
          <p:spPr>
            <a:xfrm>
              <a:off x="8222590" y="5271883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3</a:t>
              </a:r>
            </a:p>
          </p:txBody>
        </p:sp>
        <p:sp>
          <p:nvSpPr>
            <p:cNvPr id="361" name="Retângulo 360"/>
            <p:cNvSpPr/>
            <p:nvPr/>
          </p:nvSpPr>
          <p:spPr>
            <a:xfrm>
              <a:off x="8222590" y="5431739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3</a:t>
              </a:r>
            </a:p>
          </p:txBody>
        </p:sp>
        <p:sp>
          <p:nvSpPr>
            <p:cNvPr id="362" name="Retângulo 361"/>
            <p:cNvSpPr/>
            <p:nvPr/>
          </p:nvSpPr>
          <p:spPr>
            <a:xfrm>
              <a:off x="8222590" y="5593269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3</a:t>
              </a:r>
            </a:p>
          </p:txBody>
        </p:sp>
        <p:sp>
          <p:nvSpPr>
            <p:cNvPr id="363" name="Retângulo 362"/>
            <p:cNvSpPr/>
            <p:nvPr/>
          </p:nvSpPr>
          <p:spPr>
            <a:xfrm>
              <a:off x="8222590" y="5754075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3</a:t>
              </a:r>
            </a:p>
          </p:txBody>
        </p:sp>
        <p:sp>
          <p:nvSpPr>
            <p:cNvPr id="364" name="Retângulo 363"/>
            <p:cNvSpPr/>
            <p:nvPr/>
          </p:nvSpPr>
          <p:spPr>
            <a:xfrm>
              <a:off x="8222590" y="5913770"/>
              <a:ext cx="44568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D+2</a:t>
              </a:r>
            </a:p>
          </p:txBody>
        </p:sp>
        <p:sp>
          <p:nvSpPr>
            <p:cNvPr id="486" name="Retângulo 485"/>
            <p:cNvSpPr/>
            <p:nvPr/>
          </p:nvSpPr>
          <p:spPr>
            <a:xfrm>
              <a:off x="206691" y="5271882"/>
              <a:ext cx="235512" cy="820211"/>
            </a:xfrm>
            <a:prstGeom prst="rect">
              <a:avLst/>
            </a:prstGeom>
            <a:solidFill>
              <a:srgbClr val="560015">
                <a:alpha val="4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endParaRPr lang="pt-BR">
                <a:solidFill>
                  <a:prstClr val="white"/>
                </a:solidFill>
                <a:latin typeface="Calibri"/>
              </a:endParaRPr>
            </a:p>
          </p:txBody>
        </p:sp>
        <p:sp>
          <p:nvSpPr>
            <p:cNvPr id="143" name="Retângulo 142"/>
            <p:cNvSpPr/>
            <p:nvPr/>
          </p:nvSpPr>
          <p:spPr>
            <a:xfrm>
              <a:off x="6696000" y="5272072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20%</a:t>
              </a:r>
            </a:p>
          </p:txBody>
        </p:sp>
        <p:sp>
          <p:nvSpPr>
            <p:cNvPr id="144" name="Retângulo 143"/>
            <p:cNvSpPr/>
            <p:nvPr/>
          </p:nvSpPr>
          <p:spPr>
            <a:xfrm>
              <a:off x="6696000" y="5431928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20%</a:t>
              </a:r>
            </a:p>
          </p:txBody>
        </p:sp>
        <p:sp>
          <p:nvSpPr>
            <p:cNvPr id="163" name="Retângulo 162"/>
            <p:cNvSpPr/>
            <p:nvPr/>
          </p:nvSpPr>
          <p:spPr>
            <a:xfrm>
              <a:off x="6696000" y="5593458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20%</a:t>
              </a:r>
            </a:p>
          </p:txBody>
        </p:sp>
        <p:sp>
          <p:nvSpPr>
            <p:cNvPr id="164" name="Retângulo 163"/>
            <p:cNvSpPr/>
            <p:nvPr/>
          </p:nvSpPr>
          <p:spPr>
            <a:xfrm>
              <a:off x="6696000" y="5754264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20%</a:t>
              </a:r>
            </a:p>
          </p:txBody>
        </p:sp>
        <p:sp>
          <p:nvSpPr>
            <p:cNvPr id="165" name="Retângulo 164"/>
            <p:cNvSpPr/>
            <p:nvPr/>
          </p:nvSpPr>
          <p:spPr>
            <a:xfrm>
              <a:off x="6696000" y="5913959"/>
              <a:ext cx="530874" cy="132021"/>
            </a:xfrm>
            <a:prstGeom prst="rect">
              <a:avLst/>
            </a:prstGeom>
            <a:no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>
                <a:defRPr/>
              </a:pPr>
              <a:r>
                <a:rPr lang="pt-BR" sz="10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20%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313522406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9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4084497"/>
            <a:ext cx="6307684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FUNDOS DE</a:t>
            </a:r>
          </a:p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BAIXA COMPLEXIDADE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</p:spTree>
    <p:extLst>
      <p:ext uri="{BB962C8B-B14F-4D97-AF65-F5344CB8AC3E}">
        <p14:creationId xmlns:p14="http://schemas.microsoft.com/office/powerpoint/2010/main" val="39055844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" name="Conector reto 5">
            <a:extLst>
              <a:ext uri="{FF2B5EF4-FFF2-40B4-BE49-F238E27FC236}">
                <a16:creationId xmlns:a16="http://schemas.microsoft.com/office/drawing/2014/main" id="{4571F033-93EF-4AAF-ACEB-973FCE525040}"/>
              </a:ext>
            </a:extLst>
          </p:cNvPr>
          <p:cNvCxnSpPr>
            <a:cxnSpLocks/>
          </p:cNvCxnSpPr>
          <p:nvPr/>
        </p:nvCxnSpPr>
        <p:spPr>
          <a:xfrm rot="5400000">
            <a:off x="-1307583" y="5856201"/>
            <a:ext cx="6948000" cy="31099"/>
          </a:xfrm>
          <a:prstGeom prst="line">
            <a:avLst/>
          </a:prstGeom>
          <a:ln w="3175">
            <a:solidFill>
              <a:srgbClr val="08305B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Elipse 6">
            <a:extLst>
              <a:ext uri="{FF2B5EF4-FFF2-40B4-BE49-F238E27FC236}">
                <a16:creationId xmlns:a16="http://schemas.microsoft.com/office/drawing/2014/main" id="{48D1D07E-B56F-420A-978A-C3946D9925B1}"/>
              </a:ext>
            </a:extLst>
          </p:cNvPr>
          <p:cNvSpPr/>
          <p:nvPr/>
        </p:nvSpPr>
        <p:spPr>
          <a:xfrm>
            <a:off x="1973362" y="2086630"/>
            <a:ext cx="468000" cy="468000"/>
          </a:xfrm>
          <a:prstGeom prst="ellipse">
            <a:avLst/>
          </a:pr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8" name="Elipse 7">
            <a:extLst>
              <a:ext uri="{FF2B5EF4-FFF2-40B4-BE49-F238E27FC236}">
                <a16:creationId xmlns:a16="http://schemas.microsoft.com/office/drawing/2014/main" id="{F0996C6D-7ABA-478A-AA55-7AB70219AC2C}"/>
              </a:ext>
            </a:extLst>
          </p:cNvPr>
          <p:cNvSpPr/>
          <p:nvPr/>
        </p:nvSpPr>
        <p:spPr>
          <a:xfrm>
            <a:off x="1965312" y="3168570"/>
            <a:ext cx="468000" cy="468000"/>
          </a:xfrm>
          <a:prstGeom prst="ellipse">
            <a:avLst/>
          </a:pr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9" name="Elipse 8">
            <a:extLst>
              <a:ext uri="{FF2B5EF4-FFF2-40B4-BE49-F238E27FC236}">
                <a16:creationId xmlns:a16="http://schemas.microsoft.com/office/drawing/2014/main" id="{EEB711A3-C890-4DFE-9888-CBC261E0F502}"/>
              </a:ext>
            </a:extLst>
          </p:cNvPr>
          <p:cNvSpPr/>
          <p:nvPr/>
        </p:nvSpPr>
        <p:spPr>
          <a:xfrm>
            <a:off x="1959714" y="4783085"/>
            <a:ext cx="468000" cy="468000"/>
          </a:xfrm>
          <a:prstGeom prst="ellipse">
            <a:avLst/>
          </a:pr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18" name="Retângulo 17"/>
          <p:cNvSpPr/>
          <p:nvPr/>
        </p:nvSpPr>
        <p:spPr>
          <a:xfrm>
            <a:off x="2642359" y="2188513"/>
            <a:ext cx="3516618" cy="307777"/>
          </a:xfrm>
          <a:prstGeom prst="rect">
            <a:avLst/>
          </a:prstGeom>
          <a:ln>
            <a:noFill/>
          </a:ln>
        </p:spPr>
        <p:txBody>
          <a:bodyPr vert="horz" wrap="square" lIns="0" tIns="0" rIns="0" bIns="0" rtlCol="0" anchor="t">
            <a:spAutoFit/>
          </a:bodyPr>
          <a:lstStyle/>
          <a:p>
            <a:pPr defTabSz="342900">
              <a:defRPr/>
            </a:pPr>
            <a:r>
              <a:rPr lang="pt-BR" sz="2000" b="1" dirty="0">
                <a:solidFill>
                  <a:srgbClr val="08305B"/>
                </a:solidFill>
                <a:latin typeface="Century Gothic" panose="020B0502020202020204" pitchFamily="34" charset="0"/>
                <a:cs typeface="NewJune-Regular"/>
              </a:rPr>
              <a:t>QUEM SOMOS?</a:t>
            </a:r>
          </a:p>
        </p:txBody>
      </p:sp>
      <p:sp>
        <p:nvSpPr>
          <p:cNvPr id="21" name="Retângulo 20"/>
          <p:cNvSpPr/>
          <p:nvPr/>
        </p:nvSpPr>
        <p:spPr>
          <a:xfrm>
            <a:off x="2649967" y="3248651"/>
            <a:ext cx="3937353" cy="954107"/>
          </a:xfrm>
          <a:prstGeom prst="rect">
            <a:avLst/>
          </a:prstGeom>
          <a:ln>
            <a:noFill/>
          </a:ln>
        </p:spPr>
        <p:txBody>
          <a:bodyPr vert="horz" wrap="square" lIns="0" tIns="0" rIns="0" bIns="0" rtlCol="0" anchor="t">
            <a:spAutoFit/>
          </a:bodyPr>
          <a:lstStyle/>
          <a:p>
            <a:pPr defTabSz="342900">
              <a:defRPr/>
            </a:pPr>
            <a:r>
              <a:rPr lang="pt-BR" sz="2000" b="1" dirty="0">
                <a:solidFill>
                  <a:srgbClr val="08305B"/>
                </a:solidFill>
                <a:latin typeface="Century Gothic" panose="020B0502020202020204" pitchFamily="34" charset="0"/>
                <a:cs typeface="NewJune-Regular"/>
              </a:rPr>
              <a:t>CENÁRIO MACROECONÔMICO</a:t>
            </a:r>
          </a:p>
          <a:p>
            <a:pPr defTabSz="342900">
              <a:defRPr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CENÁRIO INTERNACIONAL</a:t>
            </a:r>
          </a:p>
          <a:p>
            <a:pPr defTabSz="342900">
              <a:defRPr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CENÁRIO LOCAL</a:t>
            </a:r>
          </a:p>
          <a:p>
            <a:pPr defTabSz="342900">
              <a:defRPr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PROJEÇÕES BRAM</a:t>
            </a:r>
            <a:endParaRPr lang="pt-BR" sz="1400" dirty="0">
              <a:solidFill>
                <a:srgbClr val="08305B"/>
              </a:solidFill>
              <a:latin typeface="Century Gothic" panose="020B0502020202020204" pitchFamily="34" charset="0"/>
              <a:cs typeface="NewJune-Regular"/>
            </a:endParaRPr>
          </a:p>
        </p:txBody>
      </p:sp>
      <p:sp>
        <p:nvSpPr>
          <p:cNvPr id="24" name="Retângulo 23"/>
          <p:cNvSpPr/>
          <p:nvPr/>
        </p:nvSpPr>
        <p:spPr>
          <a:xfrm>
            <a:off x="2676692" y="4851055"/>
            <a:ext cx="5349708" cy="1600438"/>
          </a:xfrm>
          <a:prstGeom prst="rect">
            <a:avLst/>
          </a:prstGeom>
          <a:ln>
            <a:noFill/>
          </a:ln>
        </p:spPr>
        <p:txBody>
          <a:bodyPr vert="horz" wrap="square" lIns="0" tIns="0" rIns="0" bIns="0" rtlCol="0" anchor="t">
            <a:spAutoFit/>
          </a:bodyPr>
          <a:lstStyle/>
          <a:p>
            <a:pPr defTabSz="342900">
              <a:defRPr/>
            </a:pPr>
            <a:r>
              <a:rPr lang="pt-BR" sz="2000" b="1" dirty="0">
                <a:solidFill>
                  <a:srgbClr val="08305B"/>
                </a:solidFill>
                <a:latin typeface="Century Gothic" panose="020B0502020202020204" pitchFamily="34" charset="0"/>
                <a:cs typeface="NewJune-Regular"/>
              </a:rPr>
              <a:t>COMO INVESTIR?</a:t>
            </a:r>
          </a:p>
          <a:p>
            <a:pPr defTabSz="342900">
              <a:defRPr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DIVERSIFICAÇÃO DE INVESTIMENTOS</a:t>
            </a:r>
          </a:p>
          <a:p>
            <a:pPr defTabSz="342900">
              <a:defRPr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FUNDOS DE BAIXA COMPLEXIDADE</a:t>
            </a:r>
          </a:p>
          <a:p>
            <a:pPr defTabSz="342900">
              <a:defRPr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ALTERNATIVAS EM RENDA FIXA</a:t>
            </a:r>
          </a:p>
          <a:p>
            <a:pPr defTabSz="342900">
              <a:defRPr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FUNDO MULTIMERCADO MACRO INSTITUCIONAL</a:t>
            </a:r>
          </a:p>
          <a:p>
            <a:pPr defTabSz="342900">
              <a:defRPr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ALTERNATIVAS EM RENDA VARIÁVEL</a:t>
            </a:r>
          </a:p>
          <a:p>
            <a:pPr defTabSz="342900">
              <a:defRPr/>
            </a:pPr>
            <a:r>
              <a:rPr lang="pt-BR" sz="14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FUNDO BRADESCO CARTEIRA IMOBILIÁRIA ATIVA (BCIA11) </a:t>
            </a:r>
          </a:p>
        </p:txBody>
      </p:sp>
      <p:sp>
        <p:nvSpPr>
          <p:cNvPr id="28" name="Retângulo 27"/>
          <p:cNvSpPr/>
          <p:nvPr/>
        </p:nvSpPr>
        <p:spPr>
          <a:xfrm>
            <a:off x="1968827" y="1284659"/>
            <a:ext cx="1500732" cy="4247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914400">
              <a:lnSpc>
                <a:spcPct val="90000"/>
              </a:lnSpc>
              <a:spcAft>
                <a:spcPts val="900"/>
              </a:spcAft>
              <a:defRPr/>
            </a:pPr>
            <a:r>
              <a:rPr lang="pt-BR" sz="2400" b="1" dirty="0">
                <a:solidFill>
                  <a:srgbClr val="C0C0BF"/>
                </a:solidFill>
                <a:latin typeface="Century Gothic" panose="020B0502020202020204" pitchFamily="34" charset="0"/>
              </a:rPr>
              <a:t>AGENDA</a:t>
            </a:r>
          </a:p>
        </p:txBody>
      </p:sp>
      <p:sp>
        <p:nvSpPr>
          <p:cNvPr id="19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pt-BR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674590" y="235965"/>
            <a:ext cx="2940021" cy="349339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AGENDA ABIPEM</a:t>
            </a:r>
          </a:p>
        </p:txBody>
      </p:sp>
    </p:spTree>
    <p:extLst>
      <p:ext uri="{BB962C8B-B14F-4D97-AF65-F5344CB8AC3E}">
        <p14:creationId xmlns:p14="http://schemas.microsoft.com/office/powerpoint/2010/main" val="1522745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5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5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3000"/>
                            </p:stCondLst>
                            <p:childTnLst>
                              <p:par>
                                <p:cTn id="2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4000"/>
                            </p:stCondLst>
                            <p:childTnLst>
                              <p:par>
                                <p:cTn id="2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4500"/>
                            </p:stCondLst>
                            <p:childTnLst>
                              <p:par>
                                <p:cTn id="2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5500"/>
                            </p:stCondLst>
                            <p:childTnLst>
                              <p:par>
                                <p:cTn id="33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5" dur="53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 animBg="1"/>
      <p:bldP spid="9" grpId="0" animBg="1"/>
      <p:bldP spid="18" grpId="0"/>
      <p:bldP spid="21" grpId="0"/>
      <p:bldP spid="24" grpId="0"/>
      <p:bldP spid="28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574769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FUNDOS DE BAIXA COMPLEXIDADE</a:t>
            </a:r>
          </a:p>
          <a:p>
            <a:pPr marL="0" indent="0">
              <a:lnSpc>
                <a:spcPct val="100000"/>
              </a:lnSpc>
              <a:buNone/>
              <a:defRPr/>
            </a:pPr>
            <a:r>
              <a:rPr lang="pt-BR" sz="1000" dirty="0">
                <a:solidFill>
                  <a:srgbClr val="08305B"/>
                </a:solidFill>
                <a:latin typeface="Century Gothic" panose="020B0502020202020204" pitchFamily="34" charset="0"/>
              </a:rPr>
              <a:t>OPÇÕES PARA A PARCELA DE CAIXA</a:t>
            </a:r>
          </a:p>
        </p:txBody>
      </p:sp>
      <p:grpSp>
        <p:nvGrpSpPr>
          <p:cNvPr id="176" name="Agrupar 175"/>
          <p:cNvGrpSpPr/>
          <p:nvPr/>
        </p:nvGrpSpPr>
        <p:grpSpPr>
          <a:xfrm>
            <a:off x="2077277" y="2584497"/>
            <a:ext cx="2699642" cy="3767796"/>
            <a:chOff x="623888" y="2698797"/>
            <a:chExt cx="2154874" cy="3767796"/>
          </a:xfrm>
        </p:grpSpPr>
        <p:sp>
          <p:nvSpPr>
            <p:cNvPr id="177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717504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DI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FEDERAL EXTRA</a:t>
              </a:r>
            </a:p>
          </p:txBody>
        </p:sp>
        <p:sp>
          <p:nvSpPr>
            <p:cNvPr id="178" name="Retângulo 177"/>
            <p:cNvSpPr/>
            <p:nvPr/>
          </p:nvSpPr>
          <p:spPr>
            <a:xfrm>
              <a:off x="623888" y="3533482"/>
              <a:ext cx="2154874" cy="293311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100% TÍTULOS PÚBLICO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PÓS FIXADO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02/08/1999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RETORNO HISTÓRIC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12 MESES: 97,17% CDI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8.8 B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IÁRIA</a:t>
              </a:r>
            </a:p>
          </p:txBody>
        </p:sp>
      </p:grpSp>
      <p:grpSp>
        <p:nvGrpSpPr>
          <p:cNvPr id="179" name="Agrupar 178"/>
          <p:cNvGrpSpPr/>
          <p:nvPr/>
        </p:nvGrpSpPr>
        <p:grpSpPr>
          <a:xfrm>
            <a:off x="4800568" y="2584497"/>
            <a:ext cx="2699642" cy="3767796"/>
            <a:chOff x="623888" y="2698797"/>
            <a:chExt cx="2154874" cy="3767796"/>
          </a:xfrm>
        </p:grpSpPr>
        <p:sp>
          <p:nvSpPr>
            <p:cNvPr id="180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717504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DI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PODER PÚBLICO</a:t>
              </a:r>
            </a:p>
          </p:txBody>
        </p:sp>
        <p:sp>
          <p:nvSpPr>
            <p:cNvPr id="181" name="Retângulo 180"/>
            <p:cNvSpPr/>
            <p:nvPr/>
          </p:nvSpPr>
          <p:spPr>
            <a:xfrm>
              <a:off x="623888" y="3533482"/>
              <a:ext cx="2154874" cy="293311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100% TÍTULOS PÚBLICO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PÓS FIXADO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12/04/2005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RETORNO HISTÓRIC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12 MESES: 84,05% CDI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220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IÁRIA</a:t>
              </a:r>
            </a:p>
          </p:txBody>
        </p:sp>
      </p:grpSp>
      <p:grpSp>
        <p:nvGrpSpPr>
          <p:cNvPr id="182" name="Agrupar 181"/>
          <p:cNvGrpSpPr/>
          <p:nvPr/>
        </p:nvGrpSpPr>
        <p:grpSpPr>
          <a:xfrm>
            <a:off x="7536558" y="2584497"/>
            <a:ext cx="2699642" cy="3767796"/>
            <a:chOff x="623888" y="2698797"/>
            <a:chExt cx="2154874" cy="3767796"/>
          </a:xfrm>
        </p:grpSpPr>
        <p:sp>
          <p:nvSpPr>
            <p:cNvPr id="183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717504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DI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PREMIUM</a:t>
              </a:r>
            </a:p>
          </p:txBody>
        </p:sp>
        <p:sp>
          <p:nvSpPr>
            <p:cNvPr id="184" name="Retângulo 183"/>
            <p:cNvSpPr/>
            <p:nvPr/>
          </p:nvSpPr>
          <p:spPr>
            <a:xfrm>
              <a:off x="623888" y="3533482"/>
              <a:ext cx="2154874" cy="293311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43% TÍTULOS PRIVADO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BAIXO RISC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05/10/1999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RETORNO HISTÓRIC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12 MESES: 98,51% CDI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6.7 B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IÁRIA</a:t>
              </a:r>
            </a:p>
          </p:txBody>
        </p:sp>
      </p:grpSp>
      <p:grpSp>
        <p:nvGrpSpPr>
          <p:cNvPr id="189" name="Agrupar 1">
            <a:extLst>
              <a:ext uri="{FF2B5EF4-FFF2-40B4-BE49-F238E27FC236}">
                <a16:creationId xmlns:a16="http://schemas.microsoft.com/office/drawing/2014/main" id="{128C7E4D-06E8-6A48-B6B0-8C073DC91701}"/>
              </a:ext>
            </a:extLst>
          </p:cNvPr>
          <p:cNvGrpSpPr/>
          <p:nvPr/>
        </p:nvGrpSpPr>
        <p:grpSpPr>
          <a:xfrm>
            <a:off x="1992711" y="1805018"/>
            <a:ext cx="8174687" cy="521121"/>
            <a:chOff x="1163638" y="2416553"/>
            <a:chExt cx="10224730" cy="694828"/>
          </a:xfrm>
        </p:grpSpPr>
        <p:sp>
          <p:nvSpPr>
            <p:cNvPr id="190" name="Retângulo 189">
              <a:extLst>
                <a:ext uri="{FF2B5EF4-FFF2-40B4-BE49-F238E27FC236}">
                  <a16:creationId xmlns:a16="http://schemas.microsoft.com/office/drawing/2014/main" id="{DA2D58BD-E930-A04E-91CD-80F1BEE16AC7}"/>
                </a:ext>
              </a:extLst>
            </p:cNvPr>
            <p:cNvSpPr/>
            <p:nvPr/>
          </p:nvSpPr>
          <p:spPr>
            <a:xfrm>
              <a:off x="1163638" y="2419562"/>
              <a:ext cx="10224730" cy="691819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lnSpc>
                  <a:spcPct val="90000"/>
                </a:lnSpc>
                <a:spcAft>
                  <a:spcPts val="900"/>
                </a:spcAft>
                <a:defRPr/>
              </a:pPr>
              <a:r>
                <a:rPr lang="pt-BR" sz="2000" b="1" kern="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</a:rPr>
                <a:t>FUNDOS DE BAIXA COMPLEXIDADE</a:t>
              </a:r>
            </a:p>
          </p:txBody>
        </p:sp>
        <p:cxnSp>
          <p:nvCxnSpPr>
            <p:cNvPr id="191" name="Straight Connector 52">
              <a:extLst>
                <a:ext uri="{FF2B5EF4-FFF2-40B4-BE49-F238E27FC236}">
                  <a16:creationId xmlns:a16="http://schemas.microsoft.com/office/drawing/2014/main" id="{D8B18C2E-087A-EA46-AA5E-184EA2DA2102}"/>
                </a:ext>
              </a:extLst>
            </p:cNvPr>
            <p:cNvCxnSpPr/>
            <p:nvPr/>
          </p:nvCxnSpPr>
          <p:spPr>
            <a:xfrm>
              <a:off x="1179574" y="3039121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  <p:cxnSp>
          <p:nvCxnSpPr>
            <p:cNvPr id="192" name="Straight Connector 52">
              <a:extLst>
                <a:ext uri="{FF2B5EF4-FFF2-40B4-BE49-F238E27FC236}">
                  <a16:creationId xmlns:a16="http://schemas.microsoft.com/office/drawing/2014/main" id="{1A3D5BE4-93FB-554F-B454-52EDBED2667B}"/>
                </a:ext>
              </a:extLst>
            </p:cNvPr>
            <p:cNvCxnSpPr/>
            <p:nvPr/>
          </p:nvCxnSpPr>
          <p:spPr>
            <a:xfrm>
              <a:off x="1179574" y="2416553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</p:grpSp>
    </p:spTree>
    <p:extLst>
      <p:ext uri="{BB962C8B-B14F-4D97-AF65-F5344CB8AC3E}">
        <p14:creationId xmlns:p14="http://schemas.microsoft.com/office/powerpoint/2010/main" val="191927178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3370111"/>
            <a:ext cx="6307684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ALTERNATIVAS EM</a:t>
            </a:r>
          </a:p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RENDA FIXA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</p:spTree>
    <p:extLst>
      <p:ext uri="{BB962C8B-B14F-4D97-AF65-F5344CB8AC3E}">
        <p14:creationId xmlns:p14="http://schemas.microsoft.com/office/powerpoint/2010/main" val="38144228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schemeClr val="bg1">
                  <a:lumMod val="85000"/>
                </a:schemeClr>
              </a:solidFill>
              <a:latin typeface="Century Gothic" panose="020B0502020202020204" pitchFamily="34" charset="0"/>
            </a:endParaRPr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30436" y="1520691"/>
            <a:ext cx="7731125" cy="5334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52058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MUNDO:  QUEDA NA TAXA DE JUROS NEUTRA</a:t>
            </a:r>
          </a:p>
        </p:txBody>
      </p:sp>
    </p:spTree>
    <p:extLst>
      <p:ext uri="{BB962C8B-B14F-4D97-AF65-F5344CB8AC3E}">
        <p14:creationId xmlns:p14="http://schemas.microsoft.com/office/powerpoint/2010/main" val="3051820883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schemeClr val="bg1">
                  <a:lumMod val="85000"/>
                </a:schemeClr>
              </a:solidFill>
              <a:latin typeface="Century Gothic" panose="020B0502020202020204" pitchFamily="34" charset="0"/>
            </a:endParaRPr>
          </a:p>
        </p:txBody>
      </p:sp>
      <p:sp>
        <p:nvSpPr>
          <p:cNvPr id="12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52058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BRASIL: QUAL O TAMANHO DA NOSSA CONVERGÊNCIA?</a:t>
            </a:r>
          </a:p>
        </p:txBody>
      </p:sp>
      <p:graphicFrame>
        <p:nvGraphicFramePr>
          <p:cNvPr id="6" name="Chart 2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528742182"/>
              </p:ext>
            </p:extLst>
          </p:nvPr>
        </p:nvGraphicFramePr>
        <p:xfrm>
          <a:off x="2166611" y="2126570"/>
          <a:ext cx="7671285" cy="40576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160839287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>
                                            <p:graphicEl>
                                              <a:chart seriesIdx="-3" categoryIdx="-3" bldStep="gridLegend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chart seriesIdx="-4" categoryIdx="0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6">
                                            <p:graphicEl>
                                              <a:chart seriesIdx="-4" categoryIdx="0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chart seriesIdx="-4" categoryIdx="1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6">
                                            <p:graphicEl>
                                              <a:chart seriesIdx="-4" categoryIdx="1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4" fill="hold" grpId="0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chart seriesIdx="-4" categoryIdx="2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" dur="500"/>
                                        <p:tgtEl>
                                          <p:spTgt spid="6">
                                            <p:graphicEl>
                                              <a:chart seriesIdx="-4" categoryIdx="2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4" fill="hold" grpId="0" nodeType="withEffect">
                                  <p:stCondLst>
                                    <p:cond delay="275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chart seriesIdx="-4" categoryIdx="3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6">
                                            <p:graphicEl>
                                              <a:chart seriesIdx="-4" categoryIdx="3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4" fill="hold" grpId="0" nodeType="withEffect">
                                  <p:stCondLst>
                                    <p:cond delay="35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chart seriesIdx="-4" categoryIdx="4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1500"/>
                                        <p:tgtEl>
                                          <p:spTgt spid="6">
                                            <p:graphicEl>
                                              <a:chart seriesIdx="-4" categoryIdx="4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22" presetClass="entr" presetSubtype="4" fill="hold" grpId="0" nodeType="withEffect">
                                  <p:stCondLst>
                                    <p:cond delay="52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chart seriesIdx="-4" categoryIdx="5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" dur="500"/>
                                        <p:tgtEl>
                                          <p:spTgt spid="6">
                                            <p:graphicEl>
                                              <a:chart seriesIdx="-4" categoryIdx="5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2" presetClass="entr" presetSubtype="4" fill="hold" grpId="0" nodeType="withEffect">
                                  <p:stCondLst>
                                    <p:cond delay="60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chart seriesIdx="-4" categoryIdx="6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8" dur="500"/>
                                        <p:tgtEl>
                                          <p:spTgt spid="6">
                                            <p:graphicEl>
                                              <a:chart seriesIdx="-4" categoryIdx="6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4" fill="hold" grpId="0" nodeType="withEffect">
                                  <p:stCondLst>
                                    <p:cond delay="675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>
                                            <p:graphicEl>
                                              <a:chart seriesIdx="-4" categoryIdx="7" bldStep="category"/>
                                            </p:graphic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6">
                                            <p:graphicEl>
                                              <a:chart seriesIdx="-4" categoryIdx="7" bldStep="category"/>
                                            </p:graphic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6" grpId="0">
        <p:bldSub>
          <a:bldChart bld="category"/>
        </p:bldSub>
      </p:bldGraphic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574769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FUNDOS RENDA FIXA GESTÃO PASSIVA</a:t>
            </a:r>
          </a:p>
          <a:p>
            <a:pPr marL="0" indent="0">
              <a:lnSpc>
                <a:spcPct val="100000"/>
              </a:lnSpc>
              <a:buNone/>
              <a:defRPr/>
            </a:pPr>
            <a:r>
              <a:rPr lang="pt-BR" sz="1000" dirty="0">
                <a:solidFill>
                  <a:srgbClr val="08305B"/>
                </a:solidFill>
                <a:latin typeface="Century Gothic" panose="020B0502020202020204" pitchFamily="34" charset="0"/>
              </a:rPr>
              <a:t>OPÇÕES PARA ACOMPANHAR OS MERCADOS DE RENDA FIXA</a:t>
            </a:r>
          </a:p>
        </p:txBody>
      </p:sp>
      <p:grpSp>
        <p:nvGrpSpPr>
          <p:cNvPr id="176" name="Agrupar 175"/>
          <p:cNvGrpSpPr/>
          <p:nvPr/>
        </p:nvGrpSpPr>
        <p:grpSpPr>
          <a:xfrm>
            <a:off x="2077277" y="2584497"/>
            <a:ext cx="2699642" cy="3767796"/>
            <a:chOff x="623888" y="2698797"/>
            <a:chExt cx="2154874" cy="3767796"/>
          </a:xfrm>
        </p:grpSpPr>
        <p:sp>
          <p:nvSpPr>
            <p:cNvPr id="177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717504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4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4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IRF-M 1 TÍTULOS PÚBLICOS</a:t>
              </a:r>
            </a:p>
          </p:txBody>
        </p:sp>
        <p:sp>
          <p:nvSpPr>
            <p:cNvPr id="178" name="Retângulo 177"/>
            <p:cNvSpPr/>
            <p:nvPr/>
          </p:nvSpPr>
          <p:spPr>
            <a:xfrm>
              <a:off x="623888" y="3533482"/>
              <a:ext cx="2154874" cy="293311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DURATION 1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02/07/2010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2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1.7 B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0</a:t>
              </a:r>
            </a:p>
          </p:txBody>
        </p:sp>
      </p:grpSp>
      <p:grpSp>
        <p:nvGrpSpPr>
          <p:cNvPr id="179" name="Agrupar 178"/>
          <p:cNvGrpSpPr/>
          <p:nvPr/>
        </p:nvGrpSpPr>
        <p:grpSpPr>
          <a:xfrm>
            <a:off x="4800568" y="2584497"/>
            <a:ext cx="2699642" cy="3767796"/>
            <a:chOff x="623888" y="2698797"/>
            <a:chExt cx="2154874" cy="3767796"/>
          </a:xfrm>
        </p:grpSpPr>
        <p:sp>
          <p:nvSpPr>
            <p:cNvPr id="180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717504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IDKA PRÉ 2</a:t>
              </a:r>
            </a:p>
          </p:txBody>
        </p:sp>
        <p:sp>
          <p:nvSpPr>
            <p:cNvPr id="181" name="Retângulo 180"/>
            <p:cNvSpPr/>
            <p:nvPr/>
          </p:nvSpPr>
          <p:spPr>
            <a:xfrm>
              <a:off x="623888" y="3533482"/>
              <a:ext cx="2154874" cy="293311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DURATION 2 ANO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15/06/2016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2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567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0</a:t>
              </a:r>
            </a:p>
          </p:txBody>
        </p:sp>
      </p:grpSp>
      <p:grpSp>
        <p:nvGrpSpPr>
          <p:cNvPr id="182" name="Agrupar 181"/>
          <p:cNvGrpSpPr/>
          <p:nvPr/>
        </p:nvGrpSpPr>
        <p:grpSpPr>
          <a:xfrm>
            <a:off x="7536558" y="2584497"/>
            <a:ext cx="2699642" cy="3767796"/>
            <a:chOff x="623888" y="2698797"/>
            <a:chExt cx="2154874" cy="3767796"/>
          </a:xfrm>
        </p:grpSpPr>
        <p:sp>
          <p:nvSpPr>
            <p:cNvPr id="183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717504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4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4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IMA-B TÍTULOS PÚBLICOS</a:t>
              </a:r>
            </a:p>
          </p:txBody>
        </p:sp>
        <p:sp>
          <p:nvSpPr>
            <p:cNvPr id="184" name="Retângulo 183"/>
            <p:cNvSpPr/>
            <p:nvPr/>
          </p:nvSpPr>
          <p:spPr>
            <a:xfrm>
              <a:off x="623888" y="3533482"/>
              <a:ext cx="2154874" cy="293311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100% TÍTULOS PÚBLICO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ATRELADOS À INFL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17/02/2010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2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778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1</a:t>
              </a:r>
            </a:p>
          </p:txBody>
        </p:sp>
      </p:grpSp>
      <p:grpSp>
        <p:nvGrpSpPr>
          <p:cNvPr id="189" name="Agrupar 1">
            <a:extLst>
              <a:ext uri="{FF2B5EF4-FFF2-40B4-BE49-F238E27FC236}">
                <a16:creationId xmlns:a16="http://schemas.microsoft.com/office/drawing/2014/main" id="{128C7E4D-06E8-6A48-B6B0-8C073DC91701}"/>
              </a:ext>
            </a:extLst>
          </p:cNvPr>
          <p:cNvGrpSpPr/>
          <p:nvPr/>
        </p:nvGrpSpPr>
        <p:grpSpPr>
          <a:xfrm>
            <a:off x="1992711" y="1805018"/>
            <a:ext cx="8174687" cy="521121"/>
            <a:chOff x="1163638" y="2416553"/>
            <a:chExt cx="10224730" cy="694828"/>
          </a:xfrm>
        </p:grpSpPr>
        <p:sp>
          <p:nvSpPr>
            <p:cNvPr id="190" name="Retângulo 189">
              <a:extLst>
                <a:ext uri="{FF2B5EF4-FFF2-40B4-BE49-F238E27FC236}">
                  <a16:creationId xmlns:a16="http://schemas.microsoft.com/office/drawing/2014/main" id="{DA2D58BD-E930-A04E-91CD-80F1BEE16AC7}"/>
                </a:ext>
              </a:extLst>
            </p:cNvPr>
            <p:cNvSpPr/>
            <p:nvPr/>
          </p:nvSpPr>
          <p:spPr>
            <a:xfrm>
              <a:off x="1163638" y="2419562"/>
              <a:ext cx="10224730" cy="691819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lnSpc>
                  <a:spcPct val="90000"/>
                </a:lnSpc>
                <a:spcAft>
                  <a:spcPts val="900"/>
                </a:spcAft>
                <a:defRPr/>
              </a:pPr>
              <a:r>
                <a:rPr lang="pt-BR" sz="2000" b="1" kern="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</a:rPr>
                <a:t>FUNDOS RENDA FIXA GESTÃO PASSIVA</a:t>
              </a:r>
            </a:p>
          </p:txBody>
        </p:sp>
        <p:cxnSp>
          <p:nvCxnSpPr>
            <p:cNvPr id="191" name="Straight Connector 52">
              <a:extLst>
                <a:ext uri="{FF2B5EF4-FFF2-40B4-BE49-F238E27FC236}">
                  <a16:creationId xmlns:a16="http://schemas.microsoft.com/office/drawing/2014/main" id="{D8B18C2E-087A-EA46-AA5E-184EA2DA2102}"/>
                </a:ext>
              </a:extLst>
            </p:cNvPr>
            <p:cNvCxnSpPr/>
            <p:nvPr/>
          </p:nvCxnSpPr>
          <p:spPr>
            <a:xfrm>
              <a:off x="1179574" y="3039121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  <p:cxnSp>
          <p:nvCxnSpPr>
            <p:cNvPr id="192" name="Straight Connector 52">
              <a:extLst>
                <a:ext uri="{FF2B5EF4-FFF2-40B4-BE49-F238E27FC236}">
                  <a16:creationId xmlns:a16="http://schemas.microsoft.com/office/drawing/2014/main" id="{1A3D5BE4-93FB-554F-B454-52EDBED2667B}"/>
                </a:ext>
              </a:extLst>
            </p:cNvPr>
            <p:cNvCxnSpPr/>
            <p:nvPr/>
          </p:nvCxnSpPr>
          <p:spPr>
            <a:xfrm>
              <a:off x="1179574" y="2416553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</p:grpSp>
    </p:spTree>
    <p:extLst>
      <p:ext uri="{BB962C8B-B14F-4D97-AF65-F5344CB8AC3E}">
        <p14:creationId xmlns:p14="http://schemas.microsoft.com/office/powerpoint/2010/main" val="312810033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574769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FUNDOS RENDA FIXA GESTÃO PASSIVA</a:t>
            </a:r>
          </a:p>
          <a:p>
            <a:pPr marL="0" indent="0">
              <a:lnSpc>
                <a:spcPct val="100000"/>
              </a:lnSpc>
              <a:buNone/>
              <a:defRPr/>
            </a:pPr>
            <a:r>
              <a:rPr lang="pt-BR" sz="1000" dirty="0">
                <a:solidFill>
                  <a:srgbClr val="08305B"/>
                </a:solidFill>
                <a:latin typeface="Century Gothic" panose="020B0502020202020204" pitchFamily="34" charset="0"/>
              </a:rPr>
              <a:t>OPÇÕES PARA DESTACAR A EXPOSIÇÃO AOS MERCADOS DE RENDA FIXA</a:t>
            </a:r>
          </a:p>
        </p:txBody>
      </p:sp>
      <p:grpSp>
        <p:nvGrpSpPr>
          <p:cNvPr id="176" name="Agrupar 175"/>
          <p:cNvGrpSpPr/>
          <p:nvPr/>
        </p:nvGrpSpPr>
        <p:grpSpPr>
          <a:xfrm>
            <a:off x="1877245" y="2259942"/>
            <a:ext cx="2699642" cy="2924065"/>
            <a:chOff x="623888" y="2698797"/>
            <a:chExt cx="2154874" cy="2924065"/>
          </a:xfrm>
        </p:grpSpPr>
        <p:sp>
          <p:nvSpPr>
            <p:cNvPr id="177" name="Text Box 16"/>
            <p:cNvSpPr txBox="1">
              <a:spLocks noChangeAspect="1" noChangeArrowheads="1"/>
            </p:cNvSpPr>
            <p:nvPr/>
          </p:nvSpPr>
          <p:spPr bwMode="auto">
            <a:xfrm>
              <a:off x="631203" y="2698797"/>
              <a:ext cx="1649463" cy="608812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IMA-GERAL</a:t>
              </a:r>
            </a:p>
          </p:txBody>
        </p:sp>
        <p:sp>
          <p:nvSpPr>
            <p:cNvPr id="178" name="Retângulo 177"/>
            <p:cNvSpPr/>
            <p:nvPr/>
          </p:nvSpPr>
          <p:spPr>
            <a:xfrm>
              <a:off x="623888" y="3419182"/>
              <a:ext cx="2154874" cy="220368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30/04/2017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25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823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1</a:t>
              </a:r>
            </a:p>
          </p:txBody>
        </p:sp>
      </p:grpSp>
      <p:grpSp>
        <p:nvGrpSpPr>
          <p:cNvPr id="179" name="Agrupar 178"/>
          <p:cNvGrpSpPr/>
          <p:nvPr/>
        </p:nvGrpSpPr>
        <p:grpSpPr>
          <a:xfrm>
            <a:off x="4014738" y="2831451"/>
            <a:ext cx="2699642" cy="2924065"/>
            <a:chOff x="623888" y="2698797"/>
            <a:chExt cx="2154874" cy="2924065"/>
          </a:xfrm>
        </p:grpSpPr>
        <p:sp>
          <p:nvSpPr>
            <p:cNvPr id="180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1619737" cy="608812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IMA-B</a:t>
              </a:r>
            </a:p>
          </p:txBody>
        </p:sp>
        <p:sp>
          <p:nvSpPr>
            <p:cNvPr id="181" name="Retângulo 180"/>
            <p:cNvSpPr/>
            <p:nvPr/>
          </p:nvSpPr>
          <p:spPr>
            <a:xfrm>
              <a:off x="623888" y="3419182"/>
              <a:ext cx="2154874" cy="220368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07/01/2008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2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1.5 B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1</a:t>
              </a:r>
            </a:p>
          </p:txBody>
        </p:sp>
      </p:grpSp>
      <p:grpSp>
        <p:nvGrpSpPr>
          <p:cNvPr id="182" name="Agrupar 181"/>
          <p:cNvGrpSpPr/>
          <p:nvPr/>
        </p:nvGrpSpPr>
        <p:grpSpPr>
          <a:xfrm>
            <a:off x="6150652" y="3402953"/>
            <a:ext cx="2699642" cy="2924065"/>
            <a:chOff x="623888" y="2698797"/>
            <a:chExt cx="2154874" cy="2924065"/>
          </a:xfrm>
        </p:grpSpPr>
        <p:sp>
          <p:nvSpPr>
            <p:cNvPr id="183" name="Text Box 16"/>
            <p:cNvSpPr txBox="1">
              <a:spLocks noChangeAspect="1" noChangeArrowheads="1"/>
            </p:cNvSpPr>
            <p:nvPr/>
          </p:nvSpPr>
          <p:spPr bwMode="auto">
            <a:xfrm>
              <a:off x="631203" y="2698797"/>
              <a:ext cx="1648301" cy="608812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IMA-B 5</a:t>
              </a:r>
            </a:p>
          </p:txBody>
        </p:sp>
        <p:sp>
          <p:nvSpPr>
            <p:cNvPr id="184" name="Retângulo 183"/>
            <p:cNvSpPr/>
            <p:nvPr/>
          </p:nvSpPr>
          <p:spPr>
            <a:xfrm>
              <a:off x="623888" y="3419182"/>
              <a:ext cx="2154874" cy="220368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08/08/2014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2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698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1</a:t>
              </a:r>
            </a:p>
          </p:txBody>
        </p:sp>
      </p:grpSp>
      <p:grpSp>
        <p:nvGrpSpPr>
          <p:cNvPr id="189" name="Agrupar 1">
            <a:extLst>
              <a:ext uri="{FF2B5EF4-FFF2-40B4-BE49-F238E27FC236}">
                <a16:creationId xmlns:a16="http://schemas.microsoft.com/office/drawing/2014/main" id="{128C7E4D-06E8-6A48-B6B0-8C073DC91701}"/>
              </a:ext>
            </a:extLst>
          </p:cNvPr>
          <p:cNvGrpSpPr/>
          <p:nvPr/>
        </p:nvGrpSpPr>
        <p:grpSpPr>
          <a:xfrm>
            <a:off x="1808186" y="1645562"/>
            <a:ext cx="8588352" cy="521121"/>
            <a:chOff x="1163638" y="2416553"/>
            <a:chExt cx="10224730" cy="694828"/>
          </a:xfrm>
        </p:grpSpPr>
        <p:sp>
          <p:nvSpPr>
            <p:cNvPr id="190" name="Retângulo 189">
              <a:extLst>
                <a:ext uri="{FF2B5EF4-FFF2-40B4-BE49-F238E27FC236}">
                  <a16:creationId xmlns:a16="http://schemas.microsoft.com/office/drawing/2014/main" id="{DA2D58BD-E930-A04E-91CD-80F1BEE16AC7}"/>
                </a:ext>
              </a:extLst>
            </p:cNvPr>
            <p:cNvSpPr/>
            <p:nvPr/>
          </p:nvSpPr>
          <p:spPr>
            <a:xfrm>
              <a:off x="1163638" y="2419562"/>
              <a:ext cx="10224730" cy="691819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lnSpc>
                  <a:spcPct val="90000"/>
                </a:lnSpc>
                <a:spcAft>
                  <a:spcPts val="900"/>
                </a:spcAft>
                <a:defRPr/>
              </a:pPr>
              <a:r>
                <a:rPr lang="pt-BR" sz="2000" b="1" kern="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</a:rPr>
                <a:t>FUNDOS RENDA FIXA GESTÃO ATIVA</a:t>
              </a:r>
            </a:p>
          </p:txBody>
        </p:sp>
        <p:cxnSp>
          <p:nvCxnSpPr>
            <p:cNvPr id="191" name="Straight Connector 52">
              <a:extLst>
                <a:ext uri="{FF2B5EF4-FFF2-40B4-BE49-F238E27FC236}">
                  <a16:creationId xmlns:a16="http://schemas.microsoft.com/office/drawing/2014/main" id="{D8B18C2E-087A-EA46-AA5E-184EA2DA2102}"/>
                </a:ext>
              </a:extLst>
            </p:cNvPr>
            <p:cNvCxnSpPr/>
            <p:nvPr/>
          </p:nvCxnSpPr>
          <p:spPr>
            <a:xfrm>
              <a:off x="1179574" y="3039121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  <p:cxnSp>
          <p:nvCxnSpPr>
            <p:cNvPr id="192" name="Straight Connector 52">
              <a:extLst>
                <a:ext uri="{FF2B5EF4-FFF2-40B4-BE49-F238E27FC236}">
                  <a16:creationId xmlns:a16="http://schemas.microsoft.com/office/drawing/2014/main" id="{1A3D5BE4-93FB-554F-B454-52EDBED2667B}"/>
                </a:ext>
              </a:extLst>
            </p:cNvPr>
            <p:cNvCxnSpPr/>
            <p:nvPr/>
          </p:nvCxnSpPr>
          <p:spPr>
            <a:xfrm>
              <a:off x="1179574" y="2416553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</p:grpSp>
      <p:grpSp>
        <p:nvGrpSpPr>
          <p:cNvPr id="28" name="Agrupar 27"/>
          <p:cNvGrpSpPr/>
          <p:nvPr/>
        </p:nvGrpSpPr>
        <p:grpSpPr>
          <a:xfrm>
            <a:off x="8343726" y="3845866"/>
            <a:ext cx="2699642" cy="2924065"/>
            <a:chOff x="623888" y="2698797"/>
            <a:chExt cx="2154874" cy="2924065"/>
          </a:xfrm>
        </p:grpSpPr>
        <p:sp>
          <p:nvSpPr>
            <p:cNvPr id="29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1642652" cy="608812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IMA-B 5+</a:t>
              </a:r>
            </a:p>
          </p:txBody>
        </p:sp>
        <p:sp>
          <p:nvSpPr>
            <p:cNvPr id="30" name="Retângulo 29"/>
            <p:cNvSpPr/>
            <p:nvPr/>
          </p:nvSpPr>
          <p:spPr>
            <a:xfrm>
              <a:off x="623888" y="3419182"/>
              <a:ext cx="2154874" cy="220368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30/06/2011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2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327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1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3818985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1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574769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FUNDOS RENDA FIXA GESTÃO PASSIVA</a:t>
            </a:r>
          </a:p>
          <a:p>
            <a:pPr marL="0" indent="0">
              <a:lnSpc>
                <a:spcPct val="100000"/>
              </a:lnSpc>
              <a:buNone/>
              <a:defRPr/>
            </a:pPr>
            <a:r>
              <a:rPr lang="pt-BR" sz="1000" dirty="0">
                <a:solidFill>
                  <a:srgbClr val="08305B"/>
                </a:solidFill>
                <a:latin typeface="Century Gothic" panose="020B0502020202020204" pitchFamily="34" charset="0"/>
              </a:rPr>
              <a:t>OPÇÕES PARA DESTACAR A EXPOSIÇÃO AOS MERCADOS DE RENDA FIXA</a:t>
            </a:r>
          </a:p>
        </p:txBody>
      </p:sp>
      <p:grpSp>
        <p:nvGrpSpPr>
          <p:cNvPr id="189" name="Agrupar 1">
            <a:extLst>
              <a:ext uri="{FF2B5EF4-FFF2-40B4-BE49-F238E27FC236}">
                <a16:creationId xmlns:a16="http://schemas.microsoft.com/office/drawing/2014/main" id="{128C7E4D-06E8-6A48-B6B0-8C073DC91701}"/>
              </a:ext>
            </a:extLst>
          </p:cNvPr>
          <p:cNvGrpSpPr/>
          <p:nvPr/>
        </p:nvGrpSpPr>
        <p:grpSpPr>
          <a:xfrm>
            <a:off x="1964135" y="1826893"/>
            <a:ext cx="8174687" cy="521121"/>
            <a:chOff x="1163638" y="2416553"/>
            <a:chExt cx="10224730" cy="694828"/>
          </a:xfrm>
        </p:grpSpPr>
        <p:sp>
          <p:nvSpPr>
            <p:cNvPr id="190" name="Retângulo 189">
              <a:extLst>
                <a:ext uri="{FF2B5EF4-FFF2-40B4-BE49-F238E27FC236}">
                  <a16:creationId xmlns:a16="http://schemas.microsoft.com/office/drawing/2014/main" id="{DA2D58BD-E930-A04E-91CD-80F1BEE16AC7}"/>
                </a:ext>
              </a:extLst>
            </p:cNvPr>
            <p:cNvSpPr/>
            <p:nvPr/>
          </p:nvSpPr>
          <p:spPr>
            <a:xfrm>
              <a:off x="1163638" y="2419562"/>
              <a:ext cx="10224730" cy="691819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lnSpc>
                  <a:spcPct val="90000"/>
                </a:lnSpc>
                <a:spcAft>
                  <a:spcPts val="900"/>
                </a:spcAft>
                <a:defRPr/>
              </a:pPr>
              <a:r>
                <a:rPr lang="pt-BR" sz="2000" b="1" kern="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</a:rPr>
                <a:t>FUNDOS RENDA FIXA GESTÃO ATIVA</a:t>
              </a:r>
            </a:p>
          </p:txBody>
        </p:sp>
        <p:cxnSp>
          <p:nvCxnSpPr>
            <p:cNvPr id="191" name="Straight Connector 52">
              <a:extLst>
                <a:ext uri="{FF2B5EF4-FFF2-40B4-BE49-F238E27FC236}">
                  <a16:creationId xmlns:a16="http://schemas.microsoft.com/office/drawing/2014/main" id="{D8B18C2E-087A-EA46-AA5E-184EA2DA2102}"/>
                </a:ext>
              </a:extLst>
            </p:cNvPr>
            <p:cNvCxnSpPr/>
            <p:nvPr/>
          </p:nvCxnSpPr>
          <p:spPr>
            <a:xfrm>
              <a:off x="1179574" y="3039121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  <p:cxnSp>
          <p:nvCxnSpPr>
            <p:cNvPr id="192" name="Straight Connector 52">
              <a:extLst>
                <a:ext uri="{FF2B5EF4-FFF2-40B4-BE49-F238E27FC236}">
                  <a16:creationId xmlns:a16="http://schemas.microsoft.com/office/drawing/2014/main" id="{1A3D5BE4-93FB-554F-B454-52EDBED2667B}"/>
                </a:ext>
              </a:extLst>
            </p:cNvPr>
            <p:cNvCxnSpPr/>
            <p:nvPr/>
          </p:nvCxnSpPr>
          <p:spPr>
            <a:xfrm>
              <a:off x="1179574" y="2416553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</p:grpSp>
      <p:grpSp>
        <p:nvGrpSpPr>
          <p:cNvPr id="31" name="Agrupar 30"/>
          <p:cNvGrpSpPr/>
          <p:nvPr/>
        </p:nvGrpSpPr>
        <p:grpSpPr>
          <a:xfrm>
            <a:off x="4936046" y="2532001"/>
            <a:ext cx="2521837" cy="3410352"/>
            <a:chOff x="623888" y="2698797"/>
            <a:chExt cx="2154874" cy="3410352"/>
          </a:xfrm>
        </p:grpSpPr>
        <p:sp>
          <p:nvSpPr>
            <p:cNvPr id="32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608812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4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ALOCAÇÃO DINÂMICA</a:t>
              </a:r>
            </a:p>
          </p:txBody>
        </p:sp>
        <p:sp>
          <p:nvSpPr>
            <p:cNvPr id="33" name="Retângulo 32"/>
            <p:cNvSpPr/>
            <p:nvPr/>
          </p:nvSpPr>
          <p:spPr>
            <a:xfrm>
              <a:off x="623888" y="3419182"/>
              <a:ext cx="2154874" cy="268996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28/12/2017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4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556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BENCHMARK IPCA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4</a:t>
              </a:r>
            </a:p>
          </p:txBody>
        </p:sp>
      </p:grpSp>
      <p:grpSp>
        <p:nvGrpSpPr>
          <p:cNvPr id="34" name="Agrupar 33"/>
          <p:cNvGrpSpPr/>
          <p:nvPr/>
        </p:nvGrpSpPr>
        <p:grpSpPr>
          <a:xfrm>
            <a:off x="7611709" y="2532001"/>
            <a:ext cx="2521837" cy="3410352"/>
            <a:chOff x="623888" y="2698797"/>
            <a:chExt cx="2154874" cy="3410352"/>
          </a:xfrm>
        </p:grpSpPr>
        <p:sp>
          <p:nvSpPr>
            <p:cNvPr id="35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608812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NILO</a:t>
              </a:r>
            </a:p>
          </p:txBody>
        </p:sp>
        <p:sp>
          <p:nvSpPr>
            <p:cNvPr id="36" name="Retângulo 35"/>
            <p:cNvSpPr/>
            <p:nvPr/>
          </p:nvSpPr>
          <p:spPr>
            <a:xfrm>
              <a:off x="623888" y="3419182"/>
              <a:ext cx="2154874" cy="268996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28/12/2012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3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718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BENCHMARK IMA-B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4</a:t>
              </a:r>
            </a:p>
          </p:txBody>
        </p:sp>
      </p:grpSp>
      <p:grpSp>
        <p:nvGrpSpPr>
          <p:cNvPr id="26" name="Agrupar 25"/>
          <p:cNvGrpSpPr/>
          <p:nvPr/>
        </p:nvGrpSpPr>
        <p:grpSpPr>
          <a:xfrm>
            <a:off x="2236086" y="2532001"/>
            <a:ext cx="2521837" cy="3410352"/>
            <a:chOff x="623888" y="2698797"/>
            <a:chExt cx="2154874" cy="3410352"/>
          </a:xfrm>
        </p:grpSpPr>
        <p:sp>
          <p:nvSpPr>
            <p:cNvPr id="27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608812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RF 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MAXI PODER PÚBLICO</a:t>
              </a:r>
            </a:p>
          </p:txBody>
        </p:sp>
        <p:sp>
          <p:nvSpPr>
            <p:cNvPr id="37" name="Retângulo 36"/>
            <p:cNvSpPr/>
            <p:nvPr/>
          </p:nvSpPr>
          <p:spPr>
            <a:xfrm>
              <a:off x="623888" y="3419182"/>
              <a:ext cx="2154874" cy="268996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12/03/2007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2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327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BENCHMARK CDI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0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4267880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3595891"/>
            <a:ext cx="6465668" cy="21236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FUNDO MULTIMERCADO</a:t>
            </a:r>
          </a:p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MACRO INSTITUCIONAL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</p:spTree>
    <p:extLst>
      <p:ext uri="{BB962C8B-B14F-4D97-AF65-F5344CB8AC3E}">
        <p14:creationId xmlns:p14="http://schemas.microsoft.com/office/powerpoint/2010/main" val="327513715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574769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FUNDO MULTIMERCADO MACROESTRATÉGIA</a:t>
            </a:r>
          </a:p>
          <a:p>
            <a:pPr marL="0" indent="0">
              <a:lnSpc>
                <a:spcPct val="100000"/>
              </a:lnSpc>
              <a:buNone/>
              <a:defRPr/>
            </a:pPr>
            <a:r>
              <a:rPr lang="pt-BR" sz="1000" dirty="0">
                <a:solidFill>
                  <a:srgbClr val="08305B"/>
                </a:solidFill>
                <a:latin typeface="Century Gothic" panose="020B0502020202020204" pitchFamily="34" charset="0"/>
              </a:rPr>
              <a:t>POSIÇÕES EM TODOS OS PRINCIPAIS MERCADOS LOCAIS</a:t>
            </a:r>
          </a:p>
        </p:txBody>
      </p:sp>
      <p:grpSp>
        <p:nvGrpSpPr>
          <p:cNvPr id="189" name="Agrupar 1">
            <a:extLst>
              <a:ext uri="{FF2B5EF4-FFF2-40B4-BE49-F238E27FC236}">
                <a16:creationId xmlns:a16="http://schemas.microsoft.com/office/drawing/2014/main" id="{128C7E4D-06E8-6A48-B6B0-8C073DC91701}"/>
              </a:ext>
            </a:extLst>
          </p:cNvPr>
          <p:cNvGrpSpPr/>
          <p:nvPr/>
        </p:nvGrpSpPr>
        <p:grpSpPr>
          <a:xfrm>
            <a:off x="1992711" y="1690718"/>
            <a:ext cx="8174687" cy="521121"/>
            <a:chOff x="1163638" y="2416553"/>
            <a:chExt cx="10224730" cy="694828"/>
          </a:xfrm>
        </p:grpSpPr>
        <p:sp>
          <p:nvSpPr>
            <p:cNvPr id="190" name="Retângulo 189">
              <a:extLst>
                <a:ext uri="{FF2B5EF4-FFF2-40B4-BE49-F238E27FC236}">
                  <a16:creationId xmlns:a16="http://schemas.microsoft.com/office/drawing/2014/main" id="{DA2D58BD-E930-A04E-91CD-80F1BEE16AC7}"/>
                </a:ext>
              </a:extLst>
            </p:cNvPr>
            <p:cNvSpPr/>
            <p:nvPr/>
          </p:nvSpPr>
          <p:spPr>
            <a:xfrm>
              <a:off x="1163638" y="2419562"/>
              <a:ext cx="10224730" cy="691819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lnSpc>
                  <a:spcPct val="90000"/>
                </a:lnSpc>
                <a:spcAft>
                  <a:spcPts val="900"/>
                </a:spcAft>
                <a:defRPr/>
              </a:pPr>
              <a:r>
                <a:rPr lang="pt-BR" sz="2000" b="1" kern="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</a:rPr>
                <a:t>BRADESCO MULTIMERCADO MACRO INSTITUCIONAL</a:t>
              </a:r>
            </a:p>
          </p:txBody>
        </p:sp>
        <p:cxnSp>
          <p:nvCxnSpPr>
            <p:cNvPr id="191" name="Straight Connector 52">
              <a:extLst>
                <a:ext uri="{FF2B5EF4-FFF2-40B4-BE49-F238E27FC236}">
                  <a16:creationId xmlns:a16="http://schemas.microsoft.com/office/drawing/2014/main" id="{D8B18C2E-087A-EA46-AA5E-184EA2DA2102}"/>
                </a:ext>
              </a:extLst>
            </p:cNvPr>
            <p:cNvCxnSpPr/>
            <p:nvPr/>
          </p:nvCxnSpPr>
          <p:spPr>
            <a:xfrm>
              <a:off x="1179574" y="3039121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  <p:cxnSp>
          <p:nvCxnSpPr>
            <p:cNvPr id="192" name="Straight Connector 52">
              <a:extLst>
                <a:ext uri="{FF2B5EF4-FFF2-40B4-BE49-F238E27FC236}">
                  <a16:creationId xmlns:a16="http://schemas.microsoft.com/office/drawing/2014/main" id="{1A3D5BE4-93FB-554F-B454-52EDBED2667B}"/>
                </a:ext>
              </a:extLst>
            </p:cNvPr>
            <p:cNvCxnSpPr/>
            <p:nvPr/>
          </p:nvCxnSpPr>
          <p:spPr>
            <a:xfrm>
              <a:off x="1179574" y="2416553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</p:grpSp>
      <p:grpSp>
        <p:nvGrpSpPr>
          <p:cNvPr id="6" name="Agrupar 5"/>
          <p:cNvGrpSpPr/>
          <p:nvPr/>
        </p:nvGrpSpPr>
        <p:grpSpPr>
          <a:xfrm>
            <a:off x="1823367" y="4925127"/>
            <a:ext cx="8638101" cy="830997"/>
            <a:chOff x="299366" y="4925126"/>
            <a:chExt cx="8638101" cy="830997"/>
          </a:xfrm>
        </p:grpSpPr>
        <p:sp>
          <p:nvSpPr>
            <p:cNvPr id="45" name="Retângulo 44"/>
            <p:cNvSpPr/>
            <p:nvPr/>
          </p:nvSpPr>
          <p:spPr>
            <a:xfrm>
              <a:off x="415716" y="4925126"/>
              <a:ext cx="85217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 defTabSz="914400">
                <a:spcAft>
                  <a:spcPts val="450"/>
                </a:spcAft>
                <a:defRPr/>
              </a:pPr>
              <a:r>
                <a:rPr lang="pt-BR" sz="16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O fundo Multimercado Macro Institucional conta com </a:t>
              </a:r>
              <a:r>
                <a:rPr lang="pt-BR" sz="1600" b="1" dirty="0">
                  <a:solidFill>
                    <a:srgbClr val="560015"/>
                  </a:solidFill>
                  <a:latin typeface="Century Gothic" panose="020B0502020202020204" pitchFamily="34" charset="0"/>
                  <a:cs typeface="NewJune-Regular"/>
                </a:rPr>
                <a:t>dinamismo e agilidade </a:t>
              </a:r>
              <a:r>
                <a:rPr lang="pt-BR" sz="16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na gestão para, rapidamente, se adaptar às condições dos mercados em diferentes cenários.</a:t>
              </a:r>
            </a:p>
          </p:txBody>
        </p:sp>
        <p:cxnSp>
          <p:nvCxnSpPr>
            <p:cNvPr id="46" name="Conector reto 45"/>
            <p:cNvCxnSpPr/>
            <p:nvPr/>
          </p:nvCxnSpPr>
          <p:spPr>
            <a:xfrm>
              <a:off x="299366" y="4985236"/>
              <a:ext cx="3531" cy="656685"/>
            </a:xfrm>
            <a:prstGeom prst="line">
              <a:avLst/>
            </a:prstGeom>
            <a:noFill/>
            <a:ln w="38100" cap="flat" cmpd="sng" algn="ctr">
              <a:solidFill>
                <a:srgbClr val="550014"/>
              </a:solidFill>
              <a:prstDash val="solid"/>
              <a:miter lim="800000"/>
            </a:ln>
            <a:effectLst/>
          </p:spPr>
        </p:cxnSp>
      </p:grpSp>
      <p:grpSp>
        <p:nvGrpSpPr>
          <p:cNvPr id="7" name="Agrupar 6"/>
          <p:cNvGrpSpPr/>
          <p:nvPr/>
        </p:nvGrpSpPr>
        <p:grpSpPr>
          <a:xfrm>
            <a:off x="2200738" y="5809688"/>
            <a:ext cx="8253477" cy="696695"/>
            <a:chOff x="676737" y="5809687"/>
            <a:chExt cx="8253477" cy="696695"/>
          </a:xfrm>
        </p:grpSpPr>
        <p:sp>
          <p:nvSpPr>
            <p:cNvPr id="47" name="Retângulo 46"/>
            <p:cNvSpPr/>
            <p:nvPr/>
          </p:nvSpPr>
          <p:spPr>
            <a:xfrm>
              <a:off x="807602" y="5809687"/>
              <a:ext cx="8122612" cy="33855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defTabSz="914400">
                <a:spcAft>
                  <a:spcPts val="450"/>
                </a:spcAft>
                <a:defRPr/>
              </a:pPr>
              <a:r>
                <a:rPr lang="pt-BR" sz="16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Estratégias em diferentes mercados:</a:t>
              </a:r>
            </a:p>
          </p:txBody>
        </p:sp>
        <p:cxnSp>
          <p:nvCxnSpPr>
            <p:cNvPr id="48" name="Conector reto 47"/>
            <p:cNvCxnSpPr/>
            <p:nvPr/>
          </p:nvCxnSpPr>
          <p:spPr>
            <a:xfrm>
              <a:off x="676737" y="5899646"/>
              <a:ext cx="3531" cy="596986"/>
            </a:xfrm>
            <a:prstGeom prst="line">
              <a:avLst/>
            </a:prstGeom>
            <a:noFill/>
            <a:ln w="38100" cap="flat" cmpd="sng" algn="ctr">
              <a:solidFill>
                <a:srgbClr val="550014"/>
              </a:solidFill>
              <a:prstDash val="solid"/>
              <a:miter lim="800000"/>
            </a:ln>
            <a:effectLst/>
          </p:spPr>
        </p:cxnSp>
        <p:sp>
          <p:nvSpPr>
            <p:cNvPr id="49" name="Retângulo 48"/>
            <p:cNvSpPr/>
            <p:nvPr/>
          </p:nvSpPr>
          <p:spPr>
            <a:xfrm>
              <a:off x="802340" y="6148241"/>
              <a:ext cx="2492402" cy="33855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285750" indent="-285750" defTabSz="914400">
                <a:spcAft>
                  <a:spcPts val="450"/>
                </a:spcAft>
                <a:buClr>
                  <a:srgbClr val="08305B"/>
                </a:buClr>
                <a:buFont typeface="Wingdings" panose="05000000000000000000" pitchFamily="2" charset="2"/>
                <a:buChar char="ü"/>
                <a:defRPr/>
              </a:pPr>
              <a:r>
                <a:rPr lang="pt-BR" sz="16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enda Fixa Local</a:t>
              </a:r>
            </a:p>
          </p:txBody>
        </p:sp>
        <p:sp>
          <p:nvSpPr>
            <p:cNvPr id="50" name="Retângulo 49"/>
            <p:cNvSpPr/>
            <p:nvPr/>
          </p:nvSpPr>
          <p:spPr>
            <a:xfrm>
              <a:off x="2885144" y="6158078"/>
              <a:ext cx="3051202" cy="33855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285750" indent="-285750" defTabSz="914400">
                <a:spcAft>
                  <a:spcPts val="450"/>
                </a:spcAft>
                <a:buClr>
                  <a:srgbClr val="08305B"/>
                </a:buClr>
                <a:buFont typeface="Wingdings" panose="05000000000000000000" pitchFamily="2" charset="2"/>
                <a:buChar char="ü"/>
                <a:defRPr/>
              </a:pPr>
              <a:r>
                <a:rPr lang="pt-BR" sz="16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enda Variável Local</a:t>
              </a:r>
            </a:p>
          </p:txBody>
        </p:sp>
        <p:sp>
          <p:nvSpPr>
            <p:cNvPr id="51" name="Retângulo 50"/>
            <p:cNvSpPr/>
            <p:nvPr/>
          </p:nvSpPr>
          <p:spPr>
            <a:xfrm>
              <a:off x="5417881" y="6162755"/>
              <a:ext cx="3051202" cy="33855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285750" indent="-285750" defTabSz="914400">
                <a:spcAft>
                  <a:spcPts val="450"/>
                </a:spcAft>
                <a:buClr>
                  <a:srgbClr val="08305B"/>
                </a:buClr>
                <a:buFont typeface="Wingdings" panose="05000000000000000000" pitchFamily="2" charset="2"/>
                <a:buChar char="ü"/>
                <a:defRPr/>
              </a:pPr>
              <a:r>
                <a:rPr lang="pt-BR" sz="16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Moedas</a:t>
              </a:r>
            </a:p>
          </p:txBody>
        </p:sp>
        <p:sp>
          <p:nvSpPr>
            <p:cNvPr id="52" name="Retângulo 51"/>
            <p:cNvSpPr/>
            <p:nvPr/>
          </p:nvSpPr>
          <p:spPr>
            <a:xfrm>
              <a:off x="6649570" y="6167828"/>
              <a:ext cx="2153481" cy="338554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285750" indent="-285750" defTabSz="914400">
                <a:spcAft>
                  <a:spcPts val="450"/>
                </a:spcAft>
                <a:buClr>
                  <a:srgbClr val="08305B"/>
                </a:buClr>
                <a:buFont typeface="Wingdings" panose="05000000000000000000" pitchFamily="2" charset="2"/>
                <a:buChar char="ü"/>
                <a:defRPr/>
              </a:pPr>
              <a:r>
                <a:rPr lang="pt-BR" sz="16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Arbitragem</a:t>
              </a:r>
            </a:p>
          </p:txBody>
        </p:sp>
      </p:grpSp>
      <p:grpSp>
        <p:nvGrpSpPr>
          <p:cNvPr id="5" name="Agrupar 4"/>
          <p:cNvGrpSpPr/>
          <p:nvPr/>
        </p:nvGrpSpPr>
        <p:grpSpPr>
          <a:xfrm>
            <a:off x="2005452" y="2349500"/>
            <a:ext cx="8289108" cy="2368046"/>
            <a:chOff x="481452" y="2349500"/>
            <a:chExt cx="8289108" cy="2368046"/>
          </a:xfrm>
        </p:grpSpPr>
        <p:graphicFrame>
          <p:nvGraphicFramePr>
            <p:cNvPr id="27" name="Gráfico 26"/>
            <p:cNvGraphicFramePr>
              <a:graphicFrameLocks/>
            </p:cNvGraphicFramePr>
            <p:nvPr>
              <p:extLst/>
            </p:nvPr>
          </p:nvGraphicFramePr>
          <p:xfrm>
            <a:off x="481452" y="2349500"/>
            <a:ext cx="6093520" cy="2336800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2"/>
            </a:graphicData>
          </a:graphic>
        </p:graphicFrame>
        <p:sp>
          <p:nvSpPr>
            <p:cNvPr id="2" name="CaixaDeTexto 1"/>
            <p:cNvSpPr txBox="1"/>
            <p:nvPr/>
          </p:nvSpPr>
          <p:spPr>
            <a:xfrm>
              <a:off x="6446461" y="2540525"/>
              <a:ext cx="2324099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200" dirty="0">
                  <a:solidFill>
                    <a:srgbClr val="C00000"/>
                  </a:solidFill>
                  <a:latin typeface="Century Gothic" panose="020B0502020202020204" pitchFamily="34" charset="0"/>
                </a:rPr>
                <a:t>MULTIMERCADO MACRO</a:t>
              </a:r>
            </a:p>
          </p:txBody>
        </p:sp>
        <p:sp>
          <p:nvSpPr>
            <p:cNvPr id="37" name="CaixaDeTexto 36"/>
            <p:cNvSpPr txBox="1"/>
            <p:nvPr/>
          </p:nvSpPr>
          <p:spPr>
            <a:xfrm>
              <a:off x="6446461" y="2783410"/>
              <a:ext cx="2324099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200" dirty="0">
                  <a:solidFill>
                    <a:srgbClr val="7F7F7F"/>
                  </a:solidFill>
                  <a:latin typeface="Century Gothic" panose="020B0502020202020204" pitchFamily="34" charset="0"/>
                </a:rPr>
                <a:t>CDI</a:t>
              </a:r>
            </a:p>
          </p:txBody>
        </p:sp>
        <p:sp>
          <p:nvSpPr>
            <p:cNvPr id="38" name="CaixaDeTexto 37"/>
            <p:cNvSpPr txBox="1"/>
            <p:nvPr/>
          </p:nvSpPr>
          <p:spPr>
            <a:xfrm>
              <a:off x="4010599" y="3579995"/>
              <a:ext cx="2340155" cy="43088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100" b="1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RENTABILIDADE DESDE O INÍCIO</a:t>
              </a:r>
            </a:p>
            <a:p>
              <a:pPr>
                <a:defRPr/>
              </a:pPr>
              <a:r>
                <a:rPr lang="pt-BR" sz="1100" dirty="0">
                  <a:solidFill>
                    <a:prstClr val="black"/>
                  </a:solidFill>
                  <a:latin typeface="Century Gothic" panose="020B0502020202020204" pitchFamily="34" charset="0"/>
                </a:rPr>
                <a:t>117% do CDI</a:t>
              </a:r>
            </a:p>
          </p:txBody>
        </p:sp>
        <p:sp>
          <p:nvSpPr>
            <p:cNvPr id="53" name="Retângulo 52"/>
            <p:cNvSpPr/>
            <p:nvPr/>
          </p:nvSpPr>
          <p:spPr>
            <a:xfrm>
              <a:off x="6464648" y="3132497"/>
              <a:ext cx="2178749" cy="15850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</p:spPr>
          <p:txBody>
            <a:bodyPr wrap="square">
              <a:spAutoFit/>
            </a:bodyPr>
            <a:lstStyle/>
            <a:p>
              <a:pPr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50% ao ano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150 MILHÕES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16/06/2016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1</a:t>
              </a: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4921356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00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3370111"/>
            <a:ext cx="6307684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ALTERNATIVAS EM</a:t>
            </a:r>
          </a:p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RENDA VARIÁVEL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</p:spTree>
    <p:extLst>
      <p:ext uri="{BB962C8B-B14F-4D97-AF65-F5344CB8AC3E}">
        <p14:creationId xmlns:p14="http://schemas.microsoft.com/office/powerpoint/2010/main" val="37489199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808185" y="4339104"/>
            <a:ext cx="4764504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QUEM SOMOS?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</p:spTree>
    <p:extLst>
      <p:ext uri="{BB962C8B-B14F-4D97-AF65-F5344CB8AC3E}">
        <p14:creationId xmlns:p14="http://schemas.microsoft.com/office/powerpoint/2010/main" val="15223803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schemeClr val="bg1">
                  <a:lumMod val="85000"/>
                </a:schemeClr>
              </a:solidFill>
              <a:latin typeface="Century Gothic" panose="020B0502020202020204" pitchFamily="34" charset="0"/>
            </a:endParaRPr>
          </a:p>
        </p:txBody>
      </p:sp>
      <p:graphicFrame>
        <p:nvGraphicFramePr>
          <p:cNvPr id="5" name="Gráfico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304986467"/>
              </p:ext>
            </p:extLst>
          </p:nvPr>
        </p:nvGraphicFramePr>
        <p:xfrm>
          <a:off x="1496264" y="1522402"/>
          <a:ext cx="8857007" cy="505529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IBOVESPA EM DÓLAR</a:t>
            </a:r>
          </a:p>
        </p:txBody>
      </p:sp>
    </p:spTree>
    <p:extLst>
      <p:ext uri="{BB962C8B-B14F-4D97-AF65-F5344CB8AC3E}">
        <p14:creationId xmlns:p14="http://schemas.microsoft.com/office/powerpoint/2010/main" val="3092198422"/>
      </p:ext>
    </p:extLst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574769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FUNDOS RENDA VARIÁVEL </a:t>
            </a:r>
          </a:p>
          <a:p>
            <a:pPr marL="0" indent="0">
              <a:lnSpc>
                <a:spcPct val="100000"/>
              </a:lnSpc>
              <a:buNone/>
              <a:defRPr/>
            </a:pPr>
            <a:r>
              <a:rPr lang="pt-BR" sz="1000" dirty="0">
                <a:solidFill>
                  <a:srgbClr val="08305B"/>
                </a:solidFill>
                <a:latin typeface="Century Gothic" panose="020B0502020202020204" pitchFamily="34" charset="0"/>
              </a:rPr>
              <a:t>OPÇÕES PARA SUPERAR O IBOVESPA</a:t>
            </a:r>
          </a:p>
        </p:txBody>
      </p:sp>
      <p:grpSp>
        <p:nvGrpSpPr>
          <p:cNvPr id="176" name="Agrupar 175"/>
          <p:cNvGrpSpPr/>
          <p:nvPr/>
        </p:nvGrpSpPr>
        <p:grpSpPr>
          <a:xfrm>
            <a:off x="2445769" y="2584498"/>
            <a:ext cx="3479074" cy="3823195"/>
            <a:chOff x="623888" y="2698797"/>
            <a:chExt cx="2154874" cy="3823195"/>
          </a:xfrm>
        </p:grpSpPr>
        <p:sp>
          <p:nvSpPr>
            <p:cNvPr id="177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717504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AÇÕES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SELECTION</a:t>
              </a:r>
            </a:p>
          </p:txBody>
        </p:sp>
        <p:sp>
          <p:nvSpPr>
            <p:cNvPr id="178" name="Retângulo 177"/>
            <p:cNvSpPr/>
            <p:nvPr/>
          </p:nvSpPr>
          <p:spPr>
            <a:xfrm>
              <a:off x="623888" y="3533482"/>
              <a:ext cx="2154874" cy="298851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SELETIVIDADE NA BOLSA DE VALOR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09/03/2000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1,5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672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400" b="1" dirty="0">
                  <a:solidFill>
                    <a:srgbClr val="560015"/>
                  </a:solidFill>
                  <a:latin typeface="Century Gothic" panose="020B0502020202020204" pitchFamily="34" charset="0"/>
                  <a:cs typeface="NewJune-Regular"/>
                </a:rPr>
                <a:t>RETORNO HISTÓRIC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4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24 MESES: IBOVESPA + 20,01%</a:t>
              </a:r>
            </a:p>
          </p:txBody>
        </p:sp>
      </p:grpSp>
      <p:grpSp>
        <p:nvGrpSpPr>
          <p:cNvPr id="179" name="Agrupar 178"/>
          <p:cNvGrpSpPr/>
          <p:nvPr/>
        </p:nvGrpSpPr>
        <p:grpSpPr>
          <a:xfrm>
            <a:off x="6397359" y="2584498"/>
            <a:ext cx="3479074" cy="3823195"/>
            <a:chOff x="623888" y="2698797"/>
            <a:chExt cx="2154874" cy="3823195"/>
          </a:xfrm>
        </p:grpSpPr>
        <p:sp>
          <p:nvSpPr>
            <p:cNvPr id="180" name="Text Box 16"/>
            <p:cNvSpPr txBox="1">
              <a:spLocks noChangeAspect="1" noChangeArrowheads="1"/>
            </p:cNvSpPr>
            <p:nvPr/>
          </p:nvSpPr>
          <p:spPr bwMode="auto">
            <a:xfrm>
              <a:off x="631202" y="2698797"/>
              <a:ext cx="2052000" cy="717504"/>
            </a:xfrm>
            <a:prstGeom prst="round2DiagRect">
              <a:avLst>
                <a:gd name="adj1" fmla="val 0"/>
                <a:gd name="adj2" fmla="val 4679"/>
              </a:avLst>
            </a:prstGeom>
            <a:solidFill>
              <a:srgbClr val="560015"/>
            </a:solidFill>
            <a:ln w="12700" algn="ctr">
              <a:noFill/>
              <a:miter lim="800000"/>
              <a:headEnd/>
              <a:tailEnd/>
            </a:ln>
          </p:spPr>
          <p:txBody>
            <a:bodyPr wrap="square" lIns="180000" tIns="0" rIns="36000" bIns="0" anchor="ctr" anchorCtr="0">
              <a:noAutofit/>
            </a:bodyPr>
            <a:lstStyle/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BRADESCO AÇÕES</a:t>
              </a:r>
            </a:p>
            <a:p>
              <a:pPr defTabSz="914400">
                <a:lnSpc>
                  <a:spcPct val="90000"/>
                </a:lnSpc>
                <a:defRPr/>
              </a:pPr>
              <a:r>
                <a:rPr lang="pt-BR" sz="1600" b="1" dirty="0" err="1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IBrX</a:t>
              </a:r>
              <a:r>
                <a:rPr lang="pt-BR" sz="1600" b="1" dirty="0">
                  <a:solidFill>
                    <a:srgbClr val="FFFFFF"/>
                  </a:solidFill>
                  <a:latin typeface="Century Gothic" panose="020B0502020202020204" pitchFamily="34" charset="0"/>
                  <a:cs typeface="Arial" panose="020B0604020202020204" pitchFamily="34" charset="0"/>
                </a:rPr>
                <a:t> ALPHA</a:t>
              </a:r>
            </a:p>
          </p:txBody>
        </p:sp>
        <p:sp>
          <p:nvSpPr>
            <p:cNvPr id="181" name="Retângulo 180"/>
            <p:cNvSpPr/>
            <p:nvPr/>
          </p:nvSpPr>
          <p:spPr>
            <a:xfrm>
              <a:off x="623888" y="3533482"/>
              <a:ext cx="2154874" cy="298851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SELETIVIDADE NA BOLSA DE VALOR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05/02/2013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0,90% ao an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149 MILHÕES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endPara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endParaRP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400" b="1" dirty="0">
                  <a:solidFill>
                    <a:srgbClr val="560015"/>
                  </a:solidFill>
                  <a:latin typeface="Century Gothic" panose="020B0502020202020204" pitchFamily="34" charset="0"/>
                  <a:cs typeface="NewJune-Regular"/>
                </a:rPr>
                <a:t>RETORNO HISTÓRICO</a:t>
              </a:r>
            </a:p>
            <a:p>
              <a:pPr>
                <a:lnSpc>
                  <a:spcPct val="90000"/>
                </a:lnSpc>
                <a:spcAft>
                  <a:spcPts val="600"/>
                </a:spcAft>
                <a:defRPr/>
              </a:pPr>
              <a:r>
                <a:rPr lang="pt-BR" sz="14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24 MESES: </a:t>
              </a:r>
              <a:r>
                <a:rPr lang="pt-BR" sz="1400" dirty="0" err="1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IBrX</a:t>
              </a:r>
              <a:r>
                <a:rPr lang="pt-BR" sz="14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 + 8,39%</a:t>
              </a:r>
            </a:p>
          </p:txBody>
        </p:sp>
      </p:grpSp>
      <p:grpSp>
        <p:nvGrpSpPr>
          <p:cNvPr id="189" name="Agrupar 1">
            <a:extLst>
              <a:ext uri="{FF2B5EF4-FFF2-40B4-BE49-F238E27FC236}">
                <a16:creationId xmlns:a16="http://schemas.microsoft.com/office/drawing/2014/main" id="{128C7E4D-06E8-6A48-B6B0-8C073DC91701}"/>
              </a:ext>
            </a:extLst>
          </p:cNvPr>
          <p:cNvGrpSpPr/>
          <p:nvPr/>
        </p:nvGrpSpPr>
        <p:grpSpPr>
          <a:xfrm>
            <a:off x="1992711" y="1805018"/>
            <a:ext cx="8174687" cy="521121"/>
            <a:chOff x="1163638" y="2416553"/>
            <a:chExt cx="10224730" cy="694828"/>
          </a:xfrm>
        </p:grpSpPr>
        <p:sp>
          <p:nvSpPr>
            <p:cNvPr id="190" name="Retângulo 189">
              <a:extLst>
                <a:ext uri="{FF2B5EF4-FFF2-40B4-BE49-F238E27FC236}">
                  <a16:creationId xmlns:a16="http://schemas.microsoft.com/office/drawing/2014/main" id="{DA2D58BD-E930-A04E-91CD-80F1BEE16AC7}"/>
                </a:ext>
              </a:extLst>
            </p:cNvPr>
            <p:cNvSpPr/>
            <p:nvPr/>
          </p:nvSpPr>
          <p:spPr>
            <a:xfrm>
              <a:off x="1163638" y="2419562"/>
              <a:ext cx="10224730" cy="691819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lnSpc>
                  <a:spcPct val="90000"/>
                </a:lnSpc>
                <a:spcAft>
                  <a:spcPts val="900"/>
                </a:spcAft>
                <a:defRPr/>
              </a:pPr>
              <a:r>
                <a:rPr lang="pt-BR" sz="2000" b="1" kern="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</a:rPr>
                <a:t>FUNDOS DE RENDA VARIÁVEL GESTÃO ATIVA</a:t>
              </a:r>
            </a:p>
          </p:txBody>
        </p:sp>
        <p:cxnSp>
          <p:nvCxnSpPr>
            <p:cNvPr id="191" name="Straight Connector 52">
              <a:extLst>
                <a:ext uri="{FF2B5EF4-FFF2-40B4-BE49-F238E27FC236}">
                  <a16:creationId xmlns:a16="http://schemas.microsoft.com/office/drawing/2014/main" id="{D8B18C2E-087A-EA46-AA5E-184EA2DA2102}"/>
                </a:ext>
              </a:extLst>
            </p:cNvPr>
            <p:cNvCxnSpPr/>
            <p:nvPr/>
          </p:nvCxnSpPr>
          <p:spPr>
            <a:xfrm>
              <a:off x="1179574" y="3039121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  <p:cxnSp>
          <p:nvCxnSpPr>
            <p:cNvPr id="192" name="Straight Connector 52">
              <a:extLst>
                <a:ext uri="{FF2B5EF4-FFF2-40B4-BE49-F238E27FC236}">
                  <a16:creationId xmlns:a16="http://schemas.microsoft.com/office/drawing/2014/main" id="{1A3D5BE4-93FB-554F-B454-52EDBED2667B}"/>
                </a:ext>
              </a:extLst>
            </p:cNvPr>
            <p:cNvCxnSpPr/>
            <p:nvPr/>
          </p:nvCxnSpPr>
          <p:spPr>
            <a:xfrm>
              <a:off x="1179574" y="2416553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</p:grpSp>
    </p:spTree>
    <p:extLst>
      <p:ext uri="{BB962C8B-B14F-4D97-AF65-F5344CB8AC3E}">
        <p14:creationId xmlns:p14="http://schemas.microsoft.com/office/powerpoint/2010/main" val="420127897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  <p:sp>
        <p:nvSpPr>
          <p:cNvPr id="5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DIVIDEND YIELD  X BOND YIELD</a:t>
            </a:r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03070" y="1796903"/>
            <a:ext cx="7346783" cy="45681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085383333"/>
      </p:ext>
    </p:extLst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BRADESCO FI AÇÕES DIVIDENDOS</a:t>
            </a:r>
          </a:p>
        </p:txBody>
      </p:sp>
      <p:grpSp>
        <p:nvGrpSpPr>
          <p:cNvPr id="189" name="Agrupar 1">
            <a:extLst>
              <a:ext uri="{FF2B5EF4-FFF2-40B4-BE49-F238E27FC236}">
                <a16:creationId xmlns:a16="http://schemas.microsoft.com/office/drawing/2014/main" id="{128C7E4D-06E8-6A48-B6B0-8C073DC91701}"/>
              </a:ext>
            </a:extLst>
          </p:cNvPr>
          <p:cNvGrpSpPr/>
          <p:nvPr/>
        </p:nvGrpSpPr>
        <p:grpSpPr>
          <a:xfrm>
            <a:off x="1992711" y="1676426"/>
            <a:ext cx="8174687" cy="521121"/>
            <a:chOff x="1163638" y="2416553"/>
            <a:chExt cx="10224730" cy="694828"/>
          </a:xfrm>
        </p:grpSpPr>
        <p:sp>
          <p:nvSpPr>
            <p:cNvPr id="190" name="Retângulo 189">
              <a:extLst>
                <a:ext uri="{FF2B5EF4-FFF2-40B4-BE49-F238E27FC236}">
                  <a16:creationId xmlns:a16="http://schemas.microsoft.com/office/drawing/2014/main" id="{DA2D58BD-E930-A04E-91CD-80F1BEE16AC7}"/>
                </a:ext>
              </a:extLst>
            </p:cNvPr>
            <p:cNvSpPr/>
            <p:nvPr/>
          </p:nvSpPr>
          <p:spPr>
            <a:xfrm>
              <a:off x="1163638" y="2419562"/>
              <a:ext cx="10224730" cy="691819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lnSpc>
                  <a:spcPct val="90000"/>
                </a:lnSpc>
                <a:spcAft>
                  <a:spcPts val="900"/>
                </a:spcAft>
                <a:defRPr/>
              </a:pPr>
              <a:r>
                <a:rPr lang="pt-BR" sz="2000" b="1" kern="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</a:rPr>
                <a:t>BRADESCO FUNDO DE AÇÕES DIVIDENDOS</a:t>
              </a:r>
            </a:p>
          </p:txBody>
        </p:sp>
        <p:cxnSp>
          <p:nvCxnSpPr>
            <p:cNvPr id="191" name="Straight Connector 52">
              <a:extLst>
                <a:ext uri="{FF2B5EF4-FFF2-40B4-BE49-F238E27FC236}">
                  <a16:creationId xmlns:a16="http://schemas.microsoft.com/office/drawing/2014/main" id="{D8B18C2E-087A-EA46-AA5E-184EA2DA2102}"/>
                </a:ext>
              </a:extLst>
            </p:cNvPr>
            <p:cNvCxnSpPr/>
            <p:nvPr/>
          </p:nvCxnSpPr>
          <p:spPr>
            <a:xfrm>
              <a:off x="1179574" y="3039121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  <p:cxnSp>
          <p:nvCxnSpPr>
            <p:cNvPr id="192" name="Straight Connector 52">
              <a:extLst>
                <a:ext uri="{FF2B5EF4-FFF2-40B4-BE49-F238E27FC236}">
                  <a16:creationId xmlns:a16="http://schemas.microsoft.com/office/drawing/2014/main" id="{1A3D5BE4-93FB-554F-B454-52EDBED2667B}"/>
                </a:ext>
              </a:extLst>
            </p:cNvPr>
            <p:cNvCxnSpPr/>
            <p:nvPr/>
          </p:nvCxnSpPr>
          <p:spPr>
            <a:xfrm>
              <a:off x="1179574" y="2416553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</p:grpSp>
      <p:grpSp>
        <p:nvGrpSpPr>
          <p:cNvPr id="2" name="Agrupar 1"/>
          <p:cNvGrpSpPr/>
          <p:nvPr/>
        </p:nvGrpSpPr>
        <p:grpSpPr>
          <a:xfrm>
            <a:off x="1992711" y="2391293"/>
            <a:ext cx="8174687" cy="4149987"/>
            <a:chOff x="468709" y="2328858"/>
            <a:chExt cx="9074123" cy="2551278"/>
          </a:xfrm>
        </p:grpSpPr>
        <p:graphicFrame>
          <p:nvGraphicFramePr>
            <p:cNvPr id="15" name="Gráfico 14"/>
            <p:cNvGraphicFramePr>
              <a:graphicFrameLocks/>
            </p:cNvGraphicFramePr>
            <p:nvPr>
              <p:extLst/>
            </p:nvPr>
          </p:nvGraphicFramePr>
          <p:xfrm>
            <a:off x="468709" y="2328858"/>
            <a:ext cx="7017941" cy="2551278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2"/>
            </a:graphicData>
          </a:graphic>
        </p:graphicFrame>
        <p:sp>
          <p:nvSpPr>
            <p:cNvPr id="16" name="CaixaDeTexto 15"/>
            <p:cNvSpPr txBox="1"/>
            <p:nvPr/>
          </p:nvSpPr>
          <p:spPr>
            <a:xfrm>
              <a:off x="7314618" y="2488336"/>
              <a:ext cx="2228214" cy="1892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400" dirty="0">
                  <a:solidFill>
                    <a:srgbClr val="C00000"/>
                  </a:solidFill>
                  <a:latin typeface="Century Gothic" panose="020B0502020202020204" pitchFamily="34" charset="0"/>
                </a:rPr>
                <a:t>FIA DIVIDENDOS</a:t>
              </a:r>
            </a:p>
          </p:txBody>
        </p:sp>
        <p:sp>
          <p:nvSpPr>
            <p:cNvPr id="17" name="CaixaDeTexto 16"/>
            <p:cNvSpPr txBox="1"/>
            <p:nvPr/>
          </p:nvSpPr>
          <p:spPr>
            <a:xfrm>
              <a:off x="7314619" y="3615952"/>
              <a:ext cx="1731294" cy="1892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400" dirty="0">
                  <a:solidFill>
                    <a:srgbClr val="7F7F7F"/>
                  </a:solidFill>
                  <a:latin typeface="Century Gothic" panose="020B0502020202020204" pitchFamily="34" charset="0"/>
                </a:rPr>
                <a:t>IBOVESPA</a:t>
              </a:r>
            </a:p>
          </p:txBody>
        </p:sp>
      </p:grpSp>
      <p:sp>
        <p:nvSpPr>
          <p:cNvPr id="18" name="Retângulo 17"/>
          <p:cNvSpPr/>
          <p:nvPr/>
        </p:nvSpPr>
        <p:spPr>
          <a:xfrm>
            <a:off x="8355653" y="5409754"/>
            <a:ext cx="2178749" cy="1323439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</p:spPr>
        <p:txBody>
          <a:bodyPr wrap="square">
            <a:spAutoFit/>
          </a:bodyPr>
          <a:lstStyle/>
          <a:p>
            <a:pPr>
              <a:spcAft>
                <a:spcPts val="600"/>
              </a:spcAft>
              <a:defRPr/>
            </a:pPr>
            <a:r>
              <a: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rPr>
              <a:t>TAXA DE ADMINISTRAÇÃO</a:t>
            </a:r>
          </a:p>
          <a:p>
            <a:pPr>
              <a:spcAft>
                <a:spcPts val="600"/>
              </a:spcAft>
              <a:defRPr/>
            </a:pPr>
            <a:r>
              <a: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rPr>
              <a:t>1,50% ao ano</a:t>
            </a:r>
          </a:p>
          <a:p>
            <a:pPr>
              <a:spcAft>
                <a:spcPts val="600"/>
              </a:spcAft>
              <a:defRPr/>
            </a:pPr>
            <a:r>
              <a: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rPr>
              <a:t>PATRIMÔNIO LÍQUIDO</a:t>
            </a:r>
          </a:p>
          <a:p>
            <a:pPr>
              <a:spcAft>
                <a:spcPts val="600"/>
              </a:spcAft>
              <a:defRPr/>
            </a:pPr>
            <a:r>
              <a: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rPr>
              <a:t>R$ 2,6 BILHÕES</a:t>
            </a:r>
          </a:p>
          <a:p>
            <a:pPr>
              <a:spcAft>
                <a:spcPts val="600"/>
              </a:spcAft>
              <a:defRPr/>
            </a:pPr>
            <a:r>
              <a:rPr lang="pt-BR" sz="1200" b="1" dirty="0">
                <a:solidFill>
                  <a:srgbClr val="032953"/>
                </a:solidFill>
                <a:latin typeface="Century Gothic" panose="020B0502020202020204" pitchFamily="34" charset="0"/>
                <a:cs typeface="NewJune-Regular"/>
              </a:rPr>
              <a:t>INÍCIO EM 09/09/2004</a:t>
            </a:r>
            <a:endParaRPr lang="pt-BR" sz="1200" dirty="0">
              <a:solidFill>
                <a:srgbClr val="DFDFDF">
                  <a:lumMod val="25000"/>
                </a:srgbClr>
              </a:solidFill>
              <a:latin typeface="Century Gothic" panose="020B0502020202020204" pitchFamily="34" charset="0"/>
              <a:cs typeface="NewJune-Regular"/>
            </a:endParaRPr>
          </a:p>
        </p:txBody>
      </p:sp>
    </p:spTree>
    <p:extLst>
      <p:ext uri="{BB962C8B-B14F-4D97-AF65-F5344CB8AC3E}">
        <p14:creationId xmlns:p14="http://schemas.microsoft.com/office/powerpoint/2010/main" val="3878776263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Retângulo 33"/>
          <p:cNvSpPr/>
          <p:nvPr/>
        </p:nvSpPr>
        <p:spPr>
          <a:xfrm>
            <a:off x="2066079" y="1250846"/>
            <a:ext cx="8075650" cy="805617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schemeClr val="bg1">
                  <a:lumMod val="85000"/>
                </a:schemeClr>
              </a:solidFill>
              <a:latin typeface="Century Gothic" panose="020B0502020202020204" pitchFamily="34" charset="0"/>
            </a:endParaRPr>
          </a:p>
        </p:txBody>
      </p:sp>
      <p:grpSp>
        <p:nvGrpSpPr>
          <p:cNvPr id="5" name="Agrupar 8"/>
          <p:cNvGrpSpPr/>
          <p:nvPr/>
        </p:nvGrpSpPr>
        <p:grpSpPr>
          <a:xfrm>
            <a:off x="2071014" y="2070058"/>
            <a:ext cx="8118732" cy="712800"/>
            <a:chOff x="4614101" y="1559414"/>
            <a:chExt cx="7338173" cy="748854"/>
          </a:xfrm>
        </p:grpSpPr>
        <p:grpSp>
          <p:nvGrpSpPr>
            <p:cNvPr id="6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8" name="Retângulo 7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9" name="Retângulo 8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7" name="Text Box 16"/>
            <p:cNvSpPr txBox="1">
              <a:spLocks noChangeArrowheads="1"/>
            </p:cNvSpPr>
            <p:nvPr/>
          </p:nvSpPr>
          <p:spPr bwMode="auto">
            <a:xfrm>
              <a:off x="4800400" y="1609841"/>
              <a:ext cx="7151874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Portfólio composto por empresas líderes de mercado com </a:t>
              </a: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geração de caixa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 suficiente para </a:t>
              </a: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distribuição de dividendos</a:t>
              </a:r>
            </a:p>
          </p:txBody>
        </p:sp>
      </p:grpSp>
      <p:grpSp>
        <p:nvGrpSpPr>
          <p:cNvPr id="10" name="Agrupar 25"/>
          <p:cNvGrpSpPr/>
          <p:nvPr/>
        </p:nvGrpSpPr>
        <p:grpSpPr>
          <a:xfrm>
            <a:off x="2071015" y="4305500"/>
            <a:ext cx="8102935" cy="433924"/>
            <a:chOff x="4614102" y="1559414"/>
            <a:chExt cx="7323894" cy="621359"/>
          </a:xfrm>
        </p:grpSpPr>
        <p:grpSp>
          <p:nvGrpSpPr>
            <p:cNvPr id="12" name="Agrupar 26"/>
            <p:cNvGrpSpPr/>
            <p:nvPr/>
          </p:nvGrpSpPr>
          <p:grpSpPr>
            <a:xfrm>
              <a:off x="4614102" y="1559414"/>
              <a:ext cx="7323894" cy="621359"/>
              <a:chOff x="4614102" y="1559414"/>
              <a:chExt cx="7323894" cy="621359"/>
            </a:xfrm>
          </p:grpSpPr>
          <p:sp>
            <p:nvSpPr>
              <p:cNvPr id="14" name="Retângulo 13"/>
              <p:cNvSpPr/>
              <p:nvPr/>
            </p:nvSpPr>
            <p:spPr>
              <a:xfrm flipH="1">
                <a:off x="4671417" y="1559414"/>
                <a:ext cx="7266579" cy="621359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15" name="Retângulo 14"/>
              <p:cNvSpPr/>
              <p:nvPr/>
            </p:nvSpPr>
            <p:spPr>
              <a:xfrm>
                <a:off x="4614102" y="1559414"/>
                <a:ext cx="57720" cy="621359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13" name="Text Box 16"/>
            <p:cNvSpPr txBox="1">
              <a:spLocks noChangeArrowheads="1"/>
            </p:cNvSpPr>
            <p:nvPr/>
          </p:nvSpPr>
          <p:spPr bwMode="auto">
            <a:xfrm>
              <a:off x="4800401" y="1631843"/>
              <a:ext cx="7120561" cy="54893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7% de alpha médio ao ano líquido 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de taxa de administração desde o início</a:t>
              </a:r>
            </a:p>
          </p:txBody>
        </p:sp>
      </p:grpSp>
      <p:grpSp>
        <p:nvGrpSpPr>
          <p:cNvPr id="16" name="Agrupar 8"/>
          <p:cNvGrpSpPr/>
          <p:nvPr/>
        </p:nvGrpSpPr>
        <p:grpSpPr>
          <a:xfrm>
            <a:off x="2071015" y="2874056"/>
            <a:ext cx="8102939" cy="820796"/>
            <a:chOff x="4614101" y="1559414"/>
            <a:chExt cx="7323898" cy="748854"/>
          </a:xfrm>
        </p:grpSpPr>
        <p:grpSp>
          <p:nvGrpSpPr>
            <p:cNvPr id="17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19" name="Retângulo 18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22" name="Retângulo 21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18" name="Text Box 16"/>
            <p:cNvSpPr txBox="1">
              <a:spLocks noChangeArrowheads="1"/>
            </p:cNvSpPr>
            <p:nvPr/>
          </p:nvSpPr>
          <p:spPr bwMode="auto">
            <a:xfrm>
              <a:off x="4800401" y="1609841"/>
              <a:ext cx="7137594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Característica defensiva da carteira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. Fluxo de dividendos, reduz a perda de capital em momentos adversos. </a:t>
              </a: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Gestão ativa 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potencializa desempenho acima do índice em momentos de valorização do mercado</a:t>
              </a:r>
            </a:p>
          </p:txBody>
        </p:sp>
      </p:grpSp>
      <p:grpSp>
        <p:nvGrpSpPr>
          <p:cNvPr id="23" name="Agrupar 8"/>
          <p:cNvGrpSpPr/>
          <p:nvPr/>
        </p:nvGrpSpPr>
        <p:grpSpPr>
          <a:xfrm>
            <a:off x="2071015" y="1255517"/>
            <a:ext cx="8102939" cy="712800"/>
            <a:chOff x="4614101" y="1559414"/>
            <a:chExt cx="7323898" cy="748854"/>
          </a:xfrm>
        </p:grpSpPr>
        <p:grpSp>
          <p:nvGrpSpPr>
            <p:cNvPr id="24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26" name="Retângulo 25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27" name="Retângulo 26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25" name="Text Box 16"/>
            <p:cNvSpPr txBox="1">
              <a:spLocks noChangeArrowheads="1"/>
            </p:cNvSpPr>
            <p:nvPr/>
          </p:nvSpPr>
          <p:spPr bwMode="auto">
            <a:xfrm>
              <a:off x="4800400" y="1609841"/>
              <a:ext cx="7137595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A estratégia de Dividendos soma potencial de valorização das ações com o pagamento de dividendos reaplicados no fundo</a:t>
              </a:r>
            </a:p>
          </p:txBody>
        </p:sp>
      </p:grpSp>
      <p:grpSp>
        <p:nvGrpSpPr>
          <p:cNvPr id="28" name="Agrupar 25"/>
          <p:cNvGrpSpPr/>
          <p:nvPr/>
        </p:nvGrpSpPr>
        <p:grpSpPr>
          <a:xfrm>
            <a:off x="2071014" y="3765329"/>
            <a:ext cx="8102936" cy="435600"/>
            <a:chOff x="4614101" y="1517498"/>
            <a:chExt cx="7323895" cy="648000"/>
          </a:xfrm>
        </p:grpSpPr>
        <p:grpSp>
          <p:nvGrpSpPr>
            <p:cNvPr id="29" name="Agrupar 26"/>
            <p:cNvGrpSpPr/>
            <p:nvPr/>
          </p:nvGrpSpPr>
          <p:grpSpPr>
            <a:xfrm>
              <a:off x="4614101" y="1559414"/>
              <a:ext cx="7323895" cy="604792"/>
              <a:chOff x="4614101" y="1559414"/>
              <a:chExt cx="7323895" cy="604792"/>
            </a:xfrm>
          </p:grpSpPr>
          <p:sp>
            <p:nvSpPr>
              <p:cNvPr id="31" name="Retângulo 30"/>
              <p:cNvSpPr/>
              <p:nvPr/>
            </p:nvSpPr>
            <p:spPr>
              <a:xfrm flipH="1">
                <a:off x="4671417" y="1559415"/>
                <a:ext cx="7266579" cy="604791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32" name="Retângulo 31"/>
              <p:cNvSpPr/>
              <p:nvPr/>
            </p:nvSpPr>
            <p:spPr>
              <a:xfrm>
                <a:off x="4614101" y="1559414"/>
                <a:ext cx="72000" cy="604792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30" name="Text Box 16"/>
            <p:cNvSpPr txBox="1">
              <a:spLocks noChangeArrowheads="1"/>
            </p:cNvSpPr>
            <p:nvPr/>
          </p:nvSpPr>
          <p:spPr bwMode="auto">
            <a:xfrm>
              <a:off x="4800401" y="1517498"/>
              <a:ext cx="7137595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Mesma equipe de gestão por 14 anos, 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superando o benchmark em 10 anos</a:t>
              </a:r>
            </a:p>
          </p:txBody>
        </p:sp>
      </p:grpSp>
      <p:sp>
        <p:nvSpPr>
          <p:cNvPr id="33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BRADESCO FI AÇÕES DIVIDENDOS</a:t>
            </a:r>
          </a:p>
        </p:txBody>
      </p:sp>
      <p:graphicFrame>
        <p:nvGraphicFramePr>
          <p:cNvPr id="2" name="Tabela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882188466"/>
              </p:ext>
            </p:extLst>
          </p:nvPr>
        </p:nvGraphicFramePr>
        <p:xfrm>
          <a:off x="2732053" y="4882242"/>
          <a:ext cx="6743702" cy="1695450"/>
        </p:xfrm>
        <a:graphic>
          <a:graphicData uri="http://schemas.openxmlformats.org/drawingml/2006/table">
            <a:tbl>
              <a:tblPr/>
              <a:tblGrid>
                <a:gridCol w="261814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</a:tblGrid>
              <a:tr h="276225">
                <a:tc rowSpan="2">
                  <a:txBody>
                    <a:bodyPr/>
                    <a:lstStyle/>
                    <a:p>
                      <a:pPr algn="r" fontAlgn="ctr"/>
                      <a:r>
                        <a:rPr lang="pt-BR" sz="18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 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9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8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7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DESDE INÍCIO*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76225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TOTAL.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ANUAL.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BRADESCO FI AÇÕES DIVIDENDOS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8,15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1,17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30,88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977,26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7,80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IBOVESPA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0,40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5,03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6,86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344,91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0,84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DISTANCIA DO IBOVESPA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-2,25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6,14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4,02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632,35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6,97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905471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  <p:sp>
        <p:nvSpPr>
          <p:cNvPr id="5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HISTÓRICO CDS BRASIL 5 ANOS X SMALL CAPS: 2003</a:t>
            </a:r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49042" y="1511836"/>
            <a:ext cx="7423270" cy="50658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263378008"/>
      </p:ext>
    </p:extLst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  <p:sp>
        <p:nvSpPr>
          <p:cNvPr id="5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HISTÓRICO CDS BRASIL 5 ANOS X SMALL CAPS: 2009</a:t>
            </a:r>
          </a:p>
        </p:txBody>
      </p:sp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19827" y="1549276"/>
            <a:ext cx="7363454" cy="502841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278709197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  <p:sp>
        <p:nvSpPr>
          <p:cNvPr id="5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HISTÓRICO CDS BRASIL 5 ANOS X SMALL CAPS: HOJE</a:t>
            </a:r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94581" y="1453573"/>
            <a:ext cx="7757471" cy="52974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394633773"/>
      </p:ext>
    </p:extLst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BRADESCO FI AÇÕES SMALL CAP PLUS</a:t>
            </a:r>
          </a:p>
        </p:txBody>
      </p:sp>
      <p:grpSp>
        <p:nvGrpSpPr>
          <p:cNvPr id="189" name="Agrupar 1">
            <a:extLst>
              <a:ext uri="{FF2B5EF4-FFF2-40B4-BE49-F238E27FC236}">
                <a16:creationId xmlns:a16="http://schemas.microsoft.com/office/drawing/2014/main" id="{128C7E4D-06E8-6A48-B6B0-8C073DC91701}"/>
              </a:ext>
            </a:extLst>
          </p:cNvPr>
          <p:cNvGrpSpPr/>
          <p:nvPr/>
        </p:nvGrpSpPr>
        <p:grpSpPr>
          <a:xfrm>
            <a:off x="1992711" y="1676426"/>
            <a:ext cx="8174687" cy="521121"/>
            <a:chOff x="1163638" y="2416553"/>
            <a:chExt cx="10224730" cy="694828"/>
          </a:xfrm>
        </p:grpSpPr>
        <p:sp>
          <p:nvSpPr>
            <p:cNvPr id="190" name="Retângulo 189">
              <a:extLst>
                <a:ext uri="{FF2B5EF4-FFF2-40B4-BE49-F238E27FC236}">
                  <a16:creationId xmlns:a16="http://schemas.microsoft.com/office/drawing/2014/main" id="{DA2D58BD-E930-A04E-91CD-80F1BEE16AC7}"/>
                </a:ext>
              </a:extLst>
            </p:cNvPr>
            <p:cNvSpPr/>
            <p:nvPr/>
          </p:nvSpPr>
          <p:spPr>
            <a:xfrm>
              <a:off x="1163638" y="2419562"/>
              <a:ext cx="10224730" cy="691819"/>
            </a:xfrm>
            <a:prstGeom prst="rect">
              <a:avLst/>
            </a:prstGeom>
            <a:noFill/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ctr"/>
            <a:lstStyle/>
            <a:p>
              <a:pPr algn="ctr" defTabSz="914400">
                <a:lnSpc>
                  <a:spcPct val="90000"/>
                </a:lnSpc>
                <a:spcAft>
                  <a:spcPts val="900"/>
                </a:spcAft>
                <a:defRPr/>
              </a:pPr>
              <a:r>
                <a:rPr lang="pt-BR" sz="2000" b="1" kern="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</a:rPr>
                <a:t>BRADESCO FUNDO DE AÇÕES SMALL CAP PLUS</a:t>
              </a:r>
            </a:p>
          </p:txBody>
        </p:sp>
        <p:cxnSp>
          <p:nvCxnSpPr>
            <p:cNvPr id="191" name="Straight Connector 52">
              <a:extLst>
                <a:ext uri="{FF2B5EF4-FFF2-40B4-BE49-F238E27FC236}">
                  <a16:creationId xmlns:a16="http://schemas.microsoft.com/office/drawing/2014/main" id="{D8B18C2E-087A-EA46-AA5E-184EA2DA2102}"/>
                </a:ext>
              </a:extLst>
            </p:cNvPr>
            <p:cNvCxnSpPr/>
            <p:nvPr/>
          </p:nvCxnSpPr>
          <p:spPr>
            <a:xfrm>
              <a:off x="1179574" y="3039121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  <p:cxnSp>
          <p:nvCxnSpPr>
            <p:cNvPr id="192" name="Straight Connector 52">
              <a:extLst>
                <a:ext uri="{FF2B5EF4-FFF2-40B4-BE49-F238E27FC236}">
                  <a16:creationId xmlns:a16="http://schemas.microsoft.com/office/drawing/2014/main" id="{1A3D5BE4-93FB-554F-B454-52EDBED2667B}"/>
                </a:ext>
              </a:extLst>
            </p:cNvPr>
            <p:cNvCxnSpPr/>
            <p:nvPr/>
          </p:nvCxnSpPr>
          <p:spPr>
            <a:xfrm>
              <a:off x="1179574" y="2416553"/>
              <a:ext cx="10208794" cy="0"/>
            </a:xfrm>
            <a:prstGeom prst="line">
              <a:avLst/>
            </a:prstGeom>
            <a:noFill/>
            <a:ln w="3175" cap="flat" cmpd="sng" algn="ctr">
              <a:solidFill>
                <a:srgbClr val="800000"/>
              </a:solidFill>
              <a:prstDash val="solid"/>
              <a:miter lim="800000"/>
            </a:ln>
            <a:effectLst/>
          </p:spPr>
        </p:cxnSp>
      </p:grpSp>
      <p:grpSp>
        <p:nvGrpSpPr>
          <p:cNvPr id="4" name="Agrupar 3"/>
          <p:cNvGrpSpPr/>
          <p:nvPr/>
        </p:nvGrpSpPr>
        <p:grpSpPr>
          <a:xfrm>
            <a:off x="1992710" y="2227046"/>
            <a:ext cx="8560146" cy="4459116"/>
            <a:chOff x="468710" y="2227046"/>
            <a:chExt cx="8560146" cy="4459116"/>
          </a:xfrm>
        </p:grpSpPr>
        <p:graphicFrame>
          <p:nvGraphicFramePr>
            <p:cNvPr id="23" name="Gráfico 22"/>
            <p:cNvGraphicFramePr>
              <a:graphicFrameLocks/>
            </p:cNvGraphicFramePr>
            <p:nvPr>
              <p:extLst>
                <p:ext uri="{D42A27DB-BD31-4B8C-83A1-F6EECF244321}">
                  <p14:modId xmlns:p14="http://schemas.microsoft.com/office/powerpoint/2010/main" val="3619414342"/>
                </p:ext>
              </p:extLst>
            </p:nvPr>
          </p:nvGraphicFramePr>
          <p:xfrm>
            <a:off x="468710" y="2227046"/>
            <a:ext cx="6268508" cy="4197506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2"/>
            </a:graphicData>
          </a:graphic>
        </p:graphicFrame>
        <p:sp>
          <p:nvSpPr>
            <p:cNvPr id="24" name="CaixaDeTexto 23"/>
            <p:cNvSpPr txBox="1"/>
            <p:nvPr/>
          </p:nvSpPr>
          <p:spPr>
            <a:xfrm>
              <a:off x="6599445" y="2414251"/>
              <a:ext cx="2043951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400" dirty="0">
                  <a:solidFill>
                    <a:srgbClr val="C00000"/>
                  </a:solidFill>
                  <a:latin typeface="Century Gothic" panose="020B0502020202020204" pitchFamily="34" charset="0"/>
                </a:rPr>
                <a:t>FIA SMALL CAP PLUS</a:t>
              </a:r>
            </a:p>
          </p:txBody>
        </p:sp>
        <p:sp>
          <p:nvSpPr>
            <p:cNvPr id="25" name="CaixaDeTexto 24"/>
            <p:cNvSpPr txBox="1"/>
            <p:nvPr/>
          </p:nvSpPr>
          <p:spPr>
            <a:xfrm>
              <a:off x="6630544" y="4357188"/>
              <a:ext cx="1175975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defRPr/>
              </a:pPr>
              <a:r>
                <a:rPr lang="pt-BR" sz="1400" dirty="0">
                  <a:solidFill>
                    <a:srgbClr val="7F7F7F"/>
                  </a:solidFill>
                  <a:latin typeface="Century Gothic" panose="020B0502020202020204" pitchFamily="34" charset="0"/>
                </a:rPr>
                <a:t>IBOVESPA</a:t>
              </a:r>
            </a:p>
          </p:txBody>
        </p:sp>
        <p:sp>
          <p:nvSpPr>
            <p:cNvPr id="38" name="Retângulo 37"/>
            <p:cNvSpPr/>
            <p:nvPr/>
          </p:nvSpPr>
          <p:spPr>
            <a:xfrm>
              <a:off x="6850107" y="5101113"/>
              <a:ext cx="2178749" cy="1585049"/>
            </a:xfrm>
            <a:prstGeom prst="rect">
              <a:avLst/>
            </a:prstGeom>
            <a:solidFill>
              <a:schemeClr val="accent3">
                <a:lumMod val="20000"/>
                <a:lumOff val="80000"/>
              </a:schemeClr>
            </a:solidFill>
          </p:spPr>
          <p:txBody>
            <a:bodyPr wrap="square">
              <a:spAutoFit/>
            </a:bodyPr>
            <a:lstStyle/>
            <a:p>
              <a:pPr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TAXA DE ADMINISTRAÇÃO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1,50% ao ano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PATRIMÔNIO LÍQUIDO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dirty="0">
                  <a:solidFill>
                    <a:srgbClr val="DFDFDF">
                      <a:lumMod val="25000"/>
                    </a:srgbClr>
                  </a:solidFill>
                  <a:latin typeface="Century Gothic" panose="020B0502020202020204" pitchFamily="34" charset="0"/>
                  <a:cs typeface="NewJune-Regular"/>
                </a:rPr>
                <a:t>R$ 583 MILHÕES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INÍCIO EM 24/09/2004</a:t>
              </a:r>
            </a:p>
            <a:p>
              <a:pPr>
                <a:spcAft>
                  <a:spcPts val="600"/>
                </a:spcAft>
                <a:defRPr/>
              </a:pPr>
              <a:r>
                <a:rPr lang="pt-BR" sz="1200" b="1" dirty="0">
                  <a:solidFill>
                    <a:srgbClr val="032953"/>
                  </a:solidFill>
                  <a:latin typeface="Century Gothic" panose="020B0502020202020204" pitchFamily="34" charset="0"/>
                  <a:cs typeface="NewJune-Regular"/>
                </a:rPr>
                <a:t>LIQUIDEZ D+3</a:t>
              </a:r>
              <a:endParaRPr lang="pt-BR" sz="1200" dirty="0">
                <a:solidFill>
                  <a:srgbClr val="DFDFDF">
                    <a:lumMod val="25000"/>
                  </a:srgbClr>
                </a:solidFill>
                <a:latin typeface="Century Gothic" panose="020B0502020202020204" pitchFamily="34" charset="0"/>
                <a:cs typeface="NewJune-Regular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05911519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ângulo 1"/>
          <p:cNvSpPr/>
          <p:nvPr/>
        </p:nvSpPr>
        <p:spPr>
          <a:xfrm>
            <a:off x="2044813" y="1059452"/>
            <a:ext cx="8075650" cy="805617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schemeClr val="bg1">
                  <a:lumMod val="85000"/>
                </a:schemeClr>
              </a:solidFill>
              <a:latin typeface="Century Gothic" panose="020B0502020202020204" pitchFamily="34" charset="0"/>
            </a:endParaRPr>
          </a:p>
        </p:txBody>
      </p:sp>
      <p:grpSp>
        <p:nvGrpSpPr>
          <p:cNvPr id="5" name="Agrupar 8"/>
          <p:cNvGrpSpPr/>
          <p:nvPr/>
        </p:nvGrpSpPr>
        <p:grpSpPr>
          <a:xfrm>
            <a:off x="2036372" y="1865069"/>
            <a:ext cx="8118732" cy="712800"/>
            <a:chOff x="4614101" y="1559414"/>
            <a:chExt cx="7338173" cy="748854"/>
          </a:xfrm>
        </p:grpSpPr>
        <p:grpSp>
          <p:nvGrpSpPr>
            <p:cNvPr id="6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8" name="Retângulo 7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9" name="Retângulo 8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7" name="Text Box 16"/>
            <p:cNvSpPr txBox="1">
              <a:spLocks noChangeArrowheads="1"/>
            </p:cNvSpPr>
            <p:nvPr/>
          </p:nvSpPr>
          <p:spPr bwMode="auto">
            <a:xfrm>
              <a:off x="4800400" y="1609841"/>
              <a:ext cx="7151874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Empresas mais expostas a reformas, cenário regulatório como </a:t>
              </a: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forte estímulo 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a economia e projeto de privatização gerando novas oportunidades</a:t>
              </a:r>
            </a:p>
          </p:txBody>
        </p:sp>
      </p:grpSp>
      <p:grpSp>
        <p:nvGrpSpPr>
          <p:cNvPr id="10" name="Agrupar 25"/>
          <p:cNvGrpSpPr/>
          <p:nvPr/>
        </p:nvGrpSpPr>
        <p:grpSpPr>
          <a:xfrm>
            <a:off x="2036373" y="4137589"/>
            <a:ext cx="8102935" cy="629347"/>
            <a:chOff x="4614102" y="1559414"/>
            <a:chExt cx="7323894" cy="621359"/>
          </a:xfrm>
        </p:grpSpPr>
        <p:grpSp>
          <p:nvGrpSpPr>
            <p:cNvPr id="12" name="Agrupar 26"/>
            <p:cNvGrpSpPr/>
            <p:nvPr/>
          </p:nvGrpSpPr>
          <p:grpSpPr>
            <a:xfrm>
              <a:off x="4614102" y="1559414"/>
              <a:ext cx="7323894" cy="621359"/>
              <a:chOff x="4614102" y="1559414"/>
              <a:chExt cx="7323894" cy="621359"/>
            </a:xfrm>
          </p:grpSpPr>
          <p:sp>
            <p:nvSpPr>
              <p:cNvPr id="14" name="Retângulo 13"/>
              <p:cNvSpPr/>
              <p:nvPr/>
            </p:nvSpPr>
            <p:spPr>
              <a:xfrm flipH="1">
                <a:off x="4671417" y="1559414"/>
                <a:ext cx="7266579" cy="621359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15" name="Retângulo 14"/>
              <p:cNvSpPr/>
              <p:nvPr/>
            </p:nvSpPr>
            <p:spPr>
              <a:xfrm>
                <a:off x="4614102" y="1559414"/>
                <a:ext cx="57720" cy="621359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13" name="Text Box 16"/>
            <p:cNvSpPr txBox="1">
              <a:spLocks noChangeArrowheads="1"/>
            </p:cNvSpPr>
            <p:nvPr/>
          </p:nvSpPr>
          <p:spPr bwMode="auto">
            <a:xfrm>
              <a:off x="4800401" y="1631843"/>
              <a:ext cx="7120561" cy="54893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6% de alpha médio ao ano líquido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 de taxa de administração desde o início</a:t>
              </a:r>
            </a:p>
          </p:txBody>
        </p:sp>
      </p:grpSp>
      <p:grpSp>
        <p:nvGrpSpPr>
          <p:cNvPr id="16" name="Agrupar 8"/>
          <p:cNvGrpSpPr/>
          <p:nvPr/>
        </p:nvGrpSpPr>
        <p:grpSpPr>
          <a:xfrm>
            <a:off x="2036373" y="2669067"/>
            <a:ext cx="8102939" cy="712800"/>
            <a:chOff x="4614101" y="1559414"/>
            <a:chExt cx="7323898" cy="748854"/>
          </a:xfrm>
        </p:grpSpPr>
        <p:grpSp>
          <p:nvGrpSpPr>
            <p:cNvPr id="17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19" name="Retângulo 18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22" name="Retângulo 21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18" name="Text Box 16"/>
            <p:cNvSpPr txBox="1">
              <a:spLocks noChangeArrowheads="1"/>
            </p:cNvSpPr>
            <p:nvPr/>
          </p:nvSpPr>
          <p:spPr bwMode="auto">
            <a:xfrm>
              <a:off x="4800401" y="1609841"/>
              <a:ext cx="7137594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Carteira com empresas com </a:t>
              </a: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maior potencial de crescimento 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e maior necessidade de capital (</a:t>
              </a: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se beneficia de juros baixos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)</a:t>
              </a:r>
            </a:p>
          </p:txBody>
        </p:sp>
      </p:grpSp>
      <p:grpSp>
        <p:nvGrpSpPr>
          <p:cNvPr id="23" name="Agrupar 8"/>
          <p:cNvGrpSpPr/>
          <p:nvPr/>
        </p:nvGrpSpPr>
        <p:grpSpPr>
          <a:xfrm>
            <a:off x="2036373" y="1050530"/>
            <a:ext cx="8102939" cy="710869"/>
            <a:chOff x="4614101" y="1559414"/>
            <a:chExt cx="7323898" cy="748854"/>
          </a:xfrm>
        </p:grpSpPr>
        <p:grpSp>
          <p:nvGrpSpPr>
            <p:cNvPr id="24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26" name="Retângulo 25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27" name="Retângulo 26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25" name="Text Box 16"/>
            <p:cNvSpPr txBox="1">
              <a:spLocks noChangeArrowheads="1"/>
            </p:cNvSpPr>
            <p:nvPr/>
          </p:nvSpPr>
          <p:spPr bwMode="auto">
            <a:xfrm>
              <a:off x="4800400" y="1609841"/>
              <a:ext cx="7137595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Universo “</a:t>
              </a:r>
              <a:r>
                <a:rPr lang="pt-BR" sz="1500" dirty="0" err="1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Mid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 </a:t>
              </a:r>
              <a:r>
                <a:rPr lang="pt-BR" sz="1500" dirty="0" err="1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small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 </a:t>
              </a:r>
              <a:r>
                <a:rPr lang="pt-BR" sz="1500" dirty="0" err="1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cap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” </a:t>
              </a: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representa de fato a economia local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. Apresenta alta correlação com recuperação do PIB e ciclo de crescimento</a:t>
              </a:r>
            </a:p>
          </p:txBody>
        </p:sp>
      </p:grpSp>
      <p:grpSp>
        <p:nvGrpSpPr>
          <p:cNvPr id="28" name="Agrupar 25"/>
          <p:cNvGrpSpPr/>
          <p:nvPr/>
        </p:nvGrpSpPr>
        <p:grpSpPr>
          <a:xfrm>
            <a:off x="2036372" y="3432745"/>
            <a:ext cx="8102936" cy="611350"/>
            <a:chOff x="4614101" y="1506396"/>
            <a:chExt cx="7323895" cy="657810"/>
          </a:xfrm>
        </p:grpSpPr>
        <p:grpSp>
          <p:nvGrpSpPr>
            <p:cNvPr id="29" name="Agrupar 26"/>
            <p:cNvGrpSpPr/>
            <p:nvPr/>
          </p:nvGrpSpPr>
          <p:grpSpPr>
            <a:xfrm>
              <a:off x="4614101" y="1559414"/>
              <a:ext cx="7323895" cy="604792"/>
              <a:chOff x="4614101" y="1559414"/>
              <a:chExt cx="7323895" cy="604792"/>
            </a:xfrm>
          </p:grpSpPr>
          <p:sp>
            <p:nvSpPr>
              <p:cNvPr id="31" name="Retângulo 30"/>
              <p:cNvSpPr/>
              <p:nvPr/>
            </p:nvSpPr>
            <p:spPr>
              <a:xfrm flipH="1">
                <a:off x="4671417" y="1559415"/>
                <a:ext cx="7266579" cy="604791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32" name="Retângulo 31"/>
              <p:cNvSpPr/>
              <p:nvPr/>
            </p:nvSpPr>
            <p:spPr>
              <a:xfrm>
                <a:off x="4614101" y="1559414"/>
                <a:ext cx="72000" cy="604792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30" name="Text Box 16"/>
            <p:cNvSpPr txBox="1">
              <a:spLocks noChangeArrowheads="1"/>
            </p:cNvSpPr>
            <p:nvPr/>
          </p:nvSpPr>
          <p:spPr bwMode="auto">
            <a:xfrm>
              <a:off x="4800401" y="1506396"/>
              <a:ext cx="7137595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b="1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Mesma equipe de gestão por 14 anos, </a:t>
              </a: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superando o benchmark em 11 anos</a:t>
              </a:r>
            </a:p>
          </p:txBody>
        </p:sp>
      </p:grpSp>
      <p:sp>
        <p:nvSpPr>
          <p:cNvPr id="33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BRADESCO FI AÇÕES SMALL CAP PLUS</a:t>
            </a:r>
          </a:p>
        </p:txBody>
      </p:sp>
      <p:graphicFrame>
        <p:nvGraphicFramePr>
          <p:cNvPr id="34" name="Tabela 3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607927496"/>
              </p:ext>
            </p:extLst>
          </p:nvPr>
        </p:nvGraphicFramePr>
        <p:xfrm>
          <a:off x="2819047" y="5020741"/>
          <a:ext cx="6743702" cy="1695450"/>
        </p:xfrm>
        <a:graphic>
          <a:graphicData uri="http://schemas.openxmlformats.org/drawingml/2006/table">
            <a:tbl>
              <a:tblPr/>
              <a:tblGrid>
                <a:gridCol w="261814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</a:tblGrid>
              <a:tr h="276225">
                <a:tc rowSpan="2">
                  <a:txBody>
                    <a:bodyPr/>
                    <a:lstStyle/>
                    <a:p>
                      <a:pPr algn="r" fontAlgn="ctr"/>
                      <a:r>
                        <a:rPr lang="pt-BR" sz="18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 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 dirty="0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9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8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7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DESDE INÍCIO*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76225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TOTAL.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ANUAL.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BRADESCO SMALL CAPS PLUS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9,49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3,60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41,92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790,60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6,26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IBOVESPA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0,40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5,03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6,86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317,42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0,34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DISTANCIA DO IBOVESPA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-0,91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8,57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5,06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473,18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5,91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1656753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6" name="Conector reto 5">
            <a:extLst>
              <a:ext uri="{FF2B5EF4-FFF2-40B4-BE49-F238E27FC236}">
                <a16:creationId xmlns:a16="http://schemas.microsoft.com/office/drawing/2014/main" id="{4571F033-93EF-4AAF-ACEB-973FCE525040}"/>
              </a:ext>
            </a:extLst>
          </p:cNvPr>
          <p:cNvCxnSpPr>
            <a:cxnSpLocks/>
          </p:cNvCxnSpPr>
          <p:nvPr/>
        </p:nvCxnSpPr>
        <p:spPr>
          <a:xfrm rot="5400000">
            <a:off x="-1307583" y="5856201"/>
            <a:ext cx="6948000" cy="31099"/>
          </a:xfrm>
          <a:prstGeom prst="line">
            <a:avLst/>
          </a:prstGeom>
          <a:ln w="3175">
            <a:solidFill>
              <a:srgbClr val="08305B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Elipse 6">
            <a:extLst>
              <a:ext uri="{FF2B5EF4-FFF2-40B4-BE49-F238E27FC236}">
                <a16:creationId xmlns:a16="http://schemas.microsoft.com/office/drawing/2014/main" id="{48D1D07E-B56F-420A-978A-C3946D9925B1}"/>
              </a:ext>
            </a:extLst>
          </p:cNvPr>
          <p:cNvSpPr/>
          <p:nvPr/>
        </p:nvSpPr>
        <p:spPr>
          <a:xfrm>
            <a:off x="1973362" y="2086630"/>
            <a:ext cx="468000" cy="468000"/>
          </a:xfrm>
          <a:prstGeom prst="ellipse">
            <a:avLst/>
          </a:pr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8" name="Elipse 7">
            <a:extLst>
              <a:ext uri="{FF2B5EF4-FFF2-40B4-BE49-F238E27FC236}">
                <a16:creationId xmlns:a16="http://schemas.microsoft.com/office/drawing/2014/main" id="{F0996C6D-7ABA-478A-AA55-7AB70219AC2C}"/>
              </a:ext>
            </a:extLst>
          </p:cNvPr>
          <p:cNvSpPr/>
          <p:nvPr/>
        </p:nvSpPr>
        <p:spPr>
          <a:xfrm>
            <a:off x="1965312" y="2950202"/>
            <a:ext cx="468000" cy="468000"/>
          </a:xfrm>
          <a:prstGeom prst="ellipse">
            <a:avLst/>
          </a:pr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9" name="Elipse 8">
            <a:extLst>
              <a:ext uri="{FF2B5EF4-FFF2-40B4-BE49-F238E27FC236}">
                <a16:creationId xmlns:a16="http://schemas.microsoft.com/office/drawing/2014/main" id="{EEB711A3-C890-4DFE-9888-CBC261E0F502}"/>
              </a:ext>
            </a:extLst>
          </p:cNvPr>
          <p:cNvSpPr/>
          <p:nvPr/>
        </p:nvSpPr>
        <p:spPr>
          <a:xfrm>
            <a:off x="1959714" y="3814088"/>
            <a:ext cx="468000" cy="468000"/>
          </a:xfrm>
          <a:prstGeom prst="ellipse">
            <a:avLst/>
          </a:pr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10" name="Elipse 9">
            <a:extLst>
              <a:ext uri="{FF2B5EF4-FFF2-40B4-BE49-F238E27FC236}">
                <a16:creationId xmlns:a16="http://schemas.microsoft.com/office/drawing/2014/main" id="{D4C8AE9A-826D-462D-882D-AAE54644387A}"/>
              </a:ext>
            </a:extLst>
          </p:cNvPr>
          <p:cNvSpPr/>
          <p:nvPr/>
        </p:nvSpPr>
        <p:spPr>
          <a:xfrm>
            <a:off x="1973362" y="4818670"/>
            <a:ext cx="468000" cy="468000"/>
          </a:xfrm>
          <a:prstGeom prst="ellipse">
            <a:avLst/>
          </a:pr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11" name="Elipse 10">
            <a:extLst>
              <a:ext uri="{FF2B5EF4-FFF2-40B4-BE49-F238E27FC236}">
                <a16:creationId xmlns:a16="http://schemas.microsoft.com/office/drawing/2014/main" id="{EEB711A3-C890-4DFE-9888-CBC261E0F502}"/>
              </a:ext>
            </a:extLst>
          </p:cNvPr>
          <p:cNvSpPr/>
          <p:nvPr/>
        </p:nvSpPr>
        <p:spPr>
          <a:xfrm>
            <a:off x="1969559" y="5680939"/>
            <a:ext cx="468000" cy="468000"/>
          </a:xfrm>
          <a:prstGeom prst="ellipse">
            <a:avLst/>
          </a:prstGeom>
          <a:solidFill>
            <a:srgbClr val="0830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18" name="Retângulo 17"/>
          <p:cNvSpPr/>
          <p:nvPr/>
        </p:nvSpPr>
        <p:spPr>
          <a:xfrm>
            <a:off x="2649966" y="2147591"/>
            <a:ext cx="3516618" cy="584775"/>
          </a:xfrm>
          <a:prstGeom prst="rect">
            <a:avLst/>
          </a:prstGeom>
          <a:ln>
            <a:noFill/>
          </a:ln>
        </p:spPr>
        <p:txBody>
          <a:bodyPr vert="horz" wrap="square" lIns="0" tIns="0" rIns="0" bIns="0" rtlCol="0" anchor="t">
            <a:spAutoFit/>
          </a:bodyPr>
          <a:lstStyle/>
          <a:p>
            <a:pPr defTabSz="342900">
              <a:defRPr/>
            </a:pPr>
            <a:r>
              <a:rPr lang="pt-BR" sz="1400" b="1" dirty="0">
                <a:solidFill>
                  <a:srgbClr val="08305B"/>
                </a:solidFill>
                <a:latin typeface="Century Gothic" panose="020B0502020202020204" pitchFamily="34" charset="0"/>
                <a:cs typeface="NewJune-Regular"/>
              </a:rPr>
              <a:t>Independência de pensamento</a:t>
            </a:r>
          </a:p>
          <a:p>
            <a:pPr defTabSz="342900">
              <a:defRPr/>
            </a:pPr>
            <a:r>
              <a:rPr lang="pt-BR" sz="12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Acreditamos na capacidade de tomada de decisão dos nossos gestores.</a:t>
            </a:r>
          </a:p>
        </p:txBody>
      </p:sp>
      <p:sp>
        <p:nvSpPr>
          <p:cNvPr id="21" name="Retângulo 20"/>
          <p:cNvSpPr/>
          <p:nvPr/>
        </p:nvSpPr>
        <p:spPr>
          <a:xfrm>
            <a:off x="2649967" y="3098522"/>
            <a:ext cx="3024623" cy="400110"/>
          </a:xfrm>
          <a:prstGeom prst="rect">
            <a:avLst/>
          </a:prstGeom>
          <a:ln>
            <a:noFill/>
          </a:ln>
        </p:spPr>
        <p:txBody>
          <a:bodyPr vert="horz" wrap="square" lIns="0" tIns="0" rIns="0" bIns="0" rtlCol="0" anchor="t">
            <a:spAutoFit/>
          </a:bodyPr>
          <a:lstStyle/>
          <a:p>
            <a:pPr defTabSz="342900">
              <a:defRPr/>
            </a:pPr>
            <a:r>
              <a:rPr lang="pt-BR" sz="1400" b="1" dirty="0">
                <a:solidFill>
                  <a:srgbClr val="08305B"/>
                </a:solidFill>
                <a:latin typeface="Century Gothic" panose="020B0502020202020204" pitchFamily="34" charset="0"/>
                <a:cs typeface="NewJune-Regular"/>
              </a:rPr>
              <a:t>Excelência na análise</a:t>
            </a:r>
          </a:p>
          <a:p>
            <a:pPr defTabSz="342900">
              <a:defRPr/>
            </a:pPr>
            <a:r>
              <a:rPr lang="pt-BR" sz="12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Acreditamos em análise proprietária.</a:t>
            </a:r>
          </a:p>
        </p:txBody>
      </p:sp>
      <p:sp>
        <p:nvSpPr>
          <p:cNvPr id="24" name="Retângulo 23"/>
          <p:cNvSpPr/>
          <p:nvPr/>
        </p:nvSpPr>
        <p:spPr>
          <a:xfrm>
            <a:off x="2676693" y="3950299"/>
            <a:ext cx="3611811" cy="769441"/>
          </a:xfrm>
          <a:prstGeom prst="rect">
            <a:avLst/>
          </a:prstGeom>
          <a:ln>
            <a:noFill/>
          </a:ln>
        </p:spPr>
        <p:txBody>
          <a:bodyPr vert="horz" wrap="square" lIns="0" tIns="0" rIns="0" bIns="0" rtlCol="0" anchor="t">
            <a:spAutoFit/>
          </a:bodyPr>
          <a:lstStyle/>
          <a:p>
            <a:pPr defTabSz="342900">
              <a:defRPr/>
            </a:pPr>
            <a:r>
              <a:rPr lang="pt-BR" sz="1400" b="1" dirty="0">
                <a:solidFill>
                  <a:srgbClr val="08305B"/>
                </a:solidFill>
                <a:latin typeface="Century Gothic" panose="020B0502020202020204" pitchFamily="34" charset="0"/>
                <a:cs typeface="NewJune-Regular"/>
              </a:rPr>
              <a:t>Cultura de disciplina</a:t>
            </a:r>
          </a:p>
          <a:p>
            <a:pPr defTabSz="342900">
              <a:defRPr/>
            </a:pPr>
            <a:r>
              <a:rPr lang="pt-BR" sz="12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Acreditamos que a disciplina é fator fundamental para se obter desempenho superior no longo prazo.</a:t>
            </a:r>
          </a:p>
        </p:txBody>
      </p:sp>
      <p:sp>
        <p:nvSpPr>
          <p:cNvPr id="27" name="Retângulo 26"/>
          <p:cNvSpPr/>
          <p:nvPr/>
        </p:nvSpPr>
        <p:spPr>
          <a:xfrm>
            <a:off x="2705310" y="4936222"/>
            <a:ext cx="3461274" cy="584775"/>
          </a:xfrm>
          <a:prstGeom prst="rect">
            <a:avLst/>
          </a:prstGeom>
          <a:ln>
            <a:noFill/>
          </a:ln>
        </p:spPr>
        <p:txBody>
          <a:bodyPr vert="horz" wrap="square" lIns="0" tIns="0" rIns="0" bIns="0" rtlCol="0" anchor="t">
            <a:spAutoFit/>
          </a:bodyPr>
          <a:lstStyle/>
          <a:p>
            <a:pPr defTabSz="342900">
              <a:defRPr/>
            </a:pPr>
            <a:r>
              <a:rPr lang="pt-BR" sz="1400" b="1" dirty="0">
                <a:solidFill>
                  <a:srgbClr val="08305B"/>
                </a:solidFill>
                <a:latin typeface="Century Gothic" panose="020B0502020202020204" pitchFamily="34" charset="0"/>
                <a:cs typeface="NewJune-Regular"/>
              </a:rPr>
              <a:t>Aderência aos mandatos</a:t>
            </a:r>
          </a:p>
          <a:p>
            <a:pPr defTabSz="342900">
              <a:defRPr/>
            </a:pPr>
            <a:r>
              <a:rPr lang="pt-BR" sz="12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Acreditamos no mandato certo para cada cliente e com o risco certo.</a:t>
            </a:r>
            <a:endParaRPr lang="pt-BR" sz="1200" b="1" dirty="0">
              <a:solidFill>
                <a:srgbClr val="787878"/>
              </a:solidFill>
              <a:latin typeface="Century Gothic" panose="020B0502020202020204" pitchFamily="34" charset="0"/>
              <a:cs typeface="NewJune-Regular"/>
            </a:endParaRPr>
          </a:p>
        </p:txBody>
      </p:sp>
      <p:sp>
        <p:nvSpPr>
          <p:cNvPr id="30" name="Retângulo 29"/>
          <p:cNvSpPr/>
          <p:nvPr/>
        </p:nvSpPr>
        <p:spPr>
          <a:xfrm>
            <a:off x="2642360" y="5788419"/>
            <a:ext cx="4947161" cy="584775"/>
          </a:xfrm>
          <a:prstGeom prst="rect">
            <a:avLst/>
          </a:prstGeom>
          <a:ln>
            <a:noFill/>
          </a:ln>
        </p:spPr>
        <p:txBody>
          <a:bodyPr vert="horz" wrap="square" lIns="0" tIns="0" rIns="0" bIns="0" rtlCol="0" anchor="t">
            <a:spAutoFit/>
          </a:bodyPr>
          <a:lstStyle/>
          <a:p>
            <a:pPr defTabSz="342900">
              <a:spcBef>
                <a:spcPct val="0"/>
              </a:spcBef>
              <a:defRPr/>
            </a:pPr>
            <a:r>
              <a:rPr lang="pt-BR" sz="1400" b="1" dirty="0">
                <a:solidFill>
                  <a:srgbClr val="08305B"/>
                </a:solidFill>
                <a:latin typeface="Century Gothic" panose="020B0502020202020204" pitchFamily="34" charset="0"/>
                <a:cs typeface="NewJune-Regular"/>
              </a:rPr>
              <a:t>Governança, mensuração e controles rigorosos de risco</a:t>
            </a:r>
          </a:p>
          <a:p>
            <a:pPr defTabSz="342900">
              <a:spcBef>
                <a:spcPct val="0"/>
              </a:spcBef>
              <a:defRPr/>
            </a:pPr>
            <a:r>
              <a:rPr lang="pt-BR" sz="1200" dirty="0">
                <a:solidFill>
                  <a:srgbClr val="787878"/>
                </a:solidFill>
                <a:latin typeface="Century Gothic" panose="020B0502020202020204" pitchFamily="34" charset="0"/>
                <a:cs typeface="NewJune-Regular"/>
              </a:rPr>
              <a:t>Acreditamos que o controle de riscos ajuda o processo de investimento.</a:t>
            </a:r>
          </a:p>
        </p:txBody>
      </p:sp>
      <p:pic>
        <p:nvPicPr>
          <p:cNvPr id="22" name="Imagem 21"/>
          <p:cNvPicPr>
            <a:picLocks noChangeAspect="1"/>
          </p:cNvPicPr>
          <p:nvPr/>
        </p:nvPicPr>
        <p:blipFill>
          <a:blip r:embed="rId2" cstate="print">
            <a:biLevel thresh="2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75270" y="3939691"/>
            <a:ext cx="252000" cy="218149"/>
          </a:xfrm>
          <a:prstGeom prst="rect">
            <a:avLst/>
          </a:prstGeom>
        </p:spPr>
      </p:pic>
      <p:sp>
        <p:nvSpPr>
          <p:cNvPr id="28" name="Retângulo 27"/>
          <p:cNvSpPr/>
          <p:nvPr/>
        </p:nvSpPr>
        <p:spPr>
          <a:xfrm>
            <a:off x="1717286" y="1284659"/>
            <a:ext cx="3946914" cy="4247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 defTabSz="914400">
              <a:lnSpc>
                <a:spcPct val="90000"/>
              </a:lnSpc>
              <a:spcAft>
                <a:spcPts val="900"/>
              </a:spcAft>
              <a:defRPr/>
            </a:pPr>
            <a:r>
              <a:rPr lang="pt-BR" sz="2400" b="1" dirty="0">
                <a:solidFill>
                  <a:srgbClr val="C0C0BF"/>
                </a:solidFill>
                <a:latin typeface="Century Gothic" panose="020B0502020202020204" pitchFamily="34" charset="0"/>
              </a:rPr>
              <a:t>PERFORMANCE E FIDÚCIA</a:t>
            </a:r>
          </a:p>
        </p:txBody>
      </p:sp>
      <p:pic>
        <p:nvPicPr>
          <p:cNvPr id="31" name="Imagem 30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07299" y="2997180"/>
            <a:ext cx="403310" cy="340962"/>
          </a:xfrm>
          <a:prstGeom prst="rect">
            <a:avLst/>
          </a:prstGeom>
        </p:spPr>
      </p:pic>
      <p:pic>
        <p:nvPicPr>
          <p:cNvPr id="32" name="Imagem 31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20005" y="4898421"/>
            <a:ext cx="347418" cy="297235"/>
          </a:xfrm>
          <a:prstGeom prst="rect">
            <a:avLst/>
          </a:prstGeom>
        </p:spPr>
      </p:pic>
      <p:pic>
        <p:nvPicPr>
          <p:cNvPr id="34" name="Imagem 33"/>
          <p:cNvPicPr>
            <a:picLocks noChangeAspect="1"/>
          </p:cNvPicPr>
          <p:nvPr/>
        </p:nvPicPr>
        <p:blipFill>
          <a:blip r:embed="rId5" cstate="print">
            <a:biLevel thresh="2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993108" y="5719440"/>
            <a:ext cx="399833" cy="342146"/>
          </a:xfrm>
          <a:prstGeom prst="rect">
            <a:avLst/>
          </a:prstGeom>
        </p:spPr>
      </p:pic>
      <p:pic>
        <p:nvPicPr>
          <p:cNvPr id="36" name="Imagem 35"/>
          <p:cNvPicPr>
            <a:picLocks noChangeAspect="1"/>
          </p:cNvPicPr>
          <p:nvPr/>
        </p:nvPicPr>
        <p:blipFill>
          <a:blip r:embed="rId6" cstate="print">
            <a:biLevel thresh="2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32237" y="2128043"/>
            <a:ext cx="350962" cy="300326"/>
          </a:xfrm>
          <a:prstGeom prst="rect">
            <a:avLst/>
          </a:prstGeom>
        </p:spPr>
      </p:pic>
      <p:sp>
        <p:nvSpPr>
          <p:cNvPr id="19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674590" y="235965"/>
            <a:ext cx="2940021" cy="349339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PRINCIPIOS</a:t>
            </a:r>
          </a:p>
        </p:txBody>
      </p:sp>
    </p:spTree>
    <p:extLst>
      <p:ext uri="{BB962C8B-B14F-4D97-AF65-F5344CB8AC3E}">
        <p14:creationId xmlns:p14="http://schemas.microsoft.com/office/powerpoint/2010/main" val="9574595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nodeType="withEffect">
                                  <p:stCondLst>
                                    <p:cond delay="27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9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0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25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40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45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45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55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nodeType="withEffect">
                                  <p:stCondLst>
                                    <p:cond delay="6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1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625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70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10" presetClass="entr" presetSubtype="0" fill="hold" nodeType="withEffect">
                                  <p:stCondLst>
                                    <p:cond delay="775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10" presetClass="entr" presetSubtype="0" fill="hold" grpId="0" nodeType="withEffect">
                                  <p:stCondLst>
                                    <p:cond delay="775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1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 animBg="1"/>
      <p:bldP spid="9" grpId="0" animBg="1"/>
      <p:bldP spid="10" grpId="0" animBg="1"/>
      <p:bldP spid="11" grpId="0" animBg="1"/>
      <p:bldP spid="18" grpId="0"/>
      <p:bldP spid="21" grpId="0"/>
      <p:bldP spid="24" grpId="0"/>
      <p:bldP spid="27" grpId="0"/>
      <p:bldP spid="30" grpId="0"/>
      <p:bldP spid="28" grpId="0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  <p:sp>
        <p:nvSpPr>
          <p:cNvPr id="5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BRADESCO FI AÇÕES SELECTION</a:t>
            </a:r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05897" y="1818168"/>
            <a:ext cx="8064235" cy="448307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7" name="Conector de seta reta 6"/>
          <p:cNvCxnSpPr/>
          <p:nvPr/>
        </p:nvCxnSpPr>
        <p:spPr>
          <a:xfrm flipV="1">
            <a:off x="3894469" y="3274829"/>
            <a:ext cx="2673705" cy="1127053"/>
          </a:xfrm>
          <a:prstGeom prst="straightConnector1">
            <a:avLst/>
          </a:prstGeom>
          <a:ln w="4445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CaixaDeTexto 7"/>
          <p:cNvSpPr txBox="1"/>
          <p:nvPr/>
        </p:nvSpPr>
        <p:spPr>
          <a:xfrm>
            <a:off x="3658598" y="3374335"/>
            <a:ext cx="1793157" cy="369332"/>
          </a:xfrm>
          <a:prstGeom prst="rect">
            <a:avLst/>
          </a:prstGeom>
          <a:noFill/>
          <a:ln w="4445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pt-BR" b="1" dirty="0">
                <a:solidFill>
                  <a:schemeClr val="bg1">
                    <a:lumMod val="10000"/>
                  </a:schemeClr>
                </a:solidFill>
              </a:rPr>
              <a:t>Alpha de 13,6%</a:t>
            </a:r>
            <a:endParaRPr lang="pt-BR" dirty="0">
              <a:solidFill>
                <a:schemeClr val="bg1">
                  <a:lumMod val="10000"/>
                </a:schemeClr>
              </a:solidFill>
            </a:endParaRPr>
          </a:p>
        </p:txBody>
      </p:sp>
      <p:cxnSp>
        <p:nvCxnSpPr>
          <p:cNvPr id="9" name="Conector de seta reta 8"/>
          <p:cNvCxnSpPr/>
          <p:nvPr/>
        </p:nvCxnSpPr>
        <p:spPr>
          <a:xfrm>
            <a:off x="6568174" y="3274829"/>
            <a:ext cx="899427" cy="468839"/>
          </a:xfrm>
          <a:prstGeom prst="straightConnector1">
            <a:avLst/>
          </a:prstGeom>
          <a:ln w="4445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CaixaDeTexto 16"/>
          <p:cNvSpPr txBox="1"/>
          <p:nvPr/>
        </p:nvSpPr>
        <p:spPr>
          <a:xfrm>
            <a:off x="6117630" y="2853341"/>
            <a:ext cx="1793157" cy="369332"/>
          </a:xfrm>
          <a:prstGeom prst="rect">
            <a:avLst/>
          </a:prstGeom>
          <a:noFill/>
          <a:ln w="4445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pt-BR" b="1" dirty="0">
                <a:solidFill>
                  <a:schemeClr val="bg1">
                    <a:lumMod val="10000"/>
                  </a:schemeClr>
                </a:solidFill>
              </a:rPr>
              <a:t>Alpha de 4,8%</a:t>
            </a:r>
            <a:endParaRPr lang="pt-BR" dirty="0">
              <a:solidFill>
                <a:schemeClr val="bg1">
                  <a:lumMod val="1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43312100"/>
      </p:ext>
    </p:extLst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Retângulo 33"/>
          <p:cNvSpPr/>
          <p:nvPr/>
        </p:nvSpPr>
        <p:spPr>
          <a:xfrm>
            <a:off x="2066079" y="1580469"/>
            <a:ext cx="8075650" cy="805617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schemeClr val="bg1">
                  <a:lumMod val="85000"/>
                </a:schemeClr>
              </a:solidFill>
              <a:latin typeface="Century Gothic" panose="020B0502020202020204" pitchFamily="34" charset="0"/>
            </a:endParaRPr>
          </a:p>
        </p:txBody>
      </p:sp>
      <p:grpSp>
        <p:nvGrpSpPr>
          <p:cNvPr id="5" name="Agrupar 8"/>
          <p:cNvGrpSpPr/>
          <p:nvPr/>
        </p:nvGrpSpPr>
        <p:grpSpPr>
          <a:xfrm>
            <a:off x="2071014" y="2388719"/>
            <a:ext cx="8118732" cy="630000"/>
            <a:chOff x="4614101" y="1559414"/>
            <a:chExt cx="7338173" cy="748854"/>
          </a:xfrm>
        </p:grpSpPr>
        <p:grpSp>
          <p:nvGrpSpPr>
            <p:cNvPr id="6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8" name="Retângulo 7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9" name="Retângulo 8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7" name="Text Box 16"/>
            <p:cNvSpPr txBox="1">
              <a:spLocks noChangeArrowheads="1"/>
            </p:cNvSpPr>
            <p:nvPr/>
          </p:nvSpPr>
          <p:spPr bwMode="auto">
            <a:xfrm>
              <a:off x="4800400" y="1609841"/>
              <a:ext cx="7151874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Agilidade é fundamental para gerar retornos consistentes em mercados voláteis </a:t>
              </a:r>
            </a:p>
          </p:txBody>
        </p:sp>
      </p:grpSp>
      <p:grpSp>
        <p:nvGrpSpPr>
          <p:cNvPr id="16" name="Agrupar 8"/>
          <p:cNvGrpSpPr/>
          <p:nvPr/>
        </p:nvGrpSpPr>
        <p:grpSpPr>
          <a:xfrm>
            <a:off x="2071015" y="3118286"/>
            <a:ext cx="8102939" cy="712800"/>
            <a:chOff x="4614101" y="1559414"/>
            <a:chExt cx="7323898" cy="748854"/>
          </a:xfrm>
        </p:grpSpPr>
        <p:grpSp>
          <p:nvGrpSpPr>
            <p:cNvPr id="17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19" name="Retângulo 18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22" name="Retângulo 21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18" name="Text Box 16"/>
            <p:cNvSpPr txBox="1">
              <a:spLocks noChangeArrowheads="1"/>
            </p:cNvSpPr>
            <p:nvPr/>
          </p:nvSpPr>
          <p:spPr bwMode="auto">
            <a:xfrm>
              <a:off x="4800401" y="1609841"/>
              <a:ext cx="7137594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Capacidade de adaptação aos diversos tipos de mercado, incluindo o uso de derivativos para proteção</a:t>
              </a:r>
            </a:p>
          </p:txBody>
        </p:sp>
      </p:grpSp>
      <p:grpSp>
        <p:nvGrpSpPr>
          <p:cNvPr id="23" name="Agrupar 8"/>
          <p:cNvGrpSpPr/>
          <p:nvPr/>
        </p:nvGrpSpPr>
        <p:grpSpPr>
          <a:xfrm>
            <a:off x="2071015" y="1574179"/>
            <a:ext cx="8102939" cy="712800"/>
            <a:chOff x="4614101" y="1559414"/>
            <a:chExt cx="7323898" cy="748854"/>
          </a:xfrm>
        </p:grpSpPr>
        <p:grpSp>
          <p:nvGrpSpPr>
            <p:cNvPr id="24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26" name="Retângulo 25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27" name="Retângulo 26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25" name="Text Box 16"/>
            <p:cNvSpPr txBox="1">
              <a:spLocks noChangeArrowheads="1"/>
            </p:cNvSpPr>
            <p:nvPr/>
          </p:nvSpPr>
          <p:spPr bwMode="auto">
            <a:xfrm>
              <a:off x="4800400" y="1609841"/>
              <a:ext cx="7137595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Combinação dinâmica entre posições estruturais de longo prazo e posições táticas buscando assimetrias de curto e médio prazo</a:t>
              </a:r>
            </a:p>
          </p:txBody>
        </p:sp>
      </p:grpSp>
      <p:grpSp>
        <p:nvGrpSpPr>
          <p:cNvPr id="28" name="Agrupar 25"/>
          <p:cNvGrpSpPr/>
          <p:nvPr/>
        </p:nvGrpSpPr>
        <p:grpSpPr>
          <a:xfrm>
            <a:off x="2071014" y="3871330"/>
            <a:ext cx="8102936" cy="666266"/>
            <a:chOff x="4614101" y="1506396"/>
            <a:chExt cx="7323895" cy="657810"/>
          </a:xfrm>
        </p:grpSpPr>
        <p:grpSp>
          <p:nvGrpSpPr>
            <p:cNvPr id="29" name="Agrupar 26"/>
            <p:cNvGrpSpPr/>
            <p:nvPr/>
          </p:nvGrpSpPr>
          <p:grpSpPr>
            <a:xfrm>
              <a:off x="4614101" y="1559414"/>
              <a:ext cx="7323895" cy="604792"/>
              <a:chOff x="4614101" y="1559414"/>
              <a:chExt cx="7323895" cy="604792"/>
            </a:xfrm>
          </p:grpSpPr>
          <p:sp>
            <p:nvSpPr>
              <p:cNvPr id="31" name="Retângulo 30"/>
              <p:cNvSpPr/>
              <p:nvPr/>
            </p:nvSpPr>
            <p:spPr>
              <a:xfrm flipH="1">
                <a:off x="4671417" y="1559415"/>
                <a:ext cx="7266579" cy="604791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32" name="Retângulo 31"/>
              <p:cNvSpPr/>
              <p:nvPr/>
            </p:nvSpPr>
            <p:spPr>
              <a:xfrm>
                <a:off x="4614101" y="1559414"/>
                <a:ext cx="72000" cy="604792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30" name="Text Box 16"/>
            <p:cNvSpPr txBox="1">
              <a:spLocks noChangeArrowheads="1"/>
            </p:cNvSpPr>
            <p:nvPr/>
          </p:nvSpPr>
          <p:spPr bwMode="auto">
            <a:xfrm>
              <a:off x="4800401" y="1506396"/>
              <a:ext cx="7137595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Carteira concentrada, sem vínculo com benchmarks específicos</a:t>
              </a:r>
            </a:p>
          </p:txBody>
        </p:sp>
      </p:grpSp>
      <p:sp>
        <p:nvSpPr>
          <p:cNvPr id="33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BRADESCO FI AÇÕES SELECTION</a:t>
            </a:r>
          </a:p>
        </p:txBody>
      </p:sp>
      <p:graphicFrame>
        <p:nvGraphicFramePr>
          <p:cNvPr id="3" name="Tabela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900602313"/>
              </p:ext>
            </p:extLst>
          </p:nvPr>
        </p:nvGraphicFramePr>
        <p:xfrm>
          <a:off x="2732053" y="4882242"/>
          <a:ext cx="6743702" cy="1695450"/>
        </p:xfrm>
        <a:graphic>
          <a:graphicData uri="http://schemas.openxmlformats.org/drawingml/2006/table">
            <a:tbl>
              <a:tblPr/>
              <a:tblGrid>
                <a:gridCol w="261814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</a:tblGrid>
              <a:tr h="276225">
                <a:tc rowSpan="2">
                  <a:txBody>
                    <a:bodyPr/>
                    <a:lstStyle/>
                    <a:p>
                      <a:pPr algn="r" fontAlgn="ctr"/>
                      <a:r>
                        <a:rPr lang="pt-BR" sz="1800" b="0" i="0" u="none" strike="noStrike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 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9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8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7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DESDE INÍCIO*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76225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TOTAL.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ANUAL.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BRADESCO FI AÇÕES SELECTION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7,31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6,08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34,00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565,13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1,14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IBOVESPA</a:t>
                      </a: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0,40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5,03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6,86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344,91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8,68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DISTANCIA DO IBOVESPA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-3,09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1,05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7,14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20,22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,46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201998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" grpId="0" animBg="1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3370111"/>
            <a:ext cx="6307684" cy="21236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FUNDO BRADESCO</a:t>
            </a:r>
          </a:p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CARTEIRA IMOBILIÁRIA</a:t>
            </a:r>
          </a:p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ATIVA (BCIA11)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</a:p>
        </p:txBody>
      </p:sp>
    </p:spTree>
    <p:extLst>
      <p:ext uri="{BB962C8B-B14F-4D97-AF65-F5344CB8AC3E}">
        <p14:creationId xmlns:p14="http://schemas.microsoft.com/office/powerpoint/2010/main" val="173019212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Retângulo 33"/>
          <p:cNvSpPr/>
          <p:nvPr/>
        </p:nvSpPr>
        <p:spPr>
          <a:xfrm>
            <a:off x="2066079" y="1662646"/>
            <a:ext cx="8075650" cy="57795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/>
            </a:endParaRP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11" name="CaixaDeTexto 10"/>
          <p:cNvSpPr txBox="1"/>
          <p:nvPr/>
        </p:nvSpPr>
        <p:spPr>
          <a:xfrm>
            <a:off x="10353270" y="6577693"/>
            <a:ext cx="26321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defRPr/>
            </a:pPr>
            <a:r>
              <a:rPr lang="pt-BR" sz="1200" dirty="0">
                <a:solidFill>
                  <a:prstClr val="black"/>
                </a:solidFill>
                <a:latin typeface="Calibri"/>
              </a:rPr>
              <a:t>7</a:t>
            </a:r>
          </a:p>
        </p:txBody>
      </p:sp>
      <p:grpSp>
        <p:nvGrpSpPr>
          <p:cNvPr id="5" name="Agrupar 8"/>
          <p:cNvGrpSpPr/>
          <p:nvPr/>
        </p:nvGrpSpPr>
        <p:grpSpPr>
          <a:xfrm>
            <a:off x="2071014" y="2290770"/>
            <a:ext cx="8118732" cy="435600"/>
            <a:chOff x="4614101" y="1559414"/>
            <a:chExt cx="7338173" cy="748854"/>
          </a:xfrm>
        </p:grpSpPr>
        <p:grpSp>
          <p:nvGrpSpPr>
            <p:cNvPr id="6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8" name="Retângulo 7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9" name="Retângulo 8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7" name="Text Box 16"/>
            <p:cNvSpPr txBox="1">
              <a:spLocks noChangeArrowheads="1"/>
            </p:cNvSpPr>
            <p:nvPr/>
          </p:nvSpPr>
          <p:spPr bwMode="auto">
            <a:xfrm>
              <a:off x="4800400" y="1609841"/>
              <a:ext cx="7151874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Gestão ativa do portfolio com diversificação por tipo de ativos, setores e regiões</a:t>
              </a:r>
            </a:p>
          </p:txBody>
        </p:sp>
      </p:grpSp>
      <p:grpSp>
        <p:nvGrpSpPr>
          <p:cNvPr id="16" name="Agrupar 8"/>
          <p:cNvGrpSpPr/>
          <p:nvPr/>
        </p:nvGrpSpPr>
        <p:grpSpPr>
          <a:xfrm>
            <a:off x="2071015" y="2835271"/>
            <a:ext cx="8102939" cy="820796"/>
            <a:chOff x="4614101" y="1559414"/>
            <a:chExt cx="7323898" cy="748854"/>
          </a:xfrm>
        </p:grpSpPr>
        <p:grpSp>
          <p:nvGrpSpPr>
            <p:cNvPr id="17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19" name="Retângulo 18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22" name="Retângulo 21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18" name="Text Box 16"/>
            <p:cNvSpPr txBox="1">
              <a:spLocks noChangeArrowheads="1"/>
            </p:cNvSpPr>
            <p:nvPr/>
          </p:nvSpPr>
          <p:spPr bwMode="auto">
            <a:xfrm>
              <a:off x="4800401" y="1609841"/>
              <a:ext cx="7137594" cy="648000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Capacidade de operar os ciclos do mercado, sem o investimento direto no imóvel</a:t>
              </a:r>
            </a:p>
          </p:txBody>
        </p:sp>
      </p:grpSp>
      <p:grpSp>
        <p:nvGrpSpPr>
          <p:cNvPr id="23" name="Agrupar 8"/>
          <p:cNvGrpSpPr/>
          <p:nvPr/>
        </p:nvGrpSpPr>
        <p:grpSpPr>
          <a:xfrm>
            <a:off x="2071015" y="1748083"/>
            <a:ext cx="8102939" cy="435600"/>
            <a:chOff x="4614101" y="1559414"/>
            <a:chExt cx="7323898" cy="748854"/>
          </a:xfrm>
        </p:grpSpPr>
        <p:grpSp>
          <p:nvGrpSpPr>
            <p:cNvPr id="24" name="Agrupar 9"/>
            <p:cNvGrpSpPr/>
            <p:nvPr/>
          </p:nvGrpSpPr>
          <p:grpSpPr>
            <a:xfrm>
              <a:off x="4614101" y="1559414"/>
              <a:ext cx="7323898" cy="748854"/>
              <a:chOff x="4614101" y="1559414"/>
              <a:chExt cx="7323898" cy="748854"/>
            </a:xfrm>
          </p:grpSpPr>
          <p:sp>
            <p:nvSpPr>
              <p:cNvPr id="26" name="Retângulo 25"/>
              <p:cNvSpPr/>
              <p:nvPr/>
            </p:nvSpPr>
            <p:spPr>
              <a:xfrm flipH="1">
                <a:off x="4671420" y="1559414"/>
                <a:ext cx="7266579" cy="748854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27" name="Retângulo 26"/>
              <p:cNvSpPr/>
              <p:nvPr/>
            </p:nvSpPr>
            <p:spPr>
              <a:xfrm>
                <a:off x="4614101" y="1559414"/>
                <a:ext cx="72000" cy="748854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25" name="Text Box 16"/>
            <p:cNvSpPr txBox="1">
              <a:spLocks noChangeArrowheads="1"/>
            </p:cNvSpPr>
            <p:nvPr/>
          </p:nvSpPr>
          <p:spPr bwMode="auto">
            <a:xfrm>
              <a:off x="4800400" y="1609841"/>
              <a:ext cx="7137595" cy="647999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Fonte alternativa de rendimentos</a:t>
              </a:r>
            </a:p>
          </p:txBody>
        </p:sp>
      </p:grpSp>
      <p:grpSp>
        <p:nvGrpSpPr>
          <p:cNvPr id="28" name="Agrupar 25"/>
          <p:cNvGrpSpPr/>
          <p:nvPr/>
        </p:nvGrpSpPr>
        <p:grpSpPr>
          <a:xfrm>
            <a:off x="2071014" y="3763616"/>
            <a:ext cx="8102936" cy="435600"/>
            <a:chOff x="4614101" y="1517496"/>
            <a:chExt cx="7323895" cy="647999"/>
          </a:xfrm>
        </p:grpSpPr>
        <p:grpSp>
          <p:nvGrpSpPr>
            <p:cNvPr id="29" name="Agrupar 26"/>
            <p:cNvGrpSpPr/>
            <p:nvPr/>
          </p:nvGrpSpPr>
          <p:grpSpPr>
            <a:xfrm>
              <a:off x="4614101" y="1559414"/>
              <a:ext cx="7323895" cy="604792"/>
              <a:chOff x="4614101" y="1559414"/>
              <a:chExt cx="7323895" cy="604792"/>
            </a:xfrm>
          </p:grpSpPr>
          <p:sp>
            <p:nvSpPr>
              <p:cNvPr id="31" name="Retângulo 30"/>
              <p:cNvSpPr/>
              <p:nvPr/>
            </p:nvSpPr>
            <p:spPr>
              <a:xfrm flipH="1">
                <a:off x="4671417" y="1559415"/>
                <a:ext cx="7266579" cy="604791"/>
              </a:xfrm>
              <a:prstGeom prst="rect">
                <a:avLst/>
              </a:prstGeom>
              <a:gradFill>
                <a:gsLst>
                  <a:gs pos="85000">
                    <a:schemeClr val="bg2">
                      <a:lumMod val="95000"/>
                      <a:alpha val="22000"/>
                    </a:schemeClr>
                  </a:gs>
                  <a:gs pos="37000">
                    <a:schemeClr val="tx2">
                      <a:lumMod val="50000"/>
                      <a:alpha val="32000"/>
                    </a:schemeClr>
                  </a:gs>
                </a:gsLst>
                <a:lin ang="12000000" scaled="0"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  <p:sp>
            <p:nvSpPr>
              <p:cNvPr id="32" name="Retângulo 31"/>
              <p:cNvSpPr/>
              <p:nvPr/>
            </p:nvSpPr>
            <p:spPr>
              <a:xfrm>
                <a:off x="4614101" y="1559414"/>
                <a:ext cx="72000" cy="604792"/>
              </a:xfrm>
              <a:prstGeom prst="rect">
                <a:avLst/>
              </a:prstGeom>
              <a:solidFill>
                <a:srgbClr val="08305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marL="285750" indent="-285750" algn="ctr" defTabSz="914400">
                  <a:buSzPct val="80000"/>
                  <a:buFont typeface="Wingdings" panose="05000000000000000000" pitchFamily="2" charset="2"/>
                  <a:buChar char="v"/>
                  <a:defRPr/>
                </a:pPr>
                <a:endParaRPr lang="pt-BR" sz="1500">
                  <a:solidFill>
                    <a:srgbClr val="757371">
                      <a:lumMod val="50000"/>
                    </a:srgbClr>
                  </a:solidFill>
                  <a:latin typeface="Century Gothic" panose="020B0502020202020204" pitchFamily="34" charset="0"/>
                </a:endParaRPr>
              </a:p>
            </p:txBody>
          </p:sp>
        </p:grpSp>
        <p:sp>
          <p:nvSpPr>
            <p:cNvPr id="30" name="Text Box 16"/>
            <p:cNvSpPr txBox="1">
              <a:spLocks noChangeArrowheads="1"/>
            </p:cNvSpPr>
            <p:nvPr/>
          </p:nvSpPr>
          <p:spPr bwMode="auto">
            <a:xfrm>
              <a:off x="4800401" y="1517496"/>
              <a:ext cx="7137595" cy="647999"/>
            </a:xfrm>
            <a:prstGeom prst="round2DiagRect">
              <a:avLst>
                <a:gd name="adj1" fmla="val 0"/>
                <a:gd name="adj2" fmla="val 13498"/>
              </a:avLst>
            </a:prstGeom>
            <a:noFill/>
            <a:ln w="12700" algn="ctr">
              <a:noFill/>
              <a:miter lim="800000"/>
              <a:headEnd/>
              <a:tailEnd/>
            </a:ln>
          </p:spPr>
          <p:txBody>
            <a:bodyPr wrap="square" lIns="0" tIns="0" rIns="0" bIns="0" anchor="ctr" anchorCtr="0">
              <a:noAutofit/>
            </a:bodyPr>
            <a:lstStyle/>
            <a:p>
              <a:pPr marL="285750" indent="-285750" defTabSz="914400">
                <a:buClr>
                  <a:srgbClr val="560015"/>
                </a:buClr>
                <a:buSzPct val="80000"/>
                <a:buFont typeface="Wingdings" panose="05000000000000000000" pitchFamily="2" charset="2"/>
                <a:buChar char="v"/>
                <a:defRPr/>
              </a:pPr>
              <a:r>
                <a:rPr lang="pt-BR" sz="1500" dirty="0">
                  <a:solidFill>
                    <a:srgbClr val="DFDFDF">
                      <a:lumMod val="10000"/>
                    </a:srgbClr>
                  </a:solidFill>
                  <a:latin typeface="Century Gothic" panose="020B0502020202020204" pitchFamily="34" charset="0"/>
                </a:rPr>
                <a:t>Portfolio com diversificação geográfica e por segmentos </a:t>
              </a:r>
            </a:p>
          </p:txBody>
        </p:sp>
      </p:grpSp>
      <p:sp>
        <p:nvSpPr>
          <p:cNvPr id="33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BRADESCO CARTEIRA IMOBILIÁRIA ATIVA – BCIA11</a:t>
            </a:r>
          </a:p>
        </p:txBody>
      </p:sp>
      <p:graphicFrame>
        <p:nvGraphicFramePr>
          <p:cNvPr id="35" name="Tabela 3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568558027"/>
              </p:ext>
            </p:extLst>
          </p:nvPr>
        </p:nvGraphicFramePr>
        <p:xfrm>
          <a:off x="2732053" y="4705970"/>
          <a:ext cx="6743702" cy="1314450"/>
        </p:xfrm>
        <a:graphic>
          <a:graphicData uri="http://schemas.openxmlformats.org/drawingml/2006/table">
            <a:tbl>
              <a:tblPr/>
              <a:tblGrid>
                <a:gridCol w="261814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825112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</a:tblGrid>
              <a:tr h="276225">
                <a:tc rowSpan="2">
                  <a:txBody>
                    <a:bodyPr/>
                    <a:lstStyle/>
                    <a:p>
                      <a:pPr algn="r" fontAlgn="ctr"/>
                      <a:r>
                        <a:rPr lang="pt-BR" sz="1800" b="0" i="0" u="none" strike="noStrike" dirty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 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en-US" sz="1600" b="1" i="0" u="none" strike="noStrike" dirty="0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MAIO</a:t>
                      </a:r>
                      <a:endParaRPr lang="pt-BR" sz="1600" b="1" i="0" u="none" strike="noStrike" dirty="0">
                        <a:solidFill>
                          <a:srgbClr val="003260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 dirty="0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2019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 dirty="0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12 MESES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2"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 dirty="0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DESDE INÍCIO*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76225"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pt-BR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 dirty="0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TOTAL.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600" b="1" i="0" u="none" strike="noStrike" dirty="0">
                          <a:solidFill>
                            <a:srgbClr val="003260"/>
                          </a:solidFill>
                          <a:effectLst/>
                          <a:latin typeface="Calibri"/>
                        </a:rPr>
                        <a:t>ANUAL.</a:t>
                      </a:r>
                    </a:p>
                  </a:txBody>
                  <a:tcPr marL="9525" marR="9525" marT="9525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en-US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BCIA11</a:t>
                      </a:r>
                      <a:endParaRPr lang="pt-BR" sz="1400" b="0" i="0" u="none" strike="noStrike" dirty="0">
                        <a:solidFill>
                          <a:srgbClr val="383838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,89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6,81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5,28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en-US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74,04%</a:t>
                      </a:r>
                      <a:endParaRPr lang="pt-BR" sz="1400" b="0" i="0" u="none" strike="noStrike" dirty="0">
                        <a:solidFill>
                          <a:srgbClr val="383838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1,94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56001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FBFB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81000">
                <a:tc>
                  <a:txBody>
                    <a:bodyPr/>
                    <a:lstStyle/>
                    <a:p>
                      <a:pPr algn="l" rtl="0" fontAlgn="ctr"/>
                      <a:r>
                        <a:rPr lang="en-US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CDI</a:t>
                      </a:r>
                      <a:endParaRPr lang="pt-BR" sz="1400" b="0" i="0" u="none" strike="noStrike" dirty="0">
                        <a:solidFill>
                          <a:srgbClr val="383838"/>
                        </a:solidFill>
                        <a:effectLst/>
                        <a:latin typeface="Calibri"/>
                      </a:endParaRPr>
                    </a:p>
                  </a:txBody>
                  <a:tcPr marL="9525" marR="9525" marT="9525" marB="0"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0,54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2,59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6,37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48,45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rtl="0" fontAlgn="ctr"/>
                      <a:r>
                        <a:rPr lang="pt-BR" sz="1400" b="0" i="0" u="none" strike="noStrike" dirty="0">
                          <a:solidFill>
                            <a:srgbClr val="383838"/>
                          </a:solidFill>
                          <a:effectLst/>
                          <a:latin typeface="Calibri"/>
                        </a:rPr>
                        <a:t>15,19%</a:t>
                      </a:r>
                    </a:p>
                  </a:txBody>
                  <a:tcPr marL="9525" marR="9525" marT="9525" marB="0" anchor="ctr">
                    <a:lnL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</a:tbl>
          </a:graphicData>
        </a:graphic>
      </p:graphicFrame>
      <p:sp>
        <p:nvSpPr>
          <p:cNvPr id="3" name="CaixaDeTexto 2"/>
          <p:cNvSpPr txBox="1"/>
          <p:nvPr/>
        </p:nvSpPr>
        <p:spPr>
          <a:xfrm>
            <a:off x="2277131" y="6376087"/>
            <a:ext cx="490626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1400" dirty="0">
                <a:solidFill>
                  <a:prstClr val="black"/>
                </a:solidFill>
                <a:latin typeface="Calibri"/>
              </a:rPr>
              <a:t>Obs.: Rentabilidade da cota patrimonial ajustada por provento</a:t>
            </a:r>
          </a:p>
        </p:txBody>
      </p:sp>
    </p:spTree>
    <p:extLst>
      <p:ext uri="{BB962C8B-B14F-4D97-AF65-F5344CB8AC3E}">
        <p14:creationId xmlns:p14="http://schemas.microsoft.com/office/powerpoint/2010/main" val="218793144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" grpId="0" animBg="1"/>
    </p:bld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en-US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COMO INVESTIR?</a:t>
            </a:r>
            <a:endParaRPr lang="pt-BR" sz="1400" dirty="0">
              <a:solidFill>
                <a:prstClr val="white">
                  <a:lumMod val="85000"/>
                </a:prstClr>
              </a:solidFill>
              <a:latin typeface="Century Gothic" panose="020B0502020202020204" pitchFamily="34" charset="0"/>
            </a:endParaRPr>
          </a:p>
        </p:txBody>
      </p:sp>
      <p:sp>
        <p:nvSpPr>
          <p:cNvPr id="11" name="CaixaDeTexto 10"/>
          <p:cNvSpPr txBox="1"/>
          <p:nvPr/>
        </p:nvSpPr>
        <p:spPr>
          <a:xfrm>
            <a:off x="10353270" y="6577693"/>
            <a:ext cx="26321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defRPr/>
            </a:pPr>
            <a:r>
              <a:rPr lang="pt-BR" sz="1200" dirty="0">
                <a:solidFill>
                  <a:prstClr val="black"/>
                </a:solidFill>
                <a:latin typeface="Calibri"/>
              </a:rPr>
              <a:t>7</a:t>
            </a:r>
          </a:p>
        </p:txBody>
      </p:sp>
      <p:sp>
        <p:nvSpPr>
          <p:cNvPr id="33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578892" y="225332"/>
            <a:ext cx="5089108" cy="331095"/>
          </a:xfrm>
          <a:prstGeom prst="rect">
            <a:avLst/>
          </a:prstGeom>
          <a:solidFill>
            <a:schemeClr val="bg1"/>
          </a:solidFill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00000"/>
              </a:lnSpc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BRADESCO CARTEIRA IMOBILIÁRIA ATIVA – BCIA11</a:t>
            </a:r>
          </a:p>
        </p:txBody>
      </p:sp>
      <p:graphicFrame>
        <p:nvGraphicFramePr>
          <p:cNvPr id="36" name="Gráfico 35"/>
          <p:cNvGraphicFramePr>
            <a:graphicFrameLocks/>
          </p:cNvGraphicFramePr>
          <p:nvPr>
            <p:extLst/>
          </p:nvPr>
        </p:nvGraphicFramePr>
        <p:xfrm>
          <a:off x="2151797" y="1931530"/>
          <a:ext cx="4517409" cy="349382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37" name="Tabela 36"/>
          <p:cNvGraphicFramePr>
            <a:graphicFrameLocks noGrp="1"/>
          </p:cNvGraphicFramePr>
          <p:nvPr>
            <p:extLst/>
          </p:nvPr>
        </p:nvGraphicFramePr>
        <p:xfrm>
          <a:off x="7270370" y="2627248"/>
          <a:ext cx="2984883" cy="2417445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2183194">
                  <a:extLst>
                    <a:ext uri="{9D8B030D-6E8A-4147-A177-3AD203B41FA5}">
                      <a16:colId xmlns:a16="http://schemas.microsoft.com/office/drawing/2014/main" val="3803299743"/>
                    </a:ext>
                  </a:extLst>
                </a:gridCol>
                <a:gridCol w="801689">
                  <a:extLst>
                    <a:ext uri="{9D8B030D-6E8A-4147-A177-3AD203B41FA5}">
                      <a16:colId xmlns:a16="http://schemas.microsoft.com/office/drawing/2014/main" val="1369071372"/>
                    </a:ext>
                  </a:extLst>
                </a:gridCol>
              </a:tblGrid>
              <a:tr h="242246">
                <a:tc>
                  <a:txBody>
                    <a:bodyPr/>
                    <a:lstStyle/>
                    <a:p>
                      <a:pPr algn="l" fontAlgn="b"/>
                      <a:r>
                        <a:rPr lang="pt-BR" sz="1700" b="1" i="0" u="none" strike="noStrike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Segmento</a:t>
                      </a:r>
                      <a:r>
                        <a:rPr lang="pt-BR" sz="1700" b="1" i="0" u="none" strike="noStrike" baseline="0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 FII</a:t>
                      </a:r>
                      <a:endParaRPr lang="pt-BR" sz="1700" b="1" i="0" u="none" strike="noStrike" dirty="0">
                        <a:solidFill>
                          <a:schemeClr val="bg2"/>
                        </a:solidFill>
                        <a:effectLst/>
                        <a:latin typeface="Century Gothic" panose="020B0502020202020204" pitchFamily="34" charset="0"/>
                      </a:endParaRPr>
                    </a:p>
                  </a:txBody>
                  <a:tcPr marL="9525" marR="9525" marT="9525" marB="0" anchor="b">
                    <a:solidFill>
                      <a:srgbClr val="560015"/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pt-BR" sz="1700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  <a:ea typeface="Calibri" panose="020F0502020204030204" pitchFamily="34" charset="0"/>
                          <a:cs typeface="Times New Roman" panose="02020603050405020304" pitchFamily="18" charset="0"/>
                        </a:rPr>
                        <a:t>%</a:t>
                      </a:r>
                    </a:p>
                  </a:txBody>
                  <a:tcPr marL="44450" marR="44450" marT="0" marB="0" anchor="b">
                    <a:solidFill>
                      <a:srgbClr val="56001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98727456"/>
                  </a:ext>
                </a:extLst>
              </a:tr>
              <a:tr h="242246">
                <a:tc>
                  <a:txBody>
                    <a:bodyPr/>
                    <a:lstStyle/>
                    <a:p>
                      <a:pPr algn="l" fontAlgn="ctr"/>
                      <a:r>
                        <a:rPr lang="pt-BR" sz="1700" b="1" i="0" u="none" strike="noStrike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Lajes Corporativas</a:t>
                      </a:r>
                    </a:p>
                  </a:txBody>
                  <a:tcPr marL="9525" marR="9525" marT="9525" marB="0" anchor="ctr">
                    <a:solidFill>
                      <a:srgbClr val="56001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7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7%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2950110219"/>
                  </a:ext>
                </a:extLst>
              </a:tr>
              <a:tr h="242246">
                <a:tc>
                  <a:txBody>
                    <a:bodyPr/>
                    <a:lstStyle/>
                    <a:p>
                      <a:pPr algn="l" fontAlgn="ctr"/>
                      <a:r>
                        <a:rPr lang="pt-BR" sz="1700" b="1" i="0" u="none" strike="noStrike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Shoppings Centers</a:t>
                      </a:r>
                    </a:p>
                  </a:txBody>
                  <a:tcPr marL="9525" marR="9525" marT="9525" marB="0" anchor="ctr">
                    <a:solidFill>
                      <a:srgbClr val="56001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7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0%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2803209142"/>
                  </a:ext>
                </a:extLst>
              </a:tr>
              <a:tr h="242246">
                <a:tc>
                  <a:txBody>
                    <a:bodyPr/>
                    <a:lstStyle/>
                    <a:p>
                      <a:pPr algn="l" fontAlgn="ctr"/>
                      <a:r>
                        <a:rPr lang="pt-BR" sz="1700" b="1" i="0" u="none" strike="noStrike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Galpões Logísticos</a:t>
                      </a:r>
                    </a:p>
                  </a:txBody>
                  <a:tcPr marL="9525" marR="9525" marT="9525" marB="0" anchor="ctr">
                    <a:solidFill>
                      <a:srgbClr val="56001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7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6%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3425966256"/>
                  </a:ext>
                </a:extLst>
              </a:tr>
              <a:tr h="242246">
                <a:tc>
                  <a:txBody>
                    <a:bodyPr/>
                    <a:lstStyle/>
                    <a:p>
                      <a:pPr algn="l" fontAlgn="ctr"/>
                      <a:r>
                        <a:rPr lang="pt-BR" sz="1700" b="1" i="0" u="none" strike="noStrike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CRI</a:t>
                      </a:r>
                    </a:p>
                  </a:txBody>
                  <a:tcPr marL="9525" marR="9525" marT="9525" marB="0" anchor="ctr">
                    <a:solidFill>
                      <a:srgbClr val="56001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7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8%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743298824"/>
                  </a:ext>
                </a:extLst>
              </a:tr>
              <a:tr h="242246">
                <a:tc>
                  <a:txBody>
                    <a:bodyPr/>
                    <a:lstStyle/>
                    <a:p>
                      <a:pPr algn="l" fontAlgn="ctr"/>
                      <a:r>
                        <a:rPr lang="pt-BR" sz="1700" b="1" i="0" u="none" strike="noStrike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Misto</a:t>
                      </a:r>
                    </a:p>
                  </a:txBody>
                  <a:tcPr marL="9525" marR="9525" marT="9525" marB="0" anchor="ctr">
                    <a:solidFill>
                      <a:srgbClr val="56001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7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7%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351937133"/>
                  </a:ext>
                </a:extLst>
              </a:tr>
              <a:tr h="242246">
                <a:tc>
                  <a:txBody>
                    <a:bodyPr/>
                    <a:lstStyle/>
                    <a:p>
                      <a:pPr algn="l" fontAlgn="ctr"/>
                      <a:r>
                        <a:rPr lang="pt-BR" sz="1700" b="1" i="0" u="none" strike="noStrike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Agências</a:t>
                      </a:r>
                    </a:p>
                  </a:txBody>
                  <a:tcPr marL="9525" marR="9525" marT="9525" marB="0" anchor="ctr">
                    <a:solidFill>
                      <a:srgbClr val="56001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7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%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230656327"/>
                  </a:ext>
                </a:extLst>
              </a:tr>
              <a:tr h="242246">
                <a:tc>
                  <a:txBody>
                    <a:bodyPr/>
                    <a:lstStyle/>
                    <a:p>
                      <a:pPr algn="l" fontAlgn="ctr"/>
                      <a:r>
                        <a:rPr lang="pt-BR" sz="1700" b="1" i="0" u="none" strike="noStrike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Varejo</a:t>
                      </a:r>
                    </a:p>
                  </a:txBody>
                  <a:tcPr marL="9525" marR="9525" marT="9525" marB="0" anchor="ctr">
                    <a:solidFill>
                      <a:srgbClr val="56001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7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%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1866264784"/>
                  </a:ext>
                </a:extLst>
              </a:tr>
              <a:tr h="242246">
                <a:tc>
                  <a:txBody>
                    <a:bodyPr/>
                    <a:lstStyle/>
                    <a:p>
                      <a:pPr algn="l" fontAlgn="ctr"/>
                      <a:r>
                        <a:rPr lang="pt-BR" sz="1700" b="1" i="0" u="none" strike="noStrike" dirty="0">
                          <a:solidFill>
                            <a:schemeClr val="bg2"/>
                          </a:solidFill>
                          <a:effectLst/>
                          <a:latin typeface="Century Gothic" panose="020B0502020202020204" pitchFamily="34" charset="0"/>
                        </a:rPr>
                        <a:t>Universidades</a:t>
                      </a:r>
                    </a:p>
                  </a:txBody>
                  <a:tcPr marL="9525" marR="9525" marT="9525" marB="0" anchor="ctr">
                    <a:solidFill>
                      <a:srgbClr val="560015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17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%</a:t>
                      </a:r>
                    </a:p>
                  </a:txBody>
                  <a:tcPr marL="9525" marR="9525" marT="9525" marB="0" anchor="ctr"/>
                </a:tc>
                <a:extLst>
                  <a:ext uri="{0D108BD9-81ED-4DB2-BD59-A6C34878D82A}">
                    <a16:rowId xmlns:a16="http://schemas.microsoft.com/office/drawing/2014/main" val="493454031"/>
                  </a:ext>
                </a:extLst>
              </a:tr>
            </a:tbl>
          </a:graphicData>
        </a:graphic>
      </p:graphicFrame>
      <p:cxnSp>
        <p:nvCxnSpPr>
          <p:cNvPr id="38" name="Conector reto 37"/>
          <p:cNvCxnSpPr/>
          <p:nvPr/>
        </p:nvCxnSpPr>
        <p:spPr>
          <a:xfrm flipV="1">
            <a:off x="3844120" y="2627248"/>
            <a:ext cx="3398293" cy="191387"/>
          </a:xfrm>
          <a:prstGeom prst="line">
            <a:avLst/>
          </a:prstGeom>
          <a:ln>
            <a:solidFill>
              <a:srgbClr val="4C031D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Conector reto 38"/>
          <p:cNvCxnSpPr/>
          <p:nvPr/>
        </p:nvCxnSpPr>
        <p:spPr>
          <a:xfrm>
            <a:off x="3857767" y="4920388"/>
            <a:ext cx="3398314" cy="124304"/>
          </a:xfrm>
          <a:prstGeom prst="line">
            <a:avLst/>
          </a:prstGeom>
          <a:ln>
            <a:solidFill>
              <a:srgbClr val="4C031D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CaixaDeTexto 39"/>
          <p:cNvSpPr txBox="1"/>
          <p:nvPr/>
        </p:nvSpPr>
        <p:spPr>
          <a:xfrm>
            <a:off x="7256080" y="5213153"/>
            <a:ext cx="2963746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defRPr/>
            </a:pPr>
            <a:r>
              <a:rPr lang="pt-BR" sz="1600" b="1" dirty="0">
                <a:solidFill>
                  <a:prstClr val="black"/>
                </a:solidFill>
                <a:latin typeface="Calibri"/>
              </a:rPr>
              <a:t>28 </a:t>
            </a:r>
            <a:r>
              <a:rPr lang="pt-BR" sz="1600" b="1" dirty="0" err="1">
                <a:solidFill>
                  <a:prstClr val="black"/>
                </a:solidFill>
                <a:latin typeface="Calibri"/>
              </a:rPr>
              <a:t>FIIs</a:t>
            </a:r>
            <a:endParaRPr lang="pt-BR" sz="1600" b="1" dirty="0">
              <a:solidFill>
                <a:prstClr val="black"/>
              </a:solidFill>
              <a:latin typeface="Calibri"/>
            </a:endParaRPr>
          </a:p>
        </p:txBody>
      </p:sp>
      <p:sp>
        <p:nvSpPr>
          <p:cNvPr id="42" name="CaixaDeTexto 41"/>
          <p:cNvSpPr txBox="1"/>
          <p:nvPr/>
        </p:nvSpPr>
        <p:spPr>
          <a:xfrm>
            <a:off x="3773866" y="5281257"/>
            <a:ext cx="43495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defRPr/>
            </a:pPr>
            <a:r>
              <a:rPr lang="pt-BR" b="1" dirty="0">
                <a:solidFill>
                  <a:prstClr val="black"/>
                </a:solidFill>
                <a:latin typeface="Calibri"/>
              </a:rPr>
              <a:t>Distribuição de Proventos</a:t>
            </a:r>
          </a:p>
        </p:txBody>
      </p:sp>
      <p:pic>
        <p:nvPicPr>
          <p:cNvPr id="43" name="Imagem 4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664476" y="5650589"/>
            <a:ext cx="4574078" cy="1031896"/>
          </a:xfrm>
          <a:prstGeom prst="rect">
            <a:avLst/>
          </a:prstGeom>
        </p:spPr>
      </p:pic>
      <p:sp>
        <p:nvSpPr>
          <p:cNvPr id="44" name="CaixaDeTexto 43"/>
          <p:cNvSpPr txBox="1"/>
          <p:nvPr/>
        </p:nvSpPr>
        <p:spPr>
          <a:xfrm>
            <a:off x="3664476" y="1611301"/>
            <a:ext cx="43495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defRPr/>
            </a:pPr>
            <a:r>
              <a:rPr lang="pt-BR" b="1" dirty="0">
                <a:solidFill>
                  <a:prstClr val="black"/>
                </a:solidFill>
                <a:latin typeface="Calibri"/>
              </a:rPr>
              <a:t>Portfolio - Alocação por Segmento </a:t>
            </a:r>
          </a:p>
        </p:txBody>
      </p:sp>
    </p:spTree>
    <p:extLst>
      <p:ext uri="{BB962C8B-B14F-4D97-AF65-F5344CB8AC3E}">
        <p14:creationId xmlns:p14="http://schemas.microsoft.com/office/powerpoint/2010/main" val="416266647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3" name="Imagem 142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4785" t="100000" r="37956" b="-208"/>
          <a:stretch>
            <a:fillRect/>
          </a:stretch>
        </p:blipFill>
        <p:spPr>
          <a:xfrm>
            <a:off x="6131573" y="6858001"/>
            <a:ext cx="1775578" cy="14287"/>
          </a:xfrm>
          <a:custGeom>
            <a:avLst/>
            <a:gdLst>
              <a:gd name="connsiteX0" fmla="*/ 1407 w 1775578"/>
              <a:gd name="connsiteY0" fmla="*/ 0 h 14287"/>
              <a:gd name="connsiteX1" fmla="*/ 1269010 w 1775578"/>
              <a:gd name="connsiteY1" fmla="*/ 0 h 14287"/>
              <a:gd name="connsiteX2" fmla="*/ 1267604 w 1775578"/>
              <a:gd name="connsiteY2" fmla="*/ 3147 h 14287"/>
              <a:gd name="connsiteX3" fmla="*/ 1282527 w 1775578"/>
              <a:gd name="connsiteY3" fmla="*/ 14285 h 14287"/>
              <a:gd name="connsiteX4" fmla="*/ 1775578 w 1775578"/>
              <a:gd name="connsiteY4" fmla="*/ 14285 h 14287"/>
              <a:gd name="connsiteX5" fmla="*/ 1775577 w 1775578"/>
              <a:gd name="connsiteY5" fmla="*/ 14286 h 14287"/>
              <a:gd name="connsiteX6" fmla="*/ 1172981 w 1775578"/>
              <a:gd name="connsiteY6" fmla="*/ 14286 h 14287"/>
              <a:gd name="connsiteX7" fmla="*/ 1172981 w 1775578"/>
              <a:gd name="connsiteY7" fmla="*/ 14287 h 14287"/>
              <a:gd name="connsiteX8" fmla="*/ 14922 w 1775578"/>
              <a:gd name="connsiteY8" fmla="*/ 14287 h 14287"/>
              <a:gd name="connsiteX9" fmla="*/ 0 w 1775578"/>
              <a:gd name="connsiteY9" fmla="*/ 3149 h 14287"/>
              <a:gd name="connsiteX10" fmla="*/ 1407 w 1775578"/>
              <a:gd name="connsiteY10" fmla="*/ 0 h 1428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1775578" h="14287">
                <a:moveTo>
                  <a:pt x="1407" y="0"/>
                </a:moveTo>
                <a:lnTo>
                  <a:pt x="1269010" y="0"/>
                </a:lnTo>
                <a:lnTo>
                  <a:pt x="1267604" y="3147"/>
                </a:lnTo>
                <a:lnTo>
                  <a:pt x="1282527" y="14285"/>
                </a:lnTo>
                <a:lnTo>
                  <a:pt x="1775578" y="14285"/>
                </a:lnTo>
                <a:lnTo>
                  <a:pt x="1775577" y="14286"/>
                </a:lnTo>
                <a:lnTo>
                  <a:pt x="1172981" y="14286"/>
                </a:lnTo>
                <a:lnTo>
                  <a:pt x="1172981" y="14287"/>
                </a:lnTo>
                <a:lnTo>
                  <a:pt x="14922" y="14287"/>
                </a:lnTo>
                <a:lnTo>
                  <a:pt x="0" y="3149"/>
                </a:lnTo>
                <a:lnTo>
                  <a:pt x="1407" y="0"/>
                </a:lnTo>
                <a:close/>
              </a:path>
            </a:pathLst>
          </a:custGeom>
        </p:spPr>
      </p:pic>
      <p:sp>
        <p:nvSpPr>
          <p:cNvPr id="3" name="CaixaDeTexto 2"/>
          <p:cNvSpPr txBox="1"/>
          <p:nvPr/>
        </p:nvSpPr>
        <p:spPr>
          <a:xfrm>
            <a:off x="4178711" y="4867601"/>
            <a:ext cx="6396431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28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OBRIGADO</a:t>
            </a:r>
          </a:p>
        </p:txBody>
      </p:sp>
      <p:cxnSp>
        <p:nvCxnSpPr>
          <p:cNvPr id="154" name="Conector reto 153"/>
          <p:cNvCxnSpPr/>
          <p:nvPr/>
        </p:nvCxnSpPr>
        <p:spPr>
          <a:xfrm flipH="1">
            <a:off x="6096000" y="5381045"/>
            <a:ext cx="4572000" cy="0"/>
          </a:xfrm>
          <a:prstGeom prst="line">
            <a:avLst/>
          </a:prstGeom>
          <a:ln w="22225">
            <a:solidFill>
              <a:srgbClr val="926F48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94339749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2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7" dur="1750"/>
                                        <p:tgtEl>
                                          <p:spTgt spid="1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1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" name="Imagem 43"/>
          <p:cNvPicPr>
            <a:picLocks noChangeAspect="1"/>
          </p:cNvPicPr>
          <p:nvPr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58705" t="-1099" r="9259" b="100000"/>
          <a:stretch/>
        </p:blipFill>
        <p:spPr>
          <a:xfrm>
            <a:off x="8746156" y="-120251"/>
            <a:ext cx="3855948" cy="76200"/>
          </a:xfrm>
          <a:custGeom>
            <a:avLst/>
            <a:gdLst>
              <a:gd name="connsiteX0" fmla="*/ 1636697 w 3855948"/>
              <a:gd name="connsiteY0" fmla="*/ 0 h 76200"/>
              <a:gd name="connsiteX1" fmla="*/ 3855948 w 3855948"/>
              <a:gd name="connsiteY1" fmla="*/ 0 h 76200"/>
              <a:gd name="connsiteX2" fmla="*/ 3821664 w 3855948"/>
              <a:gd name="connsiteY2" fmla="*/ 76200 h 76200"/>
              <a:gd name="connsiteX3" fmla="*/ 0 w 3855948"/>
              <a:gd name="connsiteY3" fmla="*/ 76200 h 76200"/>
              <a:gd name="connsiteX4" fmla="*/ 34283 w 3855948"/>
              <a:gd name="connsiteY4" fmla="*/ 1 h 76200"/>
              <a:gd name="connsiteX5" fmla="*/ 1636697 w 3855948"/>
              <a:gd name="connsiteY5" fmla="*/ 1 h 76200"/>
              <a:gd name="connsiteX6" fmla="*/ 1636697 w 3855948"/>
              <a:gd name="connsiteY6" fmla="*/ 0 h 762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3855948" h="76200">
                <a:moveTo>
                  <a:pt x="1636697" y="0"/>
                </a:moveTo>
                <a:lnTo>
                  <a:pt x="3855948" y="0"/>
                </a:lnTo>
                <a:lnTo>
                  <a:pt x="3821664" y="76200"/>
                </a:lnTo>
                <a:lnTo>
                  <a:pt x="0" y="76200"/>
                </a:lnTo>
                <a:lnTo>
                  <a:pt x="34283" y="1"/>
                </a:lnTo>
                <a:lnTo>
                  <a:pt x="1636697" y="1"/>
                </a:lnTo>
                <a:lnTo>
                  <a:pt x="1636697" y="0"/>
                </a:lnTo>
                <a:close/>
              </a:path>
            </a:pathLst>
          </a:custGeom>
        </p:spPr>
      </p:pic>
      <p:pic>
        <p:nvPicPr>
          <p:cNvPr id="39" name="Imagem 38"/>
          <p:cNvPicPr>
            <a:picLocks noChangeAspect="1"/>
          </p:cNvPicPr>
          <p:nvPr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aturation sat="0"/>
                    </a14:imgEffect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32658" t="100000" r="28107" b="-928"/>
          <a:stretch/>
        </p:blipFill>
        <p:spPr>
          <a:xfrm>
            <a:off x="5611169" y="7320013"/>
            <a:ext cx="4722433" cy="64366"/>
          </a:xfrm>
          <a:custGeom>
            <a:avLst/>
            <a:gdLst>
              <a:gd name="connsiteX0" fmla="*/ 15732 w 4722433"/>
              <a:gd name="connsiteY0" fmla="*/ 0 h 64366"/>
              <a:gd name="connsiteX1" fmla="*/ 3837396 w 4722433"/>
              <a:gd name="connsiteY1" fmla="*/ 0 h 64366"/>
              <a:gd name="connsiteX2" fmla="*/ 3822512 w 4722433"/>
              <a:gd name="connsiteY2" fmla="*/ 33081 h 64366"/>
              <a:gd name="connsiteX3" fmla="*/ 3862194 w 4722433"/>
              <a:gd name="connsiteY3" fmla="*/ 62481 h 64366"/>
              <a:gd name="connsiteX4" fmla="*/ 4722433 w 4722433"/>
              <a:gd name="connsiteY4" fmla="*/ 62481 h 64366"/>
              <a:gd name="connsiteX5" fmla="*/ 4721585 w 4722433"/>
              <a:gd name="connsiteY5" fmla="*/ 64365 h 64366"/>
              <a:gd name="connsiteX6" fmla="*/ 3119172 w 4722433"/>
              <a:gd name="connsiteY6" fmla="*/ 64365 h 64366"/>
              <a:gd name="connsiteX7" fmla="*/ 3119172 w 4722433"/>
              <a:gd name="connsiteY7" fmla="*/ 64366 h 64366"/>
              <a:gd name="connsiteX8" fmla="*/ 39683 w 4722433"/>
              <a:gd name="connsiteY8" fmla="*/ 64366 h 64366"/>
              <a:gd name="connsiteX9" fmla="*/ 0 w 4722433"/>
              <a:gd name="connsiteY9" fmla="*/ 34966 h 64366"/>
              <a:gd name="connsiteX10" fmla="*/ 15732 w 4722433"/>
              <a:gd name="connsiteY10" fmla="*/ 0 h 6436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4722433" h="64366">
                <a:moveTo>
                  <a:pt x="15732" y="0"/>
                </a:moveTo>
                <a:lnTo>
                  <a:pt x="3837396" y="0"/>
                </a:lnTo>
                <a:lnTo>
                  <a:pt x="3822512" y="33081"/>
                </a:lnTo>
                <a:lnTo>
                  <a:pt x="3862194" y="62481"/>
                </a:lnTo>
                <a:lnTo>
                  <a:pt x="4722433" y="62481"/>
                </a:lnTo>
                <a:lnTo>
                  <a:pt x="4721585" y="64365"/>
                </a:lnTo>
                <a:lnTo>
                  <a:pt x="3119172" y="64365"/>
                </a:lnTo>
                <a:lnTo>
                  <a:pt x="3119172" y="64366"/>
                </a:lnTo>
                <a:lnTo>
                  <a:pt x="39683" y="64366"/>
                </a:lnTo>
                <a:lnTo>
                  <a:pt x="0" y="34966"/>
                </a:lnTo>
                <a:lnTo>
                  <a:pt x="15732" y="0"/>
                </a:lnTo>
                <a:close/>
              </a:path>
            </a:pathLst>
          </a:custGeom>
        </p:spPr>
      </p:pic>
      <p:cxnSp>
        <p:nvCxnSpPr>
          <p:cNvPr id="55" name="Conector reto 54"/>
          <p:cNvCxnSpPr/>
          <p:nvPr/>
        </p:nvCxnSpPr>
        <p:spPr>
          <a:xfrm flipH="1">
            <a:off x="2186944" y="2738896"/>
            <a:ext cx="2402583" cy="5322777"/>
          </a:xfrm>
          <a:prstGeom prst="line">
            <a:avLst/>
          </a:prstGeom>
          <a:ln w="22225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Conector reto 14">
            <a:extLst>
              <a:ext uri="{FF2B5EF4-FFF2-40B4-BE49-F238E27FC236}">
                <a16:creationId xmlns:a16="http://schemas.microsoft.com/office/drawing/2014/main" id="{AF115D23-BC92-4925-8CA5-5E7311A2F929}"/>
              </a:ext>
            </a:extLst>
          </p:cNvPr>
          <p:cNvCxnSpPr/>
          <p:nvPr/>
        </p:nvCxnSpPr>
        <p:spPr>
          <a:xfrm flipV="1">
            <a:off x="6419695" y="1850770"/>
            <a:ext cx="6720250" cy="23484"/>
          </a:xfrm>
          <a:prstGeom prst="line">
            <a:avLst/>
          </a:prstGeom>
          <a:ln w="22225">
            <a:solidFill>
              <a:srgbClr val="B59E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Conector reto 16">
            <a:extLst>
              <a:ext uri="{FF2B5EF4-FFF2-40B4-BE49-F238E27FC236}">
                <a16:creationId xmlns:a16="http://schemas.microsoft.com/office/drawing/2014/main" id="{612B0AF0-4832-4202-A869-5729032657EE}"/>
              </a:ext>
            </a:extLst>
          </p:cNvPr>
          <p:cNvCxnSpPr/>
          <p:nvPr/>
        </p:nvCxnSpPr>
        <p:spPr>
          <a:xfrm flipV="1">
            <a:off x="7760815" y="2923293"/>
            <a:ext cx="6720250" cy="23484"/>
          </a:xfrm>
          <a:prstGeom prst="line">
            <a:avLst/>
          </a:prstGeom>
          <a:ln w="22225">
            <a:solidFill>
              <a:srgbClr val="B59E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Retângulo 1"/>
          <p:cNvSpPr/>
          <p:nvPr/>
        </p:nvSpPr>
        <p:spPr>
          <a:xfrm>
            <a:off x="5729589" y="869804"/>
            <a:ext cx="4572000" cy="992708"/>
          </a:xfrm>
          <a:prstGeom prst="rect">
            <a:avLst/>
          </a:prstGeom>
        </p:spPr>
        <p:txBody>
          <a:bodyPr>
            <a:spAutoFit/>
          </a:bodyPr>
          <a:lstStyle/>
          <a:p>
            <a:pPr algn="r" defTabSz="914354">
              <a:defRPr/>
            </a:pPr>
            <a:r>
              <a:rPr lang="pt-BR" sz="1200" dirty="0">
                <a:solidFill>
                  <a:srgbClr val="6D6E6D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Uma das </a:t>
            </a:r>
            <a:r>
              <a:rPr lang="pt-BR" sz="1200" b="1" dirty="0">
                <a:solidFill>
                  <a:srgbClr val="08305B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MAIORES ASSETS </a:t>
            </a:r>
            <a:r>
              <a:rPr lang="pt-BR" sz="1200" dirty="0">
                <a:solidFill>
                  <a:srgbClr val="6D6E6D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do Brasil, com</a:t>
            </a:r>
            <a:br>
              <a:rPr lang="pt-BR" sz="2400" dirty="0">
                <a:solidFill>
                  <a:srgbClr val="6D6E6D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</a:br>
            <a:r>
              <a:rPr lang="pt-BR" sz="2400" b="1" dirty="0">
                <a:solidFill>
                  <a:srgbClr val="08305B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R$ 589 BILHÕES </a:t>
            </a:r>
          </a:p>
          <a:p>
            <a:pPr algn="r" defTabSz="914354">
              <a:defRPr/>
            </a:pPr>
            <a:r>
              <a:rPr lang="pt-BR" sz="12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sob gestão</a:t>
            </a:r>
          </a:p>
          <a:p>
            <a:pPr algn="r" defTabSz="914354">
              <a:defRPr/>
            </a:pPr>
            <a:endParaRPr lang="pt-BR" sz="1051" dirty="0">
              <a:solidFill>
                <a:srgbClr val="6D6E6D"/>
              </a:solidFill>
              <a:latin typeface="Century Gothic" panose="020B0502020202020204" pitchFamily="34" charset="0"/>
              <a:cs typeface="Arial" panose="020B0604020202020204" pitchFamily="34" charset="0"/>
            </a:endParaRPr>
          </a:p>
        </p:txBody>
      </p:sp>
      <p:sp>
        <p:nvSpPr>
          <p:cNvPr id="16" name="Retângulo 15"/>
          <p:cNvSpPr/>
          <p:nvPr/>
        </p:nvSpPr>
        <p:spPr>
          <a:xfrm>
            <a:off x="5611169" y="2085474"/>
            <a:ext cx="4690421" cy="8925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 defTabSz="914354">
              <a:defRPr/>
            </a:pPr>
            <a:r>
              <a:rPr lang="pt-BR" sz="1400" b="1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PORTFÓLIO DE FUNDOS COMPLETO </a:t>
            </a:r>
          </a:p>
          <a:p>
            <a:pPr algn="r" defTabSz="914354">
              <a:defRPr/>
            </a:pPr>
            <a:r>
              <a:rPr lang="pt-BR" sz="1400" b="1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E DIVERSIFICADO</a:t>
            </a:r>
          </a:p>
          <a:p>
            <a:pPr algn="r" defTabSz="914354">
              <a:defRPr/>
            </a:pPr>
            <a:r>
              <a:rPr lang="pt-BR" sz="12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com alternativas nas diferentes estratégias entre fundos exclusivos e condominiais</a:t>
            </a:r>
          </a:p>
        </p:txBody>
      </p:sp>
      <p:sp>
        <p:nvSpPr>
          <p:cNvPr id="4" name="Retângulo 3"/>
          <p:cNvSpPr/>
          <p:nvPr/>
        </p:nvSpPr>
        <p:spPr>
          <a:xfrm>
            <a:off x="5761601" y="3067237"/>
            <a:ext cx="4572000" cy="707886"/>
          </a:xfrm>
          <a:prstGeom prst="rect">
            <a:avLst/>
          </a:prstGeom>
        </p:spPr>
        <p:txBody>
          <a:bodyPr>
            <a:spAutoFit/>
          </a:bodyPr>
          <a:lstStyle/>
          <a:p>
            <a:pPr algn="r" defTabSz="914354">
              <a:defRPr/>
            </a:pPr>
            <a:r>
              <a:rPr lang="pt-BR" sz="1400" b="1" kern="0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4ª VEZ CONSECUTIVA A GESTORA COM O MAIOR </a:t>
            </a:r>
          </a:p>
          <a:p>
            <a:pPr algn="r" defTabSz="914354">
              <a:defRPr/>
            </a:pPr>
            <a:r>
              <a:rPr lang="pt-BR" sz="1400" b="1" kern="0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NÚMERO DE FUNDOS PREMIADOS (2019)</a:t>
            </a:r>
            <a:br>
              <a:rPr lang="pt-BR" sz="1400" b="1" kern="0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</a:br>
            <a:r>
              <a:rPr lang="pt-BR" sz="1200" b="1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Revista Investidor Institucional</a:t>
            </a:r>
            <a:endParaRPr lang="pt-BR" sz="1400" b="1" kern="0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anose="020B0604020202020204" pitchFamily="34" charset="0"/>
            </a:endParaRPr>
          </a:p>
        </p:txBody>
      </p:sp>
      <p:sp>
        <p:nvSpPr>
          <p:cNvPr id="5" name="Retângulo 4"/>
          <p:cNvSpPr/>
          <p:nvPr/>
        </p:nvSpPr>
        <p:spPr>
          <a:xfrm>
            <a:off x="5332430" y="3928764"/>
            <a:ext cx="5002375" cy="49244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 defTabSz="914354">
              <a:defRPr/>
            </a:pPr>
            <a:r>
              <a:rPr lang="pt-BR" sz="1400" b="1" kern="0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MELHOR GESTORA DE RENDA VARIÁVEL E VAREJO (2018)</a:t>
            </a:r>
            <a:br>
              <a:rPr lang="pt-BR" sz="1400" b="1" kern="0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</a:br>
            <a:r>
              <a:rPr lang="pt-BR" sz="1200" b="1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Revista Exame</a:t>
            </a:r>
            <a:endParaRPr lang="pt-BR" sz="1400" b="1" kern="0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Retângulo 5"/>
          <p:cNvSpPr/>
          <p:nvPr/>
        </p:nvSpPr>
        <p:spPr>
          <a:xfrm>
            <a:off x="4589693" y="4548686"/>
            <a:ext cx="5743909" cy="49244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 defTabSz="914354">
              <a:defRPr/>
            </a:pPr>
            <a:r>
              <a:rPr lang="pt-BR" sz="1400" b="1" kern="0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MELHOR BANCO PARA INVESTIR NA CATEGORIA VAREJO (2019)</a:t>
            </a:r>
            <a:br>
              <a:rPr lang="pt-BR" sz="1400" b="1" kern="0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</a:br>
            <a:r>
              <a:rPr lang="pt-BR" sz="1200" b="1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IstoÉ Dinheiro – FGV</a:t>
            </a:r>
            <a:endParaRPr lang="pt-BR" sz="1400" b="1" kern="0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anose="020B0604020202020204" pitchFamily="34" charset="0"/>
            </a:endParaRPr>
          </a:p>
        </p:txBody>
      </p:sp>
      <p:sp>
        <p:nvSpPr>
          <p:cNvPr id="7" name="Retângulo 6"/>
          <p:cNvSpPr/>
          <p:nvPr/>
        </p:nvSpPr>
        <p:spPr>
          <a:xfrm>
            <a:off x="5777939" y="5188113"/>
            <a:ext cx="4572000" cy="492443"/>
          </a:xfrm>
          <a:prstGeom prst="rect">
            <a:avLst/>
          </a:prstGeom>
        </p:spPr>
        <p:txBody>
          <a:bodyPr>
            <a:spAutoFit/>
          </a:bodyPr>
          <a:lstStyle/>
          <a:p>
            <a:pPr algn="r" defTabSz="914354">
              <a:defRPr/>
            </a:pPr>
            <a:r>
              <a:rPr lang="pt-BR" sz="1400" b="1" kern="0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ADERENTE AO PRI</a:t>
            </a:r>
          </a:p>
          <a:p>
            <a:pPr algn="r" defTabSz="914354">
              <a:defRPr/>
            </a:pPr>
            <a:r>
              <a:rPr lang="pt-BR" sz="1200" b="1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Princípios para Investimentos Responsáveis</a:t>
            </a:r>
          </a:p>
        </p:txBody>
      </p:sp>
      <p:sp>
        <p:nvSpPr>
          <p:cNvPr id="8" name="Retângulo 7"/>
          <p:cNvSpPr/>
          <p:nvPr/>
        </p:nvSpPr>
        <p:spPr>
          <a:xfrm>
            <a:off x="3772760" y="5808682"/>
            <a:ext cx="6527503" cy="86177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 defTabSz="914354">
              <a:defRPr/>
            </a:pPr>
            <a:r>
              <a:rPr lang="pt-BR" sz="1400" b="1" kern="0" dirty="0">
                <a:solidFill>
                  <a:srgbClr val="002060"/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MAIOR CLASSIFICAÇÃO INTERNACIONAL DE EM QUALIDADE DE GESTÃO</a:t>
            </a:r>
          </a:p>
          <a:p>
            <a:pPr algn="r" defTabSz="914354">
              <a:defRPr/>
            </a:pPr>
            <a:r>
              <a:rPr lang="pt-BR" sz="1200" b="1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Moody’s</a:t>
            </a:r>
          </a:p>
          <a:p>
            <a:pPr algn="r" defTabSz="914354">
              <a:defRPr/>
            </a:pPr>
            <a:r>
              <a:rPr lang="pt-BR" sz="1200" b="1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S&amp;P Global</a:t>
            </a:r>
          </a:p>
          <a:p>
            <a:pPr algn="r" defTabSz="914354">
              <a:defRPr/>
            </a:pPr>
            <a:r>
              <a:rPr lang="pt-BR" sz="1200" b="1" kern="0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anose="020B0604020202020204" pitchFamily="34" charset="0"/>
              </a:rPr>
              <a:t>Fitch Ratings</a:t>
            </a:r>
          </a:p>
        </p:txBody>
      </p:sp>
      <p:cxnSp>
        <p:nvCxnSpPr>
          <p:cNvPr id="25" name="Conector reto 24">
            <a:extLst>
              <a:ext uri="{FF2B5EF4-FFF2-40B4-BE49-F238E27FC236}">
                <a16:creationId xmlns:a16="http://schemas.microsoft.com/office/drawing/2014/main" id="{612B0AF0-4832-4202-A869-5729032657EE}"/>
              </a:ext>
            </a:extLst>
          </p:cNvPr>
          <p:cNvCxnSpPr/>
          <p:nvPr/>
        </p:nvCxnSpPr>
        <p:spPr>
          <a:xfrm flipV="1">
            <a:off x="6419695" y="3717225"/>
            <a:ext cx="6720250" cy="23484"/>
          </a:xfrm>
          <a:prstGeom prst="line">
            <a:avLst/>
          </a:prstGeom>
          <a:ln w="22225">
            <a:solidFill>
              <a:srgbClr val="B59E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Conector reto 25">
            <a:extLst>
              <a:ext uri="{FF2B5EF4-FFF2-40B4-BE49-F238E27FC236}">
                <a16:creationId xmlns:a16="http://schemas.microsoft.com/office/drawing/2014/main" id="{612B0AF0-4832-4202-A869-5729032657EE}"/>
              </a:ext>
            </a:extLst>
          </p:cNvPr>
          <p:cNvCxnSpPr/>
          <p:nvPr/>
        </p:nvCxnSpPr>
        <p:spPr>
          <a:xfrm flipV="1">
            <a:off x="7863235" y="5018176"/>
            <a:ext cx="6720250" cy="23484"/>
          </a:xfrm>
          <a:prstGeom prst="line">
            <a:avLst/>
          </a:prstGeom>
          <a:ln w="22225">
            <a:solidFill>
              <a:srgbClr val="B59E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Conector reto 26">
            <a:extLst>
              <a:ext uri="{FF2B5EF4-FFF2-40B4-BE49-F238E27FC236}">
                <a16:creationId xmlns:a16="http://schemas.microsoft.com/office/drawing/2014/main" id="{612B0AF0-4832-4202-A869-5729032657EE}"/>
              </a:ext>
            </a:extLst>
          </p:cNvPr>
          <p:cNvCxnSpPr/>
          <p:nvPr/>
        </p:nvCxnSpPr>
        <p:spPr>
          <a:xfrm flipV="1">
            <a:off x="7461646" y="4386390"/>
            <a:ext cx="6720250" cy="23484"/>
          </a:xfrm>
          <a:prstGeom prst="line">
            <a:avLst/>
          </a:prstGeom>
          <a:ln w="22225">
            <a:solidFill>
              <a:srgbClr val="B59E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Conector reto 27">
            <a:extLst>
              <a:ext uri="{FF2B5EF4-FFF2-40B4-BE49-F238E27FC236}">
                <a16:creationId xmlns:a16="http://schemas.microsoft.com/office/drawing/2014/main" id="{612B0AF0-4832-4202-A869-5729032657EE}"/>
              </a:ext>
            </a:extLst>
          </p:cNvPr>
          <p:cNvCxnSpPr/>
          <p:nvPr/>
        </p:nvCxnSpPr>
        <p:spPr>
          <a:xfrm flipV="1">
            <a:off x="5073226" y="5648342"/>
            <a:ext cx="6720250" cy="23484"/>
          </a:xfrm>
          <a:prstGeom prst="line">
            <a:avLst/>
          </a:prstGeom>
          <a:ln w="22225">
            <a:solidFill>
              <a:srgbClr val="B59E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pt-BR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674590" y="235965"/>
            <a:ext cx="2940021" cy="349339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O QUE SOMOS</a:t>
            </a:r>
          </a:p>
        </p:txBody>
      </p:sp>
    </p:spTree>
    <p:extLst>
      <p:ext uri="{BB962C8B-B14F-4D97-AF65-F5344CB8AC3E}">
        <p14:creationId xmlns:p14="http://schemas.microsoft.com/office/powerpoint/2010/main" val="227703459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2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2" fill="hold" nodeType="withEffect">
                                  <p:stCondLst>
                                    <p:cond delay="2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6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3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2" fill="hold" nodeType="withEffect">
                                  <p:stCondLst>
                                    <p:cond delay="40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2" dur="10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52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2" presetClass="entr" presetSubtype="2" fill="hold" nodeType="withEffect">
                                  <p:stCondLst>
                                    <p:cond delay="575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8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70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2" fill="hold" nodeType="withEffect">
                                  <p:stCondLst>
                                    <p:cond delay="75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4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875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2" fill="hold" nodeType="withEffect">
                                  <p:stCondLst>
                                    <p:cond delay="925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40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105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16" grpId="0"/>
      <p:bldP spid="4" grpId="0"/>
      <p:bldP spid="5" grpId="0"/>
      <p:bldP spid="6" grpId="0"/>
      <p:bldP spid="7" grpId="0"/>
      <p:bldP spid="8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2" name="Conector reto 1">
            <a:extLst>
              <a:ext uri="{FF2B5EF4-FFF2-40B4-BE49-F238E27FC236}">
                <a16:creationId xmlns:a16="http://schemas.microsoft.com/office/drawing/2014/main" id="{A9118C0F-867E-412C-B856-5827F73864C1}"/>
              </a:ext>
            </a:extLst>
          </p:cNvPr>
          <p:cNvCxnSpPr>
            <a:cxnSpLocks/>
          </p:cNvCxnSpPr>
          <p:nvPr/>
        </p:nvCxnSpPr>
        <p:spPr>
          <a:xfrm flipH="1">
            <a:off x="6550575" y="1701130"/>
            <a:ext cx="2673844" cy="5916017"/>
          </a:xfrm>
          <a:prstGeom prst="line">
            <a:avLst/>
          </a:prstGeom>
          <a:ln>
            <a:solidFill>
              <a:srgbClr val="B59E7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Elipse 3">
            <a:extLst>
              <a:ext uri="{FF2B5EF4-FFF2-40B4-BE49-F238E27FC236}">
                <a16:creationId xmlns:a16="http://schemas.microsoft.com/office/drawing/2014/main" id="{F9925E07-5737-4909-BE1A-91358831D9C7}"/>
              </a:ext>
            </a:extLst>
          </p:cNvPr>
          <p:cNvSpPr/>
          <p:nvPr/>
        </p:nvSpPr>
        <p:spPr>
          <a:xfrm>
            <a:off x="8986607" y="2040976"/>
            <a:ext cx="144000" cy="144000"/>
          </a:xfrm>
          <a:prstGeom prst="ellipse">
            <a:avLst/>
          </a:pr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5" name="Elipse 4">
            <a:extLst>
              <a:ext uri="{FF2B5EF4-FFF2-40B4-BE49-F238E27FC236}">
                <a16:creationId xmlns:a16="http://schemas.microsoft.com/office/drawing/2014/main" id="{654398D2-E968-422A-8A9E-7CC3F7A51493}"/>
              </a:ext>
            </a:extLst>
          </p:cNvPr>
          <p:cNvSpPr/>
          <p:nvPr/>
        </p:nvSpPr>
        <p:spPr>
          <a:xfrm>
            <a:off x="8070093" y="4072993"/>
            <a:ext cx="144000" cy="144000"/>
          </a:xfrm>
          <a:prstGeom prst="ellipse">
            <a:avLst/>
          </a:pr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6" name="Elipse 5">
            <a:extLst>
              <a:ext uri="{FF2B5EF4-FFF2-40B4-BE49-F238E27FC236}">
                <a16:creationId xmlns:a16="http://schemas.microsoft.com/office/drawing/2014/main" id="{5710FC3F-915B-4D09-BC84-9572CFA1BA41}"/>
              </a:ext>
            </a:extLst>
          </p:cNvPr>
          <p:cNvSpPr/>
          <p:nvPr/>
        </p:nvSpPr>
        <p:spPr>
          <a:xfrm>
            <a:off x="8330044" y="3488938"/>
            <a:ext cx="144000" cy="144000"/>
          </a:xfrm>
          <a:prstGeom prst="ellipse">
            <a:avLst/>
          </a:pr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7" name="Elipse 6">
            <a:extLst>
              <a:ext uri="{FF2B5EF4-FFF2-40B4-BE49-F238E27FC236}">
                <a16:creationId xmlns:a16="http://schemas.microsoft.com/office/drawing/2014/main" id="{F9925E07-5737-4909-BE1A-91358831D9C7}"/>
              </a:ext>
            </a:extLst>
          </p:cNvPr>
          <p:cNvSpPr/>
          <p:nvPr/>
        </p:nvSpPr>
        <p:spPr>
          <a:xfrm>
            <a:off x="8771612" y="2488000"/>
            <a:ext cx="144000" cy="144000"/>
          </a:xfrm>
          <a:prstGeom prst="ellipse">
            <a:avLst/>
          </a:pr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8" name="Elipse 7">
            <a:extLst>
              <a:ext uri="{FF2B5EF4-FFF2-40B4-BE49-F238E27FC236}">
                <a16:creationId xmlns:a16="http://schemas.microsoft.com/office/drawing/2014/main" id="{5710FC3F-915B-4D09-BC84-9572CFA1BA41}"/>
              </a:ext>
            </a:extLst>
          </p:cNvPr>
          <p:cNvSpPr/>
          <p:nvPr/>
        </p:nvSpPr>
        <p:spPr>
          <a:xfrm>
            <a:off x="8519696" y="3080164"/>
            <a:ext cx="144000" cy="144000"/>
          </a:xfrm>
          <a:prstGeom prst="ellipse">
            <a:avLst/>
          </a:pr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9" name="Elipse 8">
            <a:extLst>
              <a:ext uri="{FF2B5EF4-FFF2-40B4-BE49-F238E27FC236}">
                <a16:creationId xmlns:a16="http://schemas.microsoft.com/office/drawing/2014/main" id="{654398D2-E968-422A-8A9E-7CC3F7A51493}"/>
              </a:ext>
            </a:extLst>
          </p:cNvPr>
          <p:cNvSpPr/>
          <p:nvPr/>
        </p:nvSpPr>
        <p:spPr>
          <a:xfrm>
            <a:off x="7874912" y="4473924"/>
            <a:ext cx="144000" cy="144000"/>
          </a:xfrm>
          <a:prstGeom prst="ellipse">
            <a:avLst/>
          </a:pr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10" name="Retângulo 9"/>
          <p:cNvSpPr/>
          <p:nvPr/>
        </p:nvSpPr>
        <p:spPr>
          <a:xfrm>
            <a:off x="7692335" y="726994"/>
            <a:ext cx="2204902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defRPr/>
            </a:pPr>
            <a:r>
              <a:rPr lang="en-US" sz="32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1286</a:t>
            </a:r>
            <a:endParaRPr lang="en-US" sz="2800" b="1" dirty="0">
              <a:solidFill>
                <a:srgbClr val="08305B"/>
              </a:solidFill>
              <a:latin typeface="Century Gothic" panose="020B0502020202020204" pitchFamily="34" charset="0"/>
              <a:cs typeface="Arial" pitchFamily="34" charset="0"/>
            </a:endParaRPr>
          </a:p>
          <a:p>
            <a:pPr algn="r">
              <a:defRPr/>
            </a:pPr>
            <a:r>
              <a:rPr lang="en-US" sz="1400" b="1" dirty="0" err="1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Fundos</a:t>
            </a:r>
            <a:r>
              <a:rPr lang="en-US" sz="14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 de </a:t>
            </a:r>
            <a:r>
              <a:rPr lang="en-US" sz="1400" b="1" dirty="0" err="1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Investimento</a:t>
            </a:r>
            <a:endParaRPr lang="en-US" sz="1400" b="1" dirty="0">
              <a:solidFill>
                <a:srgbClr val="08305B"/>
              </a:solidFill>
              <a:latin typeface="Century Gothic" panose="020B0502020202020204" pitchFamily="34" charset="0"/>
              <a:cs typeface="Arial" pitchFamily="34" charset="0"/>
            </a:endParaRPr>
          </a:p>
        </p:txBody>
      </p:sp>
      <p:sp>
        <p:nvSpPr>
          <p:cNvPr id="17" name="Retângulo 16"/>
          <p:cNvSpPr/>
          <p:nvPr/>
        </p:nvSpPr>
        <p:spPr>
          <a:xfrm>
            <a:off x="9130607" y="1902097"/>
            <a:ext cx="1791710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20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377</a:t>
            </a:r>
          </a:p>
          <a:p>
            <a:pPr>
              <a:defRPr/>
            </a:pP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Renda</a:t>
            </a:r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 </a:t>
            </a: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Fixa</a:t>
            </a:r>
            <a:endParaRPr lang="en-US" sz="1400" b="1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itchFamily="34" charset="0"/>
            </a:endParaRPr>
          </a:p>
        </p:txBody>
      </p:sp>
      <p:sp>
        <p:nvSpPr>
          <p:cNvPr id="18" name="Retângulo 17"/>
          <p:cNvSpPr/>
          <p:nvPr/>
        </p:nvSpPr>
        <p:spPr>
          <a:xfrm>
            <a:off x="6904062" y="2268713"/>
            <a:ext cx="1791710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defRPr/>
            </a:pPr>
            <a:r>
              <a:rPr lang="en-US" sz="20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190</a:t>
            </a:r>
          </a:p>
          <a:p>
            <a:pPr algn="r">
              <a:defRPr/>
            </a:pP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Multimercado</a:t>
            </a:r>
            <a:endParaRPr lang="en-US" sz="1400" b="1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itchFamily="34" charset="0"/>
            </a:endParaRPr>
          </a:p>
        </p:txBody>
      </p:sp>
      <p:sp>
        <p:nvSpPr>
          <p:cNvPr id="19" name="Retângulo 18"/>
          <p:cNvSpPr/>
          <p:nvPr/>
        </p:nvSpPr>
        <p:spPr>
          <a:xfrm>
            <a:off x="8702579" y="2985814"/>
            <a:ext cx="1791710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20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138</a:t>
            </a:r>
          </a:p>
          <a:p>
            <a:pPr>
              <a:defRPr/>
            </a:pP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Ações</a:t>
            </a:r>
            <a:endParaRPr lang="en-US" sz="1400" b="1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itchFamily="34" charset="0"/>
            </a:endParaRPr>
          </a:p>
        </p:txBody>
      </p:sp>
      <p:sp>
        <p:nvSpPr>
          <p:cNvPr id="20" name="Retângulo 19"/>
          <p:cNvSpPr/>
          <p:nvPr/>
        </p:nvSpPr>
        <p:spPr>
          <a:xfrm>
            <a:off x="6464650" y="3306589"/>
            <a:ext cx="1791710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defRPr/>
            </a:pPr>
            <a:r>
              <a:rPr lang="en-US" sz="20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13</a:t>
            </a:r>
          </a:p>
          <a:p>
            <a:pPr algn="r">
              <a:defRPr/>
            </a:pPr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Cambial</a:t>
            </a:r>
          </a:p>
        </p:txBody>
      </p:sp>
      <p:sp>
        <p:nvSpPr>
          <p:cNvPr id="21" name="Retângulo 20"/>
          <p:cNvSpPr/>
          <p:nvPr/>
        </p:nvSpPr>
        <p:spPr>
          <a:xfrm>
            <a:off x="8177998" y="3922142"/>
            <a:ext cx="2351539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20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61</a:t>
            </a:r>
          </a:p>
          <a:p>
            <a:pPr>
              <a:defRPr/>
            </a:pP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Multigestores</a:t>
            </a:r>
            <a:endParaRPr lang="en-US" sz="1400" b="1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itchFamily="34" charset="0"/>
            </a:endParaRPr>
          </a:p>
          <a:p>
            <a:pPr>
              <a:defRPr/>
            </a:pP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Espelho</a:t>
            </a:r>
            <a:endParaRPr lang="en-US" sz="1400" b="1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itchFamily="34" charset="0"/>
            </a:endParaRPr>
          </a:p>
        </p:txBody>
      </p:sp>
      <p:sp>
        <p:nvSpPr>
          <p:cNvPr id="22" name="Retângulo 21"/>
          <p:cNvSpPr/>
          <p:nvPr/>
        </p:nvSpPr>
        <p:spPr>
          <a:xfrm>
            <a:off x="5885039" y="4234284"/>
            <a:ext cx="1858459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defRPr/>
            </a:pPr>
            <a:r>
              <a:rPr lang="en-US" sz="20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273</a:t>
            </a:r>
          </a:p>
          <a:p>
            <a:pPr algn="r">
              <a:defRPr/>
            </a:pP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Exclusivos</a:t>
            </a:r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 FOF (555 e </a:t>
            </a: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Previdência</a:t>
            </a:r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)</a:t>
            </a:r>
          </a:p>
        </p:txBody>
      </p:sp>
      <p:sp>
        <p:nvSpPr>
          <p:cNvPr id="23" name="Retângulo 22"/>
          <p:cNvSpPr/>
          <p:nvPr/>
        </p:nvSpPr>
        <p:spPr>
          <a:xfrm>
            <a:off x="7692336" y="5130701"/>
            <a:ext cx="2311443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20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209</a:t>
            </a:r>
          </a:p>
          <a:p>
            <a:pPr>
              <a:defRPr/>
            </a:pP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Previdenciários</a:t>
            </a:r>
            <a:endParaRPr lang="en-US" sz="1400" b="1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itchFamily="34" charset="0"/>
            </a:endParaRPr>
          </a:p>
        </p:txBody>
      </p:sp>
      <p:sp>
        <p:nvSpPr>
          <p:cNvPr id="24" name="Retângulo 23"/>
          <p:cNvSpPr/>
          <p:nvPr/>
        </p:nvSpPr>
        <p:spPr>
          <a:xfrm>
            <a:off x="5891999" y="5506513"/>
            <a:ext cx="1368689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>
              <a:defRPr/>
            </a:pPr>
            <a:r>
              <a:rPr lang="en-US" sz="20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24</a:t>
            </a:r>
          </a:p>
          <a:p>
            <a:pPr algn="r">
              <a:defRPr/>
            </a:pPr>
            <a:r>
              <a:rPr lang="en-US" sz="14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FIDC</a:t>
            </a:r>
          </a:p>
        </p:txBody>
      </p:sp>
      <p:sp>
        <p:nvSpPr>
          <p:cNvPr id="25" name="Retângulo 24"/>
          <p:cNvSpPr/>
          <p:nvPr/>
        </p:nvSpPr>
        <p:spPr>
          <a:xfrm>
            <a:off x="7260687" y="6111455"/>
            <a:ext cx="1377360" cy="6155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defRPr/>
            </a:pPr>
            <a:r>
              <a:rPr lang="en-US" sz="2000" b="1" dirty="0">
                <a:solidFill>
                  <a:srgbClr val="08305B"/>
                </a:solidFill>
                <a:latin typeface="Century Gothic" panose="020B0502020202020204" pitchFamily="34" charset="0"/>
                <a:cs typeface="Arial" pitchFamily="34" charset="0"/>
              </a:rPr>
              <a:t>1</a:t>
            </a:r>
          </a:p>
          <a:p>
            <a:pPr>
              <a:defRPr/>
            </a:pPr>
            <a:r>
              <a:rPr lang="en-US" sz="1400" b="1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Fll</a:t>
            </a:r>
            <a:endParaRPr lang="en-US" sz="1400" b="1" dirty="0">
              <a:solidFill>
                <a:schemeClr val="tx1">
                  <a:lumMod val="75000"/>
                  <a:lumOff val="25000"/>
                </a:schemeClr>
              </a:solidFill>
              <a:latin typeface="Century Gothic" panose="020B0502020202020204" pitchFamily="34" charset="0"/>
              <a:cs typeface="Arial" pitchFamily="34" charset="0"/>
            </a:endParaRPr>
          </a:p>
        </p:txBody>
      </p:sp>
      <p:sp>
        <p:nvSpPr>
          <p:cNvPr id="29" name="Elipse 28">
            <a:extLst>
              <a:ext uri="{FF2B5EF4-FFF2-40B4-BE49-F238E27FC236}">
                <a16:creationId xmlns:a16="http://schemas.microsoft.com/office/drawing/2014/main" id="{654398D2-E968-422A-8A9E-7CC3F7A51493}"/>
              </a:ext>
            </a:extLst>
          </p:cNvPr>
          <p:cNvSpPr/>
          <p:nvPr/>
        </p:nvSpPr>
        <p:spPr>
          <a:xfrm>
            <a:off x="7519716" y="5286276"/>
            <a:ext cx="144000" cy="144000"/>
          </a:xfrm>
          <a:prstGeom prst="ellipse">
            <a:avLst/>
          </a:pr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30" name="Elipse 29">
            <a:extLst>
              <a:ext uri="{FF2B5EF4-FFF2-40B4-BE49-F238E27FC236}">
                <a16:creationId xmlns:a16="http://schemas.microsoft.com/office/drawing/2014/main" id="{654398D2-E968-422A-8A9E-7CC3F7A51493}"/>
              </a:ext>
            </a:extLst>
          </p:cNvPr>
          <p:cNvSpPr/>
          <p:nvPr/>
        </p:nvSpPr>
        <p:spPr>
          <a:xfrm>
            <a:off x="7360505" y="5615776"/>
            <a:ext cx="144000" cy="144000"/>
          </a:xfrm>
          <a:prstGeom prst="ellipse">
            <a:avLst/>
          </a:pr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31" name="Elipse 30">
            <a:extLst>
              <a:ext uri="{FF2B5EF4-FFF2-40B4-BE49-F238E27FC236}">
                <a16:creationId xmlns:a16="http://schemas.microsoft.com/office/drawing/2014/main" id="{654398D2-E968-422A-8A9E-7CC3F7A51493}"/>
              </a:ext>
            </a:extLst>
          </p:cNvPr>
          <p:cNvSpPr/>
          <p:nvPr/>
        </p:nvSpPr>
        <p:spPr>
          <a:xfrm>
            <a:off x="7110244" y="6205084"/>
            <a:ext cx="144000" cy="144000"/>
          </a:xfrm>
          <a:prstGeom prst="ellipse">
            <a:avLst/>
          </a:prstGeom>
          <a:solidFill>
            <a:srgbClr val="C0C0B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defRPr/>
            </a:pPr>
            <a:endParaRPr lang="pt-BR">
              <a:solidFill>
                <a:prstClr val="white"/>
              </a:solidFill>
              <a:latin typeface="Calibri" panose="020F0502020204030204"/>
            </a:endParaRPr>
          </a:p>
        </p:txBody>
      </p:sp>
      <p:sp>
        <p:nvSpPr>
          <p:cNvPr id="26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  <p:sp>
        <p:nvSpPr>
          <p:cNvPr id="27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674590" y="235965"/>
            <a:ext cx="2940021" cy="349339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O QUE FAZEMOS</a:t>
            </a:r>
          </a:p>
        </p:txBody>
      </p:sp>
    </p:spTree>
    <p:extLst>
      <p:ext uri="{BB962C8B-B14F-4D97-AF65-F5344CB8AC3E}">
        <p14:creationId xmlns:p14="http://schemas.microsoft.com/office/powerpoint/2010/main" val="153215330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0" dur="10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75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75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75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7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75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75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40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75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grpId="0" nodeType="withEffect">
                                  <p:stCondLst>
                                    <p:cond delay="40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75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50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75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50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75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60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75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60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75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70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75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10" presetClass="entr" presetSubtype="0" fill="hold" grpId="0" nodeType="withEffect">
                                  <p:stCondLst>
                                    <p:cond delay="700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75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10" presetClass="entr" presetSubtype="0" fill="hold" grpId="0" nodeType="withEffect">
                                  <p:stCondLst>
                                    <p:cond delay="800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75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10" presetClass="entr" presetSubtype="0" fill="hold" grpId="0" nodeType="withEffect">
                                  <p:stCondLst>
                                    <p:cond delay="800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8" dur="75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9" presetID="10" presetClass="entr" presetSubtype="0" fill="hold" grpId="0" nodeType="withEffect">
                                  <p:stCondLst>
                                    <p:cond delay="900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75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2" presetID="10" presetClass="entr" presetSubtype="0" fill="hold" grpId="0" nodeType="withEffect">
                                  <p:stCondLst>
                                    <p:cond delay="900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75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5" grpId="0" animBg="1"/>
      <p:bldP spid="6" grpId="0" animBg="1"/>
      <p:bldP spid="7" grpId="0" animBg="1"/>
      <p:bldP spid="8" grpId="0" animBg="1"/>
      <p:bldP spid="9" grpId="0" animBg="1"/>
      <p:bldP spid="10" grpId="0"/>
      <p:bldP spid="17" grpId="0"/>
      <p:bldP spid="18" grpId="0"/>
      <p:bldP spid="19" grpId="0"/>
      <p:bldP spid="20" grpId="0"/>
      <p:bldP spid="21" grpId="0"/>
      <p:bldP spid="22" grpId="0"/>
      <p:bldP spid="23" grpId="0"/>
      <p:bldP spid="24" grpId="0"/>
      <p:bldP spid="25" grpId="0"/>
      <p:bldP spid="29" grpId="0" animBg="1"/>
      <p:bldP spid="30" grpId="0" animBg="1"/>
      <p:bldP spid="31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592240" y="3370111"/>
            <a:ext cx="6307684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CENÁRIO MACROECONÔMICO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</p:spTree>
    <p:extLst>
      <p:ext uri="{BB962C8B-B14F-4D97-AF65-F5344CB8AC3E}">
        <p14:creationId xmlns:p14="http://schemas.microsoft.com/office/powerpoint/2010/main" val="86610174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aixaDeTexto 6">
            <a:extLst>
              <a:ext uri="{FF2B5EF4-FFF2-40B4-BE49-F238E27FC236}">
                <a16:creationId xmlns:a16="http://schemas.microsoft.com/office/drawing/2014/main" id="{C0BA08D1-67A7-43B6-A74B-518AC5627DFA}"/>
              </a:ext>
            </a:extLst>
          </p:cNvPr>
          <p:cNvSpPr txBox="1"/>
          <p:nvPr/>
        </p:nvSpPr>
        <p:spPr>
          <a:xfrm>
            <a:off x="1605888" y="3370111"/>
            <a:ext cx="6307684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defRPr/>
            </a:pPr>
            <a:r>
              <a:rPr lang="pt-BR" sz="4400" b="1" dirty="0">
                <a:solidFill>
                  <a:srgbClr val="08305B"/>
                </a:solidFill>
                <a:latin typeface="Century Gothic" panose="020B0502020202020204" pitchFamily="34" charset="0"/>
              </a:rPr>
              <a:t>CENÁRIO INTERNACIONAL</a:t>
            </a:r>
          </a:p>
        </p:txBody>
      </p:sp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  <a:defRPr/>
            </a:pPr>
            <a:r>
              <a:rPr lang="pt-BR" sz="1400" dirty="0">
                <a:solidFill>
                  <a:prstClr val="white">
                    <a:lumMod val="85000"/>
                  </a:prstClr>
                </a:solidFill>
                <a:latin typeface="Century Gothic" panose="020B0502020202020204" pitchFamily="34" charset="0"/>
              </a:rPr>
              <a:t>BRAM – BRADESCO ASSET MANAGEMENT</a:t>
            </a:r>
          </a:p>
        </p:txBody>
      </p:sp>
    </p:spTree>
    <p:extLst>
      <p:ext uri="{BB962C8B-B14F-4D97-AF65-F5344CB8AC3E}">
        <p14:creationId xmlns:p14="http://schemas.microsoft.com/office/powerpoint/2010/main" val="28832038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Espaço Reservado para Texto 2">
            <a:extLst>
              <a:ext uri="{FF2B5EF4-FFF2-40B4-BE49-F238E27FC236}">
                <a16:creationId xmlns:a16="http://schemas.microsoft.com/office/drawing/2014/main" id="{39B551FE-7702-4F72-9FB9-41F6B70943D4}"/>
              </a:ext>
            </a:extLst>
          </p:cNvPr>
          <p:cNvSpPr txBox="1">
            <a:spLocks/>
          </p:cNvSpPr>
          <p:nvPr/>
        </p:nvSpPr>
        <p:spPr>
          <a:xfrm>
            <a:off x="1808186" y="248650"/>
            <a:ext cx="4480319" cy="307777"/>
          </a:xfrm>
          <a:prstGeom prst="rect">
            <a:avLst/>
          </a:prstGeom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chemeClr val="bg1">
                    <a:lumMod val="85000"/>
                  </a:schemeClr>
                </a:solidFill>
                <a:latin typeface="Century Gothic" panose="020B0502020202020204" pitchFamily="34" charset="0"/>
              </a:rPr>
              <a:t>CENÁRIO MACRO</a:t>
            </a:r>
            <a:endParaRPr lang="pt-BR" sz="1400" dirty="0">
              <a:solidFill>
                <a:schemeClr val="bg1">
                  <a:lumMod val="85000"/>
                </a:schemeClr>
              </a:solidFill>
              <a:latin typeface="Century Gothic" panose="020B0502020202020204" pitchFamily="34" charset="0"/>
            </a:endParaRPr>
          </a:p>
        </p:txBody>
      </p:sp>
      <p:sp>
        <p:nvSpPr>
          <p:cNvPr id="21" name="Espaço Reservado para Texto 2">
            <a:extLst>
              <a:ext uri="{FF2B5EF4-FFF2-40B4-BE49-F238E27FC236}">
                <a16:creationId xmlns:a16="http://schemas.microsoft.com/office/drawing/2014/main" id="{137860AA-32F1-471C-97EC-2BEA53D8D622}"/>
              </a:ext>
            </a:extLst>
          </p:cNvPr>
          <p:cNvSpPr txBox="1">
            <a:spLocks/>
          </p:cNvSpPr>
          <p:nvPr/>
        </p:nvSpPr>
        <p:spPr>
          <a:xfrm>
            <a:off x="5674590" y="235965"/>
            <a:ext cx="4993411" cy="224917"/>
          </a:xfrm>
          <a:prstGeom prst="rect">
            <a:avLst/>
          </a:prstGeom>
          <a:noFill/>
        </p:spPr>
        <p:txBody>
          <a:bodyPr>
            <a:noAutofit/>
          </a:bodyPr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1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5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US" sz="1400" dirty="0">
                <a:solidFill>
                  <a:srgbClr val="08305B"/>
                </a:solidFill>
                <a:latin typeface="Century Gothic" panose="020B0502020202020204" pitchFamily="34" charset="0"/>
              </a:rPr>
              <a:t>INTERNACIONAL</a:t>
            </a:r>
            <a:endParaRPr lang="pt-BR" sz="1400" dirty="0">
              <a:solidFill>
                <a:srgbClr val="08305B"/>
              </a:solidFill>
              <a:latin typeface="Century Gothic" panose="020B0502020202020204" pitchFamily="34" charset="0"/>
            </a:endParaRPr>
          </a:p>
        </p:txBody>
      </p:sp>
      <p:sp>
        <p:nvSpPr>
          <p:cNvPr id="13" name="Rectangle 2"/>
          <p:cNvSpPr>
            <a:spLocks noChangeArrowheads="1"/>
          </p:cNvSpPr>
          <p:nvPr/>
        </p:nvSpPr>
        <p:spPr bwMode="auto">
          <a:xfrm>
            <a:off x="6047559" y="1280633"/>
            <a:ext cx="4168317" cy="2519839"/>
          </a:xfrm>
          <a:prstGeom prst="round2Diag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>
              <a:buClr>
                <a:srgbClr val="640000"/>
              </a:buClr>
              <a:tabLst>
                <a:tab pos="685800" algn="l"/>
              </a:tabLst>
            </a:pPr>
            <a:r>
              <a:rPr lang="pt-BR" sz="3200" b="1" dirty="0">
                <a:solidFill>
                  <a:schemeClr val="tx1">
                    <a:lumMod val="75000"/>
                  </a:schemeClr>
                </a:solidFill>
                <a:latin typeface="Century Gothic" panose="020B0502020202020204" pitchFamily="34" charset="0"/>
              </a:rPr>
              <a:t>2</a:t>
            </a:r>
            <a:r>
              <a:rPr lang="pt-BR" sz="2000" b="1" dirty="0">
                <a:solidFill>
                  <a:schemeClr val="accent2">
                    <a:lumMod val="50000"/>
                  </a:schemeClr>
                </a:solidFill>
                <a:latin typeface="Century Gothic" panose="020B0502020202020204" pitchFamily="34" charset="0"/>
              </a:rPr>
              <a:t> </a:t>
            </a: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RETOMADA DA GUERRA COMERCIAL</a:t>
            </a:r>
          </a:p>
          <a:p>
            <a:pPr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Nas últimas semanas, o assunto foi retomado e houve escalada das tensões. O tema ainda tem gerado incerteza e deve trazer volatilidade aos mercados.</a:t>
            </a:r>
          </a:p>
        </p:txBody>
      </p:sp>
      <p:sp>
        <p:nvSpPr>
          <p:cNvPr id="16" name="Rectangle 2"/>
          <p:cNvSpPr>
            <a:spLocks noChangeArrowheads="1"/>
          </p:cNvSpPr>
          <p:nvPr/>
        </p:nvSpPr>
        <p:spPr bwMode="auto">
          <a:xfrm>
            <a:off x="1524001" y="1273773"/>
            <a:ext cx="4161247" cy="2860358"/>
          </a:xfrm>
          <a:prstGeom prst="round2Diag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>
              <a:buClr>
                <a:srgbClr val="640000"/>
              </a:buClr>
              <a:tabLst>
                <a:tab pos="685800" algn="l"/>
              </a:tabLst>
            </a:pPr>
            <a:r>
              <a:rPr lang="pt-BR" sz="3200" b="1" dirty="0">
                <a:solidFill>
                  <a:schemeClr val="tx1">
                    <a:lumMod val="75000"/>
                  </a:schemeClr>
                </a:solidFill>
                <a:latin typeface="Century Gothic" panose="020B0502020202020204" pitchFamily="34" charset="0"/>
              </a:rPr>
              <a:t>1</a:t>
            </a:r>
            <a:r>
              <a:rPr lang="pt-BR" sz="2000" b="1" dirty="0">
                <a:solidFill>
                  <a:schemeClr val="accent2">
                    <a:lumMod val="50000"/>
                  </a:schemeClr>
                </a:solidFill>
                <a:latin typeface="Century Gothic" panose="020B0502020202020204" pitchFamily="34" charset="0"/>
              </a:rPr>
              <a:t> </a:t>
            </a: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MODERAÇÃO DO CRESCIMENTO GLOBAL EM 2019</a:t>
            </a:r>
          </a:p>
          <a:p>
            <a:pPr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O crescimento surpreendeu positivamente no primeiro trimestre. No entanto, há sinais de moderação adicional da atividade no mundo.</a:t>
            </a:r>
          </a:p>
        </p:txBody>
      </p:sp>
      <p:sp>
        <p:nvSpPr>
          <p:cNvPr id="18" name="Rectangle 2"/>
          <p:cNvSpPr>
            <a:spLocks noChangeArrowheads="1"/>
          </p:cNvSpPr>
          <p:nvPr/>
        </p:nvSpPr>
        <p:spPr bwMode="auto">
          <a:xfrm>
            <a:off x="6223249" y="3926815"/>
            <a:ext cx="4168317" cy="2860358"/>
          </a:xfrm>
          <a:prstGeom prst="round2Diag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>
              <a:buClr>
                <a:srgbClr val="640000"/>
              </a:buClr>
              <a:tabLst>
                <a:tab pos="685800" algn="l"/>
              </a:tabLst>
            </a:pPr>
            <a:r>
              <a:rPr lang="pt-BR" sz="3200" b="1" dirty="0">
                <a:solidFill>
                  <a:schemeClr val="tx1">
                    <a:lumMod val="75000"/>
                  </a:schemeClr>
                </a:solidFill>
                <a:latin typeface="Century Gothic" panose="020B0502020202020204" pitchFamily="34" charset="0"/>
              </a:rPr>
              <a:t>4</a:t>
            </a:r>
            <a:r>
              <a:rPr lang="pt-BR" sz="2000" b="1" dirty="0">
                <a:solidFill>
                  <a:schemeClr val="accent2">
                    <a:lumMod val="50000"/>
                  </a:schemeClr>
                </a:solidFill>
                <a:latin typeface="Century Gothic" panose="020B0502020202020204" pitchFamily="34" charset="0"/>
              </a:rPr>
              <a:t> </a:t>
            </a: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ENFRAQUECIMENTO DO DÓLAR PODE BENEFICIAR OS EMERGENTES</a:t>
            </a:r>
          </a:p>
          <a:p>
            <a:pPr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Com o risco de moderação do crescimento e corte dos juros pelo FED, o enfraquecimento do dólar pode beneficiar os emergentes.</a:t>
            </a:r>
          </a:p>
        </p:txBody>
      </p:sp>
      <p:sp>
        <p:nvSpPr>
          <p:cNvPr id="19" name="Rectangle 2"/>
          <p:cNvSpPr>
            <a:spLocks noChangeArrowheads="1"/>
          </p:cNvSpPr>
          <p:nvPr/>
        </p:nvSpPr>
        <p:spPr bwMode="auto">
          <a:xfrm>
            <a:off x="1670742" y="3965930"/>
            <a:ext cx="4168317" cy="2519839"/>
          </a:xfrm>
          <a:prstGeom prst="round2Diag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 anchor="ctr">
            <a:spAutoFit/>
          </a:bodyPr>
          <a:lstStyle/>
          <a:p>
            <a:pPr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sz="3200" b="1" dirty="0">
                <a:solidFill>
                  <a:schemeClr val="tx1">
                    <a:lumMod val="75000"/>
                  </a:schemeClr>
                </a:solidFill>
                <a:latin typeface="Century Gothic" panose="020B0502020202020204" pitchFamily="34" charset="0"/>
              </a:rPr>
              <a:t>3</a:t>
            </a:r>
            <a:r>
              <a:rPr lang="pt-BR" sz="2000" b="1" dirty="0">
                <a:solidFill>
                  <a:schemeClr val="accent2">
                    <a:lumMod val="50000"/>
                  </a:schemeClr>
                </a:solidFill>
                <a:latin typeface="Century Gothic" panose="020B0502020202020204" pitchFamily="34" charset="0"/>
              </a:rPr>
              <a:t> </a:t>
            </a:r>
            <a:r>
              <a:rPr lang="pt-BR" sz="2000" b="1" dirty="0">
                <a:solidFill>
                  <a:srgbClr val="0552A7">
                    <a:lumMod val="50000"/>
                  </a:srgbClr>
                </a:solidFill>
                <a:latin typeface="Century Gothic" panose="020B0502020202020204" pitchFamily="34" charset="0"/>
              </a:rPr>
              <a:t>FED SINALIZOU REVISÃO DA POLÍTICA MONETÁRIA </a:t>
            </a:r>
          </a:p>
          <a:p>
            <a:pPr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Caso a atividade mostre sinais de arrecefimento, o Fed pode revisar a política monetára.</a:t>
            </a:r>
          </a:p>
          <a:p>
            <a:pPr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Esperamos que os juros caiam </a:t>
            </a:r>
          </a:p>
          <a:p>
            <a:pPr>
              <a:buClr>
                <a:srgbClr val="640000"/>
              </a:buClr>
              <a:tabLst>
                <a:tab pos="685800" algn="l"/>
              </a:tabLst>
              <a:defRPr/>
            </a:pPr>
            <a:r>
              <a:rPr lang="pt-BR" dirty="0">
                <a:solidFill>
                  <a:srgbClr val="757371">
                    <a:lumMod val="75000"/>
                  </a:srgbClr>
                </a:solidFill>
                <a:latin typeface="Century Gothic" panose="020B0502020202020204" pitchFamily="34" charset="0"/>
              </a:rPr>
              <a:t>1% em 2019.</a:t>
            </a:r>
          </a:p>
        </p:txBody>
      </p:sp>
    </p:spTree>
    <p:extLst>
      <p:ext uri="{BB962C8B-B14F-4D97-AF65-F5344CB8AC3E}">
        <p14:creationId xmlns:p14="http://schemas.microsoft.com/office/powerpoint/2010/main" val="3165148043"/>
      </p:ext>
    </p:extLst>
  </p:cSld>
  <p:clrMapOvr>
    <a:masterClrMapping/>
  </p:clrMapOvr>
</p:sld>
</file>

<file path=ppt/theme/theme1.xml><?xml version="1.0" encoding="utf-8"?>
<a:theme xmlns:a="http://schemas.openxmlformats.org/drawingml/2006/main" name="CAPA">
  <a:themeElements>
    <a:clrScheme name="Tema do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Tema do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ema do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Tema do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Thiago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08305B"/>
    </a:accent1>
    <a:accent2>
      <a:srgbClr val="3F3F3F"/>
    </a:accent2>
    <a:accent3>
      <a:srgbClr val="7C0000"/>
    </a:accent3>
    <a:accent4>
      <a:srgbClr val="926F48"/>
    </a:accent4>
    <a:accent5>
      <a:srgbClr val="094587"/>
    </a:accent5>
    <a:accent6>
      <a:srgbClr val="C0C0C0"/>
    </a:accent6>
    <a:hlink>
      <a:srgbClr val="0000FF"/>
    </a:hlink>
    <a:folHlink>
      <a:srgbClr val="800080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5.xml><?xml version="1.0" encoding="utf-8"?>
<a:themeOverride xmlns:a="http://schemas.openxmlformats.org/drawingml/2006/main">
  <a:clrScheme name="1_A4 Non-Message Driven HSBC 1">
    <a:dk1>
      <a:srgbClr val="000000"/>
    </a:dk1>
    <a:lt1>
      <a:srgbClr val="FFFFFF"/>
    </a:lt1>
    <a:dk2>
      <a:srgbClr val="FF0000"/>
    </a:dk2>
    <a:lt2>
      <a:srgbClr val="EAEAEA"/>
    </a:lt2>
    <a:accent1>
      <a:srgbClr val="194173"/>
    </a:accent1>
    <a:accent2>
      <a:srgbClr val="B9D3ED"/>
    </a:accent2>
    <a:accent3>
      <a:srgbClr val="FFFFFF"/>
    </a:accent3>
    <a:accent4>
      <a:srgbClr val="000000"/>
    </a:accent4>
    <a:accent5>
      <a:srgbClr val="ABB0BC"/>
    </a:accent5>
    <a:accent6>
      <a:srgbClr val="A7BFD7"/>
    </a:accent6>
    <a:hlink>
      <a:srgbClr val="559FD3"/>
    </a:hlink>
    <a:folHlink>
      <a:srgbClr val="FDB812"/>
    </a:folHlink>
  </a:clrScheme>
  <a:fontScheme name="1_A4 Non-Message Driven HSBC">
    <a:majorFont>
      <a:latin typeface="Arial"/>
      <a:ea typeface=""/>
      <a:cs typeface="Arial"/>
    </a:majorFont>
    <a:minorFont>
      <a:latin typeface="Arial"/>
      <a:ea typeface=""/>
      <a:cs typeface="Arial"/>
    </a:minorFont>
  </a:fontScheme>
  <a:fmtScheme name="Escritório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2879</TotalTime>
  <Words>2755</Words>
  <Application>Microsoft Office PowerPoint</Application>
  <PresentationFormat>Widescreen</PresentationFormat>
  <Paragraphs>833</Paragraphs>
  <Slides>45</Slides>
  <Notes>0</Notes>
  <HiddenSlides>0</HiddenSlides>
  <MMClips>0</MMClips>
  <ScaleCrop>false</ScaleCrop>
  <HeadingPairs>
    <vt:vector size="8" baseType="variant">
      <vt:variant>
        <vt:lpstr>Fontes usadas</vt:lpstr>
      </vt:variant>
      <vt:variant>
        <vt:i4>7</vt:i4>
      </vt:variant>
      <vt:variant>
        <vt:lpstr>Tema</vt:lpstr>
      </vt:variant>
      <vt:variant>
        <vt:i4>1</vt:i4>
      </vt:variant>
      <vt:variant>
        <vt:lpstr>Vínculos</vt:lpstr>
      </vt:variant>
      <vt:variant>
        <vt:i4>2</vt:i4>
      </vt:variant>
      <vt:variant>
        <vt:lpstr>Títulos de slides</vt:lpstr>
      </vt:variant>
      <vt:variant>
        <vt:i4>45</vt:i4>
      </vt:variant>
    </vt:vector>
  </HeadingPairs>
  <TitlesOfParts>
    <vt:vector size="55" baseType="lpstr">
      <vt:lpstr>Arial</vt:lpstr>
      <vt:lpstr>Calibri</vt:lpstr>
      <vt:lpstr>Calibri Light</vt:lpstr>
      <vt:lpstr>Century Gothic</vt:lpstr>
      <vt:lpstr>NewJune-Regular</vt:lpstr>
      <vt:lpstr>Times New Roman</vt:lpstr>
      <vt:lpstr>Wingdings</vt:lpstr>
      <vt:lpstr>CAPA</vt:lpstr>
      <vt:lpstr>file:///\\d8231s051\Area_Comum\Macroeconomia\Dados%20Econômicos\Projeções\Internacional\Mundo\Atividade\PIB\PIB%20resumo.xlsx!GDP%20annual%20chg%20Constant%20(IMF)!%5bPIB%20resumo.xlsx%5dGDP%20annual%20chg%20Constant%20(IMF)%20Chart%2013</vt:lpstr>
      <vt:lpstr>file:///\\d8231s051\Area_Comum\Macroeconomia\Dados%20Econômicos\Projeções\Internacional\Mundo\Atividade\PMI\PMI%20Mundial%20FMI.xlsx!Gráficos!%5bPMI%20Mundial%20FMI.xlsx%5dGráficos%20Gráfico%2044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</vt:vector>
  </TitlesOfParts>
  <Company>BANCO BADESCO S.A.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resentação do PowerPoint</dc:title>
  <dc:creator>Banco Bradesco</dc:creator>
  <cp:lastModifiedBy>MEETING</cp:lastModifiedBy>
  <cp:revision>322</cp:revision>
  <dcterms:created xsi:type="dcterms:W3CDTF">2019-04-15T14:50:57Z</dcterms:created>
  <dcterms:modified xsi:type="dcterms:W3CDTF">2019-06-27T14:04:39Z</dcterms:modified>
</cp:coreProperties>
</file>